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2325"/>
  <workbookPr defaultThemeVersion="166925"/>
  <mc:AlternateContent xmlns:mc="http://schemas.openxmlformats.org/markup-compatibility/2006">
    <mc:Choice Requires="x15">
      <x15ac:absPath xmlns:x15ac="http://schemas.microsoft.com/office/spreadsheetml/2010/11/ac" url="H:\TI Corporativa\07 - SGSI\51 - Sentinella\DLP\"/>
    </mc:Choice>
  </mc:AlternateContent>
  <xr:revisionPtr revIDLastSave="0" documentId="8_{99554E22-EDCA-4EA4-B404-FEE68E6311C6}" xr6:coauthVersionLast="45" xr6:coauthVersionMax="45" xr10:uidLastSave="{00000000-0000-0000-0000-000000000000}"/>
  <bookViews>
    <workbookView xWindow="4035" yWindow="300" windowWidth="16830" windowHeight="12600"/>
  </bookViews>
  <sheets>
    <sheet name="ALGAR_27012020" sheetId="1" r:id="rId1"/>
  </sheets>
  <definedNames>
    <definedName name="_xlnm._FilterDatabase" localSheetId="0" hidden="1">ALGAR_27012020!$A$1:$AC$222970</definedName>
  </definedNames>
  <calcPr calcId="0"/>
</workbook>
</file>

<file path=xl/sharedStrings.xml><?xml version="1.0" encoding="utf-8"?>
<sst xmlns="http://schemas.openxmlformats.org/spreadsheetml/2006/main" count="4743634" uniqueCount="83520">
  <si>
    <t>#</t>
  </si>
  <si>
    <t>Generated</t>
  </si>
  <si>
    <t>Received</t>
  </si>
  <si>
    <t>Severity</t>
  </si>
  <si>
    <t>Status</t>
  </si>
  <si>
    <t>Manager</t>
  </si>
  <si>
    <t>Department</t>
  </si>
  <si>
    <t>Policy</t>
  </si>
  <si>
    <t>Product Entity/Endpoint</t>
  </si>
  <si>
    <t>Product</t>
  </si>
  <si>
    <t>Product/Endpoint IP</t>
  </si>
  <si>
    <t>Product/Endpoint MAC</t>
  </si>
  <si>
    <t>Managing Server</t>
  </si>
  <si>
    <t>Endpoint</t>
  </si>
  <si>
    <t>Incident Source (AD Account)</t>
  </si>
  <si>
    <t>Incident Source (Sender)</t>
  </si>
  <si>
    <t>WebSite</t>
  </si>
  <si>
    <t>Recipient</t>
  </si>
  <si>
    <t>Subject</t>
  </si>
  <si>
    <t>File Location</t>
  </si>
  <si>
    <t>File</t>
  </si>
  <si>
    <t>File/Data Size</t>
  </si>
  <si>
    <t>Rule</t>
  </si>
  <si>
    <t>Template</t>
  </si>
  <si>
    <t>Channel</t>
  </si>
  <si>
    <t>Destination</t>
  </si>
  <si>
    <t>Action</t>
  </si>
  <si>
    <t>Incidents</t>
  </si>
  <si>
    <t>Cloud Service Vendor</t>
  </si>
  <si>
    <t>Undefined</t>
  </si>
  <si>
    <t>New</t>
  </si>
  <si>
    <t>N/A</t>
  </si>
  <si>
    <t>UDPAVAP04</t>
  </si>
  <si>
    <t>OfficeScan</t>
  </si>
  <si>
    <t>10.200.67.225</t>
  </si>
  <si>
    <t>D0-94-66-B5-7F-81</t>
  </si>
  <si>
    <t>UDPTCMAP01</t>
  </si>
  <si>
    <t>VOTORANT-PB018</t>
  </si>
  <si>
    <t>DLP_BV</t>
  </si>
  <si>
    <t>Algar_any</t>
  </si>
  <si>
    <t>SMB</t>
  </si>
  <si>
    <t>Logged</t>
  </si>
  <si>
    <t>10.200.67.61</t>
  </si>
  <si>
    <t>D0-94-66-B5-5E-10</t>
  </si>
  <si>
    <t>VOTORANT-YB018</t>
  </si>
  <si>
    <t>10.200.66.92</t>
  </si>
  <si>
    <t>D0-94-66-B5-5C-BF</t>
  </si>
  <si>
    <t>VOTORANT-AFB015</t>
  </si>
  <si>
    <t>10.200.66.4</t>
  </si>
  <si>
    <t>D0-94-66-B5-52-D3</t>
  </si>
  <si>
    <t>VOTORANT-AFB016</t>
  </si>
  <si>
    <t>10.200.67.220</t>
  </si>
  <si>
    <t>D0-94-66-B5-4C-06</t>
  </si>
  <si>
    <t>VOTORANT-SB016</t>
  </si>
  <si>
    <t>10.200.66.215</t>
  </si>
  <si>
    <t>D0-94-66-B5-70-18</t>
  </si>
  <si>
    <t>VOTORANT-AFB017</t>
  </si>
  <si>
    <t>10.200.66.207</t>
  </si>
  <si>
    <t>D0-94-66-B5-4E-11</t>
  </si>
  <si>
    <t>VOTORANT-AFB018</t>
  </si>
  <si>
    <t>10.200.66.101</t>
  </si>
  <si>
    <t>D0-94-66-B5-7F-8F</t>
  </si>
  <si>
    <t>VOTORANT-AFB019</t>
  </si>
  <si>
    <t>10.200.67.106</t>
  </si>
  <si>
    <t>D0-94-66-B5-7F-97</t>
  </si>
  <si>
    <t>VOTORANT-SB018</t>
  </si>
  <si>
    <t>01/13/2020 00:04:27</t>
  </si>
  <si>
    <t>01/13/2020 00:06:25</t>
  </si>
  <si>
    <t>10.200.66.161</t>
  </si>
  <si>
    <t>74-86-7A-FD-D1-73</t>
  </si>
  <si>
    <t>VOTORANT-VB016</t>
  </si>
  <si>
    <t>rogeriofd</t>
  </si>
  <si>
    <t>\\acsfs\profiles$\rogeriofd\Downloads\</t>
  </si>
  <si>
    <t>2221e4db-c1b9-49e7-a8df-5fc7e4897896.tmp</t>
  </si>
  <si>
    <t>\\acsfs\profiles$\rogeriofd\Downloads\2221e4db-c1b9-49e7-a8df-5fc7e4897896.tmp</t>
  </si>
  <si>
    <t>10.200.67.221</t>
  </si>
  <si>
    <t>D0-94-66-B5-4D-33</t>
  </si>
  <si>
    <t>VOTORANT-SB013</t>
  </si>
  <si>
    <t>10.200.66.200</t>
  </si>
  <si>
    <t>D0-94-66-B5-4C-A0</t>
  </si>
  <si>
    <t>VOTORANT-AFB020</t>
  </si>
  <si>
    <t>10.200.66.27</t>
  </si>
  <si>
    <t>D0-94-66-B5-4E-28</t>
  </si>
  <si>
    <t>VOTORANT-YB020</t>
  </si>
  <si>
    <t>10.200.66.216</t>
  </si>
  <si>
    <t>D0-94-66-B5-4E-72</t>
  </si>
  <si>
    <t>VOTORANT-AFB021</t>
  </si>
  <si>
    <t>10.200.66.214</t>
  </si>
  <si>
    <t>D0-94-66-B5-7F-BE</t>
  </si>
  <si>
    <t>VOTORANT-ACB018</t>
  </si>
  <si>
    <t>10.200.67.216</t>
  </si>
  <si>
    <t>D0-94-66-B5-70-7C</t>
  </si>
  <si>
    <t>VOTORANT-SB014</t>
  </si>
  <si>
    <t>10.200.66.96</t>
  </si>
  <si>
    <t>D0-94-66-B5-60-54</t>
  </si>
  <si>
    <t>VOTORANT-ACB019</t>
  </si>
  <si>
    <t>10.200.66.176</t>
  </si>
  <si>
    <t>D0-94-66-B5-5C-AF</t>
  </si>
  <si>
    <t>VOTORANT-ACB017</t>
  </si>
  <si>
    <t>10.200.66.209</t>
  </si>
  <si>
    <t>D0-94-66-B5-71-07</t>
  </si>
  <si>
    <t>VOTORANT-ACB016</t>
  </si>
  <si>
    <t>10.200.66.89</t>
  </si>
  <si>
    <t>D0-94-66-B5-5D-62</t>
  </si>
  <si>
    <t>VOTORANT-ACB013</t>
  </si>
  <si>
    <t>10.200.67.223</t>
  </si>
  <si>
    <t>D0-94-66-B5-48-53</t>
  </si>
  <si>
    <t>VOTORANT-PB020</t>
  </si>
  <si>
    <t>10.200.66.105</t>
  </si>
  <si>
    <t>D0-94-66-B5-70-B6</t>
  </si>
  <si>
    <t>VOTORANT-ACB015</t>
  </si>
  <si>
    <t>10.200.67.207</t>
  </si>
  <si>
    <t>D0-94-66-B5-52-D2</t>
  </si>
  <si>
    <t>VOTORANT-RB016</t>
  </si>
  <si>
    <t>10.200.66.206</t>
  </si>
  <si>
    <t>D0-94-66-B5-7F-B9</t>
  </si>
  <si>
    <t>VOTORANT-ACB014</t>
  </si>
  <si>
    <t>10.200.67.108</t>
  </si>
  <si>
    <t>D0-94-66-B5-52-C1</t>
  </si>
  <si>
    <t>VOTORANT-RB017</t>
  </si>
  <si>
    <t>10.200.67.111</t>
  </si>
  <si>
    <t>D0-94-66-B5-4D-46</t>
  </si>
  <si>
    <t>VOTORANT-PB016</t>
  </si>
  <si>
    <t>10.200.67.219</t>
  </si>
  <si>
    <t>D0-94-66-B5-5D-AC</t>
  </si>
  <si>
    <t>VOTORANT-SB017</t>
  </si>
  <si>
    <t>10.200.67.197</t>
  </si>
  <si>
    <t>D0-94-66-B5-5D-C0</t>
  </si>
  <si>
    <t>VOTORANT-RB014</t>
  </si>
  <si>
    <t>10.200.67.198</t>
  </si>
  <si>
    <t>D0-94-66-B5-7E-A3</t>
  </si>
  <si>
    <t>VOTORANT-RB015</t>
  </si>
  <si>
    <t>10.200.66.80</t>
  </si>
  <si>
    <t>D0-94-66-B5-48-0A</t>
  </si>
  <si>
    <t>VOTORANT-ZB013</t>
  </si>
  <si>
    <t>10.200.67.185</t>
  </si>
  <si>
    <t>D0-94-66-B5-5D-08</t>
  </si>
  <si>
    <t>VOTORANT-ABB013</t>
  </si>
  <si>
    <t>10.200.66.189</t>
  </si>
  <si>
    <t>D0-94-66-B5-4E-54</t>
  </si>
  <si>
    <t>VOTORANT-ZB017</t>
  </si>
  <si>
    <t>10.200.67.66</t>
  </si>
  <si>
    <t>D0-94-66-B5-4D-6C</t>
  </si>
  <si>
    <t>VOTORANT-ABB014</t>
  </si>
  <si>
    <t>10.200.67.159</t>
  </si>
  <si>
    <t>D0-94-66-B5-5C-AB</t>
  </si>
  <si>
    <t>VOTORANT-ZB014</t>
  </si>
  <si>
    <t>10.200.67.104</t>
  </si>
  <si>
    <t>D0-94-66-B5-7C-75</t>
  </si>
  <si>
    <t>VOTORANT-ZB016</t>
  </si>
  <si>
    <t>10.200.67.215</t>
  </si>
  <si>
    <t>D0-94-66-B5-5D-F2</t>
  </si>
  <si>
    <t>VOTORANT-ABB015</t>
  </si>
  <si>
    <t>10.200.67.214</t>
  </si>
  <si>
    <t>D0-94-66-B5-5F-36</t>
  </si>
  <si>
    <t>VOTORANT-ABB016</t>
  </si>
  <si>
    <t>10.200.67.213</t>
  </si>
  <si>
    <t>D0-94-66-B5-7F-59</t>
  </si>
  <si>
    <t>VOTORANT-SB015</t>
  </si>
  <si>
    <t>10.200.67.105</t>
  </si>
  <si>
    <t>D0-94-66-B5-5D-AE</t>
  </si>
  <si>
    <t>VOTORANT-SB020</t>
  </si>
  <si>
    <t>10.200.66.95</t>
  </si>
  <si>
    <t>D0-94-66-B5-4D-B2</t>
  </si>
  <si>
    <t>VOTORANT-AFB013</t>
  </si>
  <si>
    <t>10.200.66.97</t>
  </si>
  <si>
    <t>D0-94-66-B5-5A-F1</t>
  </si>
  <si>
    <t>VOTORANT-ACB020</t>
  </si>
  <si>
    <t>10.200.67.103</t>
  </si>
  <si>
    <t>D0-94-66-B5-5E-06</t>
  </si>
  <si>
    <t>VOTORANT-AFB014</t>
  </si>
  <si>
    <t>10.200.67.41</t>
  </si>
  <si>
    <t>D0-94-66-B5-48-1D</t>
  </si>
  <si>
    <t>VOTORANT-YB017</t>
  </si>
  <si>
    <t>10.200.67.181</t>
  </si>
  <si>
    <t>D0-94-66-B5-5D-E9</t>
  </si>
  <si>
    <t>VOTORANT-YB013</t>
  </si>
  <si>
    <t>10.200.67.72</t>
  </si>
  <si>
    <t>D0-94-66-B5-7F-79</t>
  </si>
  <si>
    <t>VOTORANT-YB019</t>
  </si>
  <si>
    <t>10.200.67.224</t>
  </si>
  <si>
    <t>D0-94-66-B5-4E-B0</t>
  </si>
  <si>
    <t>VOTORANT-PB019</t>
  </si>
  <si>
    <t>01/13/2020 05:17:52</t>
  </si>
  <si>
    <t>01/13/2020 05:21:27</t>
  </si>
  <si>
    <t>dce20ef4-4f1f-4331-a1ad-20d75315ecea.tmp</t>
  </si>
  <si>
    <t>\\acsfs\profiles$\rogeriofd\Downloads\dce20ef4-4f1f-4331-a1ad-20d75315ecea.tmp</t>
  </si>
  <si>
    <t>01/13/2020 05:18:22</t>
  </si>
  <si>
    <t>6724ea60-bb0d-4bbb-808f-2209b95f67f9.tmp</t>
  </si>
  <si>
    <t>CPF BRASIL</t>
  </si>
  <si>
    <t>\\acsfs\profiles$\rogeriofd\Downloads\6724ea60-bb0d-4bbb-808f-2209b95f67f9.tmp</t>
  </si>
  <si>
    <t>01/13/2020 05:35:26</t>
  </si>
  <si>
    <t>01/13/2020 05:32:02</t>
  </si>
  <si>
    <t>BRADESCO LEGADO CIELO</t>
  </si>
  <si>
    <t>marlyannegdls</t>
  </si>
  <si>
    <t>\\acsfs\profiles$\marlyannegdls\Downloads\</t>
  </si>
  <si>
    <t>c8661148-b697-40d5-8d0f-eeac4cfdb1de.tmp</t>
  </si>
  <si>
    <t>\\acsfs\profiles$\marlyannegdls\Downloads\c8661148-b697-40d5-8d0f-eeac4cfdb1de.tmp</t>
  </si>
  <si>
    <t>01/13/2020 05:33:09</t>
  </si>
  <si>
    <t>b2ed2dc7-97e0-4757-97a2-aeb8a730ca7d.tmp</t>
  </si>
  <si>
    <t>\\acsfs\profiles$\marlyannegdls\Downloads\b2ed2dc7-97e0-4757-97a2-aeb8a730ca7d.tmp</t>
  </si>
  <si>
    <t>01/13/2020 05:46:12</t>
  </si>
  <si>
    <t>01/13/2020 05:48:26</t>
  </si>
  <si>
    <t>10.200.66.135</t>
  </si>
  <si>
    <t>34-E6-D7-FC-B8-42</t>
  </si>
  <si>
    <t>VOTORANT-WB018</t>
  </si>
  <si>
    <t>rozencam</t>
  </si>
  <si>
    <t>\\acsfs\profiles$\ROZENCAM\Downloads\</t>
  </si>
  <si>
    <t>639903b8-f168-4529-b3cb-189d33177eaf.tmp</t>
  </si>
  <si>
    <t>\\acsfs\profiles$\ROZENCAM\Downloads\639903b8-f168-4529-b3cb-189d33177eaf.tmp</t>
  </si>
  <si>
    <t>01/13/2020 05:55:32</t>
  </si>
  <si>
    <t>01/13/2020 06:00:26</t>
  </si>
  <si>
    <t>10.200.67.3</t>
  </si>
  <si>
    <t>34-E6-D7-FC-A1-E5</t>
  </si>
  <si>
    <t>VOTORANT-WB021</t>
  </si>
  <si>
    <t>lucasqdss</t>
  </si>
  <si>
    <t>\\acsfs\profiles$\lucasqdss\Downloads\</t>
  </si>
  <si>
    <t>57aca0ec-e906-40e0-bf72-44385d851aa5.tmp</t>
  </si>
  <si>
    <t>\\acsfs\profiles$\lucasqdss\Downloads\57aca0ec-e906-40e0-bf72-44385d851aa5.tmp</t>
  </si>
  <si>
    <t>01/13/2020 05:57:37</t>
  </si>
  <si>
    <t>ca9fa8d7-e6bb-4312-99cb-db85439086a7.tmp</t>
  </si>
  <si>
    <t>\\acsfs\profiles$\lucasqdss\Downloads\ca9fa8d7-e6bb-4312-99cb-db85439086a7.tmp</t>
  </si>
  <si>
    <t>01/13/2020 06:25:27</t>
  </si>
  <si>
    <t>01/13/2020 06:24:04</t>
  </si>
  <si>
    <t>CERRADO OPERACOES DE ESTABELECIMENTOS (EC)</t>
  </si>
  <si>
    <t>brunaar</t>
  </si>
  <si>
    <t>\\acsfs\profiles$\BRUNAAR\Downloads\</t>
  </si>
  <si>
    <t>6d9b3dda-54ee-497e-800f-0eea871547ec.tmp</t>
  </si>
  <si>
    <t>\\acsfs\profiles$\BRUNAAR\Downloads\6d9b3dda-54ee-497e-800f-0eea871547ec.tmp</t>
  </si>
  <si>
    <t>10.200.67.156</t>
  </si>
  <si>
    <t>78-2B-CB-C1-04-48</t>
  </si>
  <si>
    <t>VOTORANT-MB003</t>
  </si>
  <si>
    <t>Algar_Compressed Files</t>
  </si>
  <si>
    <t>HTTPS</t>
  </si>
  <si>
    <t>10.200.67.182</t>
  </si>
  <si>
    <t>78-2B-CB-C1-07-56</t>
  </si>
  <si>
    <t>VOTORANT-IB003</t>
  </si>
  <si>
    <t>01/13/2020 06:29:26</t>
  </si>
  <si>
    <t>01/13/2020 06:25:30</t>
  </si>
  <si>
    <t>danielac</t>
  </si>
  <si>
    <t>\\acsfs\profiles$\danielac\Downloads\</t>
  </si>
  <si>
    <t>16b53745-265f-4de1-8822-97d68d00439e.tmp</t>
  </si>
  <si>
    <t>\\acsfs\profiles$\danielac\Downloads\16b53745-265f-4de1-8822-97d68d00439e.tmp</t>
  </si>
  <si>
    <t>01/13/2020 06:25:43</t>
  </si>
  <si>
    <t>73da62d9-85cd-4e58-8a8b-b5d4eb121b2a.tmp</t>
  </si>
  <si>
    <t>\\acsfs\profiles$\danielac\Downloads\73da62d9-85cd-4e58-8a8b-b5d4eb121b2a.tmp</t>
  </si>
  <si>
    <t>01/13/2020 06:26:51</t>
  </si>
  <si>
    <t>452a643f-cf70-4a41-bc00-13211ab6ad64.tmp</t>
  </si>
  <si>
    <t>\\acsfs\profiles$\danielac\Downloads\452a643f-cf70-4a41-bc00-13211ab6ad64.tmp</t>
  </si>
  <si>
    <t>01/13/2020 06:26:36</t>
  </si>
  <si>
    <t>alynya</t>
  </si>
  <si>
    <t>\\acsfs\profiles$\ALYNYA\Downloads\</t>
  </si>
  <si>
    <t>87efc8e9-95c9-4473-b0c6-a21c50cb70e9.tmp</t>
  </si>
  <si>
    <t>\\acsfs\profiles$\ALYNYA\Downloads\87efc8e9-95c9-4473-b0c6-a21c50cb70e9.tmp</t>
  </si>
  <si>
    <t>01/13/2020 06:28:35</t>
  </si>
  <si>
    <t>5c6a2000-4223-43dd-aa30-f125fe58fda6.tmp</t>
  </si>
  <si>
    <t>\\acsfs\profiles$\ALYNYA\Downloads\5c6a2000-4223-43dd-aa30-f125fe58fda6.tmp</t>
  </si>
  <si>
    <t>01/13/2020 06:25:33</t>
  </si>
  <si>
    <t>01/13/2020 06:30:27</t>
  </si>
  <si>
    <t>6d137273-5c26-476d-bee7-f04a14b89bf2.tmp</t>
  </si>
  <si>
    <t>\\acsfs\profiles$\BRUNAAR\Downloads\6d137273-5c26-476d-bee7-f04a14b89bf2.tmp</t>
  </si>
  <si>
    <t>01/13/2020 06:34:26</t>
  </si>
  <si>
    <t>01/13/2020 06:30:02</t>
  </si>
  <si>
    <t>\\acsfs\profiles$\ALYNYA\My Documents\</t>
  </si>
  <si>
    <t>.~lock.controle de vendas alyny.ods#</t>
  </si>
  <si>
    <t>\\acsfs\profiles$\ALYNYA\My Documents\.~lock.controle de vendas alyny.ods#</t>
  </si>
  <si>
    <t>01/13/2020 06:30:29</t>
  </si>
  <si>
    <t>b60a97d4-2d10-4e0b-8b12-6a8f7d5ff3c3.tmp</t>
  </si>
  <si>
    <t>\\acsfs\profiles$\ALYNYA\Downloads\b60a97d4-2d10-4e0b-8b12-6a8f7d5ff3c3.tmp</t>
  </si>
  <si>
    <t>01/13/2020 06:40:55</t>
  </si>
  <si>
    <t>01/13/2020 06:41:27</t>
  </si>
  <si>
    <t>BANCO VOTORANTIM</t>
  </si>
  <si>
    <t>10.200.66.13</t>
  </si>
  <si>
    <t>78-2B-CB-C1-07-3E</t>
  </si>
  <si>
    <t>VOTORANT-GB017</t>
  </si>
  <si>
    <t>albertofn</t>
  </si>
  <si>
    <t>\\acsfs\profiles$\albertofn\Favorites\Links\</t>
  </si>
  <si>
    <t>Citrix Receiver.url</t>
  </si>
  <si>
    <t>\\acsfs\profiles$\albertofn\Favorites\Links\Citrix Receiver.url</t>
  </si>
  <si>
    <t>01/13/2020 06:47:26</t>
  </si>
  <si>
    <t>10.200.67.126</t>
  </si>
  <si>
    <t>74-86-7A-FB-17-FA</t>
  </si>
  <si>
    <t>VOTORANT-FB004</t>
  </si>
  <si>
    <t>01/13/2020 06:43:38</t>
  </si>
  <si>
    <t>10.200.67.135</t>
  </si>
  <si>
    <t>74-86-7A-FB-16-E4</t>
  </si>
  <si>
    <t>VOTORANT-MB007</t>
  </si>
  <si>
    <t>brendavdoa</t>
  </si>
  <si>
    <t>\\acsfs\profiles$\brendavdoa\Favorites\</t>
  </si>
  <si>
    <t>Citrix Receiver.url:favicon</t>
  </si>
  <si>
    <t>\\acsfs\profiles$\brendavdoa\Favorites\Citrix Receiver.url:favicon</t>
  </si>
  <si>
    <t>\\acsfs\profiles$\brendavdoa\Favorites\Citrix Receiver.url\</t>
  </si>
  <si>
    <t>:favicon:$DATA</t>
  </si>
  <si>
    <t>\\acsfs\profiles$\brendavdoa\Favorites\Citrix Receiver.url\:favicon:$DATA</t>
  </si>
  <si>
    <t>\\acsfs\profiles$\brendavdoa\Favorites\Citrix Receiver.url</t>
  </si>
  <si>
    <t>01/13/2020 06:44:37</t>
  </si>
  <si>
    <t>Welcome - 1 total view.url:favicon</t>
  </si>
  <si>
    <t>\\acsfs\profiles$\brendavdoa\Favorites\Welcome - 1 total view.url:favicon</t>
  </si>
  <si>
    <t>\\acsfs\profiles$\brendavdoa\Favorites\Welcome - 1 total view.url\</t>
  </si>
  <si>
    <t>\\acsfs\profiles$\brendavdoa\Favorites\Welcome - 1 total view.url\:favicon:$DATA</t>
  </si>
  <si>
    <t>Welcome - 1 total view.url</t>
  </si>
  <si>
    <t>\\acsfs\profiles$\brendavdoa\Favorites\Welcome - 1 total view.url</t>
  </si>
  <si>
    <t>01/13/2020 06:51:13</t>
  </si>
  <si>
    <t>01/13/2020 06:54:26</t>
  </si>
  <si>
    <t>10.200.66.134</t>
  </si>
  <si>
    <t>74-86-7A-FB-14-32</t>
  </si>
  <si>
    <t>VOTORANT-ABB005</t>
  </si>
  <si>
    <t>vivianealda</t>
  </si>
  <si>
    <t>\\acsfs\profiles$\vivianealda\Downloads\</t>
  </si>
  <si>
    <t>97e678d4-1952-4766-9e16-0ed8aa134f93.tmp</t>
  </si>
  <si>
    <t>\\acsfs\profiles$\vivianealda\Downloads\97e678d4-1952-4766-9e16-0ed8aa134f93.tmp</t>
  </si>
  <si>
    <t>01/13/2020 06:52:00</t>
  </si>
  <si>
    <t>9466e710-9a76-489d-a0e8-78d643ab091b.tmp</t>
  </si>
  <si>
    <t>\\acsfs\profiles$\vivianealda\Downloads\9466e710-9a76-489d-a0e8-78d643ab091b.tmp</t>
  </si>
  <si>
    <t>01/13/2020 06:55:26</t>
  </si>
  <si>
    <t>10.200.66.223</t>
  </si>
  <si>
    <t>D0-94-66-B5-52-C7</t>
  </si>
  <si>
    <t>VOTORANT-ZB019</t>
  </si>
  <si>
    <t>01/13/2020 06:51:29</t>
  </si>
  <si>
    <t>01/13/2020 06:56:26</t>
  </si>
  <si>
    <t>10.200.67.55</t>
  </si>
  <si>
    <t>64-1C-67-9D-1E-20</t>
  </si>
  <si>
    <t>VOTORANT-FB009</t>
  </si>
  <si>
    <t>anacdos</t>
  </si>
  <si>
    <t>\\acsfs\profiles$\anacdos\My Documents\xworkcenter\lex\</t>
  </si>
  <si>
    <t>temp.tlx</t>
  </si>
  <si>
    <t>\\acsfs\profiles$\anacdos\My Documents\xworkcenter\lex\temp.tlx</t>
  </si>
  <si>
    <t>01/13/2020 06:51:30</t>
  </si>
  <si>
    <t>01/13/2020 06:51:31</t>
  </si>
  <si>
    <t>01/13/2020 06:51:32</t>
  </si>
  <si>
    <t>01/13/2020 06:51:33</t>
  </si>
  <si>
    <t>01/13/2020 06:51:34</t>
  </si>
  <si>
    <t>01/13/2020 06:51:35</t>
  </si>
  <si>
    <t>01/13/2020 06:51:36</t>
  </si>
  <si>
    <t>01/13/2020 06:51:37</t>
  </si>
  <si>
    <t>01/13/2020 06:51:38</t>
  </si>
  <si>
    <t>01/13/2020 06:51:39</t>
  </si>
  <si>
    <t>01/13/2020 06:51:40</t>
  </si>
  <si>
    <t>01/13/2020 06:51:41</t>
  </si>
  <si>
    <t>01/13/2020 06:51:42</t>
  </si>
  <si>
    <t>01/13/2020 06:51:43</t>
  </si>
  <si>
    <t>01/13/2020 06:51:44</t>
  </si>
  <si>
    <t>01/13/2020 06:51:45</t>
  </si>
  <si>
    <t>01/13/2020 06:51:46</t>
  </si>
  <si>
    <t>01/13/2020 06:51:47</t>
  </si>
  <si>
    <t>01/13/2020 06:51:48</t>
  </si>
  <si>
    <t>01/13/2020 06:51:49</t>
  </si>
  <si>
    <t>01/13/2020 06:51:50</t>
  </si>
  <si>
    <t>01/13/2020 06:51:51</t>
  </si>
  <si>
    <t>01/13/2020 06:57:06</t>
  </si>
  <si>
    <t>01/13/2020 06:59:26</t>
  </si>
  <si>
    <t>1b8843ef-4611-4124-88a0-b178d2d47cb6.tmp</t>
  </si>
  <si>
    <t>\\acsfs\profiles$\vivianealda\Downloads\1b8843ef-4611-4124-88a0-b178d2d47cb6.tmp</t>
  </si>
  <si>
    <t>01/13/2020 06:57:20</t>
  </si>
  <si>
    <t>71a3c18c-e956-4bec-aaee-f17b0d3a69d6.tmp</t>
  </si>
  <si>
    <t>\\acsfs\profiles$\vivianealda\Downloads\71a3c18c-e956-4bec-aaee-f17b0d3a69d6.tmp</t>
  </si>
  <si>
    <t>10.200.66.115</t>
  </si>
  <si>
    <t>64-1C-67-9C-83-B8</t>
  </si>
  <si>
    <t>VOTORANT-OB018</t>
  </si>
  <si>
    <t>anafsb</t>
  </si>
  <si>
    <t>\\acsfs\profiles$\anafsb\Downloads\</t>
  </si>
  <si>
    <t>e3238da3-69f0-4c3b-b3d2-3c47de965f6b.tmp</t>
  </si>
  <si>
    <t>\\acsfs\profiles$\anafsb\Downloads\e3238da3-69f0-4c3b-b3d2-3c47de965f6b.tmp</t>
  </si>
  <si>
    <t>01/13/2020 06:55:27</t>
  </si>
  <si>
    <t>2397bf78-868d-4790-bd64-fa1b791960ff.tmp</t>
  </si>
  <si>
    <t>\\acsfs\profiles$\anafsb\Downloads\2397bf78-868d-4790-bd64-fa1b791960ff.tmp</t>
  </si>
  <si>
    <t>01/13/2020 06:55:30</t>
  </si>
  <si>
    <t>dfbfaddb-a1d7-48d0-a023-80136e115cfe.tmp</t>
  </si>
  <si>
    <t>\\acsfs\profiles$\anafsb\Downloads\dfbfaddb-a1d7-48d0-a023-80136e115cfe.tmp</t>
  </si>
  <si>
    <t>01/13/2020 06:56:11</t>
  </si>
  <si>
    <t>e0983637-9695-467a-b0e5-1a665dced079.tmp</t>
  </si>
  <si>
    <t>\\acsfs\profiles$\anafsb\Downloads\e0983637-9695-467a-b0e5-1a665dced079.tmp</t>
  </si>
  <si>
    <t>01/13/2020 06:56:27</t>
  </si>
  <si>
    <t>7c8fed1a-a9d0-4000-9813-c40e7433339f.tmp</t>
  </si>
  <si>
    <t>\\acsfs\profiles$\anafsb\Downloads\7c8fed1a-a9d0-4000-9813-c40e7433339f.tmp</t>
  </si>
  <si>
    <t>01/13/2020 07:00:26</t>
  </si>
  <si>
    <t>01/13/2020 06:55:57</t>
  </si>
  <si>
    <t>cintiadcf</t>
  </si>
  <si>
    <t>\\acsfs\profiles$\cintiadcf\Downloads\</t>
  </si>
  <si>
    <t>f12e0708-6a9e-44f7-bfbe-86a6f079cea8.tmp</t>
  </si>
  <si>
    <t>\\acsfs\profiles$\cintiadcf\Downloads\f12e0708-6a9e-44f7-bfbe-86a6f079cea8.tmp</t>
  </si>
  <si>
    <t>01/13/2020 06:56:03</t>
  </si>
  <si>
    <t>2656b3c1-1f1a-4437-94ab-05e29e76286b.tmp</t>
  </si>
  <si>
    <t>\\acsfs\profiles$\cintiadcf\Downloads\2656b3c1-1f1a-4437-94ab-05e29e76286b.tmp</t>
  </si>
  <si>
    <t>01/13/2020 06:57:12</t>
  </si>
  <si>
    <t>4d9c4a3e-4403-4b12-8d5b-6fb7772a4f9c.tmp</t>
  </si>
  <si>
    <t>\\acsfs\profiles$\cintiadcf\Downloads\4d9c4a3e-4403-4b12-8d5b-6fb7772a4f9c.tmp</t>
  </si>
  <si>
    <t>01/13/2020 06:59:42</t>
  </si>
  <si>
    <t>01/13/2020 07:02:26</t>
  </si>
  <si>
    <t>10.200.67.144</t>
  </si>
  <si>
    <t>64-1C-67-9D-1B-F4</t>
  </si>
  <si>
    <t>VOTORANT-FB011</t>
  </si>
  <si>
    <t>it.cpau.script</t>
  </si>
  <si>
    <t>\\acsfs\Maquinas$\</t>
  </si>
  <si>
    <t>syncOffCrtlLog.txt</t>
  </si>
  <si>
    <t>\\acsfs\Maquinas$\syncOffCrtlLog.txt</t>
  </si>
  <si>
    <t>01/13/2020 07:00:48</t>
  </si>
  <si>
    <t>01/13/2020 07:01:03</t>
  </si>
  <si>
    <t>01/13/2020 07:04:26</t>
  </si>
  <si>
    <t>b1a09615-5ce0-4367-a75e-806ac4e8c2bc.tmp</t>
  </si>
  <si>
    <t>\\acsfs\profiles$\vivianealda\Downloads\b1a09615-5ce0-4367-a75e-806ac4e8c2bc.tmp</t>
  </si>
  <si>
    <t>01/13/2020 07:01:18</t>
  </si>
  <si>
    <t>a3460252-9113-4db3-8cce-b91d0bc5ab82.tmp</t>
  </si>
  <si>
    <t>\\acsfs\profiles$\vivianealda\Downloads\a3460252-9113-4db3-8cce-b91d0bc5ab82.tmp</t>
  </si>
  <si>
    <t>10.200.66.168</t>
  </si>
  <si>
    <t>64-1C-67-9C-84-A3</t>
  </si>
  <si>
    <t>VOTORANT-JB015</t>
  </si>
  <si>
    <t>gustavoab</t>
  </si>
  <si>
    <t>\\acsfs\profiles$\gustavoab\Downloads\</t>
  </si>
  <si>
    <t>8654484e-50db-4e26-a41d-d3477c1ff294.tmp</t>
  </si>
  <si>
    <t>\\acsfs\profiles$\gustavoab\Downloads\8654484e-50db-4e26-a41d-d3477c1ff294.tmp</t>
  </si>
  <si>
    <t>01/13/2020 07:01:56</t>
  </si>
  <si>
    <t>bf9c0ac7-cc5c-45e7-98f4-7512ee5cb418.tmp</t>
  </si>
  <si>
    <t>\\acsfs\profiles$\gustavoab\Downloads\bf9c0ac7-cc5c-45e7-98f4-7512ee5cb418.tmp</t>
  </si>
  <si>
    <t>01/13/2020 07:02:27</t>
  </si>
  <si>
    <t>c4f5e5b7-c13b-48a4-9cfa-860d65b6a742.tmp</t>
  </si>
  <si>
    <t>\\acsfs\profiles$\gustavoab\Downloads\c4f5e5b7-c13b-48a4-9cfa-860d65b6a742.tmp</t>
  </si>
  <si>
    <t>01/13/2020 07:02:29</t>
  </si>
  <si>
    <t>01/13/2020 07:05:27</t>
  </si>
  <si>
    <t>10.200.67.13</t>
  </si>
  <si>
    <t>64-1C-67-9D-1E-3A</t>
  </si>
  <si>
    <t>VOTORANT-FB010</t>
  </si>
  <si>
    <t>gleycekos</t>
  </si>
  <si>
    <t>\\acsfs\profiles$\gleycekos\Contacts\</t>
  </si>
  <si>
    <t>Gleyce Kelly Oliveira Silva (27).contact</t>
  </si>
  <si>
    <t>\\acsfs\profiles$\gleycekos\Contacts\Gleyce Kelly Oliveira Silva (27).contact</t>
  </si>
  <si>
    <t>01/13/2020 07:02:36</t>
  </si>
  <si>
    <t>\\acsfs\profiles$\gleycekos\My Documents\My Videos\</t>
  </si>
  <si>
    <t>desktop.ini</t>
  </si>
  <si>
    <t>\\acsfs\profiles$\gleycekos\My Documents\My Videos\desktop.ini</t>
  </si>
  <si>
    <t>01/13/2020 07:02:37</t>
  </si>
  <si>
    <t>\\acsfs\profiles$\gleycekos\My Documents\My Pictures\</t>
  </si>
  <si>
    <t>\\acsfs\profiles$\gleycekos\My Documents\My Pictures\desktop.ini</t>
  </si>
  <si>
    <t>\\acsfs\profiles$\gleycekos\Contacts\desktop.ini</t>
  </si>
  <si>
    <t>01/13/2020 07:02:38</t>
  </si>
  <si>
    <t>\\acsfs\profiles$\gleycekos\Favorites\</t>
  </si>
  <si>
    <t>\\acsfs\profiles$\gleycekos\Favorites\desktop.ini</t>
  </si>
  <si>
    <t>\\acsfs\profiles$\gleycekos\My Documents\My Music\</t>
  </si>
  <si>
    <t>\\acsfs\profiles$\gleycekos\My Documents\My Music\desktop.ini</t>
  </si>
  <si>
    <t>01/13/2020 07:02:39</t>
  </si>
  <si>
    <t>01/13/2020 07:02:40</t>
  </si>
  <si>
    <t>\\acsfs\profiles$\gleycekos\Searches\</t>
  </si>
  <si>
    <t>\\acsfs\profiles$\gleycekos\Searches\desktop.ini</t>
  </si>
  <si>
    <t>\\acsfs\profiles$\gleycekos\Downloads\</t>
  </si>
  <si>
    <t>\\acsfs\profiles$\gleycekos\Downloads\desktop.ini</t>
  </si>
  <si>
    <t>01/13/2020 07:02:41</t>
  </si>
  <si>
    <t>\\acsfs\profiles$\gleycekos\My Documents\</t>
  </si>
  <si>
    <t>\\acsfs\profiles$\gleycekos\My Documents\desktop.ini</t>
  </si>
  <si>
    <t>01/13/2020 07:02:42</t>
  </si>
  <si>
    <t>\\acsfs\profiles$\gleycekos\Saved Games\</t>
  </si>
  <si>
    <t>\\acsfs\profiles$\gleycekos\Saved Games\desktop.ini</t>
  </si>
  <si>
    <t>01/13/2020 07:02:53</t>
  </si>
  <si>
    <t>\\acsfs\profiles$\gleycekos\Favorites\Links for Brasil\</t>
  </si>
  <si>
    <t>\\acsfs\profiles$\gleycekos\Favorites\Links for Brasil\desktop.ini</t>
  </si>
  <si>
    <t>Microsoft Brasil.url</t>
  </si>
  <si>
    <t>\\acsfs\profiles$\gleycekos\Favorites\Links for Brasil\Microsoft Brasil.url</t>
  </si>
  <si>
    <t>Windows Brasil.url</t>
  </si>
  <si>
    <t>\\acsfs\profiles$\gleycekos\Favorites\Links for Brasil\Windows Brasil.url</t>
  </si>
  <si>
    <t>01/13/2020 07:02:54</t>
  </si>
  <si>
    <t>MSN Brasil.url</t>
  </si>
  <si>
    <t>\\acsfs\profiles$\gleycekos\Favorites\Links for Brasil\MSN Brasil.url</t>
  </si>
  <si>
    <t>01/13/2020 07:08:19</t>
  </si>
  <si>
    <t>01/13/2020 07:09:26</t>
  </si>
  <si>
    <t>ad543ae8-6547-49f7-b8c9-6af03b09903d.tmp</t>
  </si>
  <si>
    <t>\\acsfs\profiles$\anafsb\Downloads\ad543ae8-6547-49f7-b8c9-6af03b09903d.tmp</t>
  </si>
  <si>
    <t>01/13/2020 07:06:29</t>
  </si>
  <si>
    <t>10.200.66.7</t>
  </si>
  <si>
    <t>74-86-7A-FD-35-C0</t>
  </si>
  <si>
    <t>VOTORANT-OB013</t>
  </si>
  <si>
    <t>eduardobb</t>
  </si>
  <si>
    <t>\\acsfs\profiles$\eduardobb\Downloads\</t>
  </si>
  <si>
    <t>a59ea196-bccc-4559-9645-2bcafcd5c9db.tmp</t>
  </si>
  <si>
    <t>\\acsfs\profiles$\eduardobb\Downloads\a59ea196-bccc-4559-9645-2bcafcd5c9db.tmp</t>
  </si>
  <si>
    <t>01/13/2020 07:07:48</t>
  </si>
  <si>
    <t>1de8d438-be17-4a3d-9cd2-dd400e8b455e.tmp</t>
  </si>
  <si>
    <t>\\acsfs\profiles$\eduardobb\Downloads\1de8d438-be17-4a3d-9cd2-dd400e8b455e.tmp</t>
  </si>
  <si>
    <t>01/13/2020 07:08:25</t>
  </si>
  <si>
    <t>82720fdb-6f07-4d74-a9b4-5ab7c7d0ccee.tmp</t>
  </si>
  <si>
    <t>\\acsfs\profiles$\eduardobb\Downloads\82720fdb-6f07-4d74-a9b4-5ab7c7d0ccee.tmp</t>
  </si>
  <si>
    <t>01/13/2020 07:08:59</t>
  </si>
  <si>
    <t>6dcd45b9-c7ea-486d-9257-0e24ffc01a82.tmp</t>
  </si>
  <si>
    <t>\\acsfs\profiles$\eduardobb\Downloads\6dcd45b9-c7ea-486d-9257-0e24ffc01a82.tmp</t>
  </si>
  <si>
    <t>01/13/2020 07:10:27</t>
  </si>
  <si>
    <t>01/13/2020 07:06:09</t>
  </si>
  <si>
    <t>\\acsfs\profiles$\gleycekos\My Documents\xworkcenter\lex\</t>
  </si>
  <si>
    <t>\\acsfs\profiles$\gleycekos\My Documents\xworkcenter\lex\temp.tlx</t>
  </si>
  <si>
    <t>01/13/2020 07:06:10</t>
  </si>
  <si>
    <t>01/13/2020 07:06:11</t>
  </si>
  <si>
    <t>01/13/2020 07:06:12</t>
  </si>
  <si>
    <t>01/13/2020 07:06:13</t>
  </si>
  <si>
    <t>01/13/2020 07:06:14</t>
  </si>
  <si>
    <t>01/13/2020 07:06:15</t>
  </si>
  <si>
    <t>01/13/2020 07:06:16</t>
  </si>
  <si>
    <t>01/13/2020 07:06:17</t>
  </si>
  <si>
    <t>01/13/2020 07:06:18</t>
  </si>
  <si>
    <t>01/13/2020 07:06:19</t>
  </si>
  <si>
    <t>01/13/2020 07:06:20</t>
  </si>
  <si>
    <t>01/13/2020 07:06:21</t>
  </si>
  <si>
    <t>01/13/2020 07:06:22</t>
  </si>
  <si>
    <t>01/13/2020 07:06:23</t>
  </si>
  <si>
    <t>01/13/2020 07:06:24</t>
  </si>
  <si>
    <t>01/13/2020 07:06:25</t>
  </si>
  <si>
    <t>01/13/2020 07:06:26</t>
  </si>
  <si>
    <t>01/13/2020 07:06:27</t>
  </si>
  <si>
    <t>01/13/2020 07:06:28</t>
  </si>
  <si>
    <t>01/13/2020 07:06:30</t>
  </si>
  <si>
    <t>01/13/2020 07:06:31</t>
  </si>
  <si>
    <t>01/13/2020 07:10:42</t>
  </si>
  <si>
    <t>01/13/2020 07:14:26</t>
  </si>
  <si>
    <t>69207f2b-4381-4b9f-b137-50da0369e749.tmp</t>
  </si>
  <si>
    <t>\\acsfs\profiles$\anafsb\Downloads\69207f2b-4381-4b9f-b137-50da0369e749.tmp</t>
  </si>
  <si>
    <t>01/13/2020 07:11:03</t>
  </si>
  <si>
    <t>fbef4911-aa9a-4d17-9ab4-8938b15f1c31.tmp</t>
  </si>
  <si>
    <t>\\acsfs\profiles$\anafsb\Downloads\fbef4911-aa9a-4d17-9ab4-8938b15f1c31.tmp</t>
  </si>
  <si>
    <t>01/13/2020 07:09:56</t>
  </si>
  <si>
    <t>48f22150-5a3a-47e6-a2fd-b66cfb59a669.tmp</t>
  </si>
  <si>
    <t>\\acsfs\profiles$\eduardobb\Downloads\48f22150-5a3a-47e6-a2fd-b66cfb59a669.tmp</t>
  </si>
  <si>
    <t>01/13/2020 07:11:54</t>
  </si>
  <si>
    <t>01/13/2020 07:15:26</t>
  </si>
  <si>
    <t>10.200.66.5</t>
  </si>
  <si>
    <t>74-86-7A-FD-D6-5B</t>
  </si>
  <si>
    <t>VOTORANT-Z021</t>
  </si>
  <si>
    <t>josiascdsj</t>
  </si>
  <si>
    <t>josiascdsj@algartech.com</t>
  </si>
  <si>
    <t>mail.google.com/sync/u/0/i/s?hl=pt-BR&amp;c=638</t>
  </si>
  <si>
    <t>joaogvc@algartech.com;marianadjc@algartech.com;rafaelggs@algartech.com;taysdss@algartech.com;viniciussg@algartech.com;</t>
  </si>
  <si>
    <t>body</t>
  </si>
  <si>
    <t>Webmail(Gmail)</t>
  </si>
  <si>
    <t>joaogvc@algartech.com,marianadjc@algartech.com,rafaelggs@algartech.com,taysdss@algartech.com,viniciussg@algartech.com</t>
  </si>
  <si>
    <t>01/13/2020 07:12:11</t>
  </si>
  <si>
    <t>mail.google.com/sync/u/0/i/s?hl=pt-BR&amp;c=641</t>
  </si>
  <si>
    <t>01/13/2020 07:12:28</t>
  </si>
  <si>
    <t>mail.google.com/sync/u/0/i/s?hl=pt-BR&amp;c=643</t>
  </si>
  <si>
    <t>01/13/2020 07:12:42</t>
  </si>
  <si>
    <t>mail.google.com/sync/u/0/i/s?hl=pt-BR&amp;c=645</t>
  </si>
  <si>
    <t>01/13/2020 07:12:47</t>
  </si>
  <si>
    <t>mail.google.com/sync/u/0/i/s?hl=pt-BR&amp;c=647</t>
  </si>
  <si>
    <t>01/13/2020 07:12:51</t>
  </si>
  <si>
    <t>mail.google.com/sync/u/0/i/s?hl=pt-BR&amp;c=649</t>
  </si>
  <si>
    <t>01/13/2020 07:12:55</t>
  </si>
  <si>
    <t>mail.google.com/sync/u/0/i/s?hl=pt-BR&amp;c=651</t>
  </si>
  <si>
    <t>01/13/2020 07:13:00</t>
  </si>
  <si>
    <t>mail.google.com/sync/u/0/i/s?hl=pt-BR&amp;c=653</t>
  </si>
  <si>
    <t>01/13/2020 07:13:19</t>
  </si>
  <si>
    <t>mail.google.com/sync/u/0/i/s?hl=pt-BR&amp;c=657</t>
  </si>
  <si>
    <t>01/13/2020 07:13:25</t>
  </si>
  <si>
    <t>mail.google.com/sync/u/0/i/s?hl=pt-BR&amp;c=659</t>
  </si>
  <si>
    <t>joaogvc@algartech.com;marianadjc@algartech.com;planejamentodeoperacoesetrafego@bv.com.br;rafaelggs@algartech.com;ricardodfm@algartech.com.br;taysdss@algartech.com;viniciussg@algartech.com;</t>
  </si>
  <si>
    <t>joaogvc@algartech.com,marianadjc@algartech.com,planejamentodeoperacoesetrafego@bv.com.br,rafaelggs@algartech.com,ricardodfm@algartech.com.br,taysdss@algartech.com,viniciussg@algartech.com</t>
  </si>
  <si>
    <t>01/13/2020 07:13:41</t>
  </si>
  <si>
    <t>mail.google.com/sync/u/0/i/s?hl=pt-BR&amp;c=661</t>
  </si>
  <si>
    <t>subject content</t>
  </si>
  <si>
    <t>01/13/2020 07:14:01</t>
  </si>
  <si>
    <t>mail.google.com/sync/u/0/i/s?hl=pt-BR&amp;c=663</t>
  </si>
  <si>
    <t>01/13/2020 07:14:08</t>
  </si>
  <si>
    <t>mail.google.com/sync/u/0/i/s?hl=pt-BR&amp;c=666</t>
  </si>
  <si>
    <t>01/13/2020 07:14:12</t>
  </si>
  <si>
    <t>mail.google.com/sync/u/0/i/s?hl=pt-BR&amp;c=668</t>
  </si>
  <si>
    <t>01/13/2020 07:11:33</t>
  </si>
  <si>
    <t>\\acsfs\profiles$\BRUNAAR\Numero\</t>
  </si>
  <si>
    <t>.~lock.Transferencia.docx#</t>
  </si>
  <si>
    <t>\\acsfs\profiles$\BRUNAAR\Numero\.~lock.Transferencia.docx#</t>
  </si>
  <si>
    <t>01/13/2020 07:12:35</t>
  </si>
  <si>
    <t>01/13/2020 07:12:36</t>
  </si>
  <si>
    <t>lu263961x8m70.tmp</t>
  </si>
  <si>
    <t>\\acsfs\profiles$\BRUNAAR\Numero\lu263961x8m70.tmp</t>
  </si>
  <si>
    <t>01/13/2020 07:11:43</t>
  </si>
  <si>
    <t>10.200.67.148</t>
  </si>
  <si>
    <t>64-1C-67-9D-1E-37</t>
  </si>
  <si>
    <t>VOTORANT-FB006</t>
  </si>
  <si>
    <t>ellencds</t>
  </si>
  <si>
    <t>\\acsfs\profiles$\ellencds\My Documents\xworkcenter\lex\</t>
  </si>
  <si>
    <t>\\acsfs\profiles$\ellencds\My Documents\xworkcenter\lex\temp.tlx</t>
  </si>
  <si>
    <t>01/13/2020 07:11:44</t>
  </si>
  <si>
    <t>01/13/2020 07:11:45</t>
  </si>
  <si>
    <t>01/13/2020 07:11:46</t>
  </si>
  <si>
    <t>01/13/2020 07:11:47</t>
  </si>
  <si>
    <t>01/13/2020 07:11:48</t>
  </si>
  <si>
    <t>01/13/2020 07:11:49</t>
  </si>
  <si>
    <t>01/13/2020 07:11:50</t>
  </si>
  <si>
    <t>01/13/2020 07:11:51</t>
  </si>
  <si>
    <t>01/13/2020 07:11:52</t>
  </si>
  <si>
    <t>01/13/2020 07:11:53</t>
  </si>
  <si>
    <t>01/13/2020 07:11:55</t>
  </si>
  <si>
    <t>01/13/2020 07:11:56</t>
  </si>
  <si>
    <t>01/13/2020 07:11:57</t>
  </si>
  <si>
    <t>01/13/2020 07:11:58</t>
  </si>
  <si>
    <t>01/13/2020 07:11:59</t>
  </si>
  <si>
    <t>01/13/2020 07:12:00</t>
  </si>
  <si>
    <t>01/13/2020 07:12:01</t>
  </si>
  <si>
    <t>01/13/2020 07:12:02</t>
  </si>
  <si>
    <t>01/13/2020 07:12:03</t>
  </si>
  <si>
    <t>01/13/2020 07:12:04</t>
  </si>
  <si>
    <t>01/13/2020 07:12:05</t>
  </si>
  <si>
    <t>01/13/2020 07:12:06</t>
  </si>
  <si>
    <t>01/13/2020 07:16:20</t>
  </si>
  <si>
    <t>01/13/2020 07:17:27</t>
  </si>
  <si>
    <t>10.200.67.164</t>
  </si>
  <si>
    <t>64-1C-67-9D-1E-23</t>
  </si>
  <si>
    <t>VOTORANT-FB008</t>
  </si>
  <si>
    <t>tiagosno</t>
  </si>
  <si>
    <t>\\acsfs\profiles$\tiagosno\Favorites\</t>
  </si>
  <si>
    <t>\\acsfs\profiles$\tiagosno\Favorites\Citrix Receiver.url:favicon</t>
  </si>
  <si>
    <t>01/13/2020 07:16:21</t>
  </si>
  <si>
    <t>\\acsfs\profiles$\tiagosno\Favorites\Citrix Receiver.url\</t>
  </si>
  <si>
    <t>\\acsfs\profiles$\tiagosno\Favorites\Citrix Receiver.url\:favicon:$DATA</t>
  </si>
  <si>
    <t>\\acsfs\profiles$\tiagosno\Favorites\Citrix Receiver.url</t>
  </si>
  <si>
    <t>01/13/2020 07:14:51</t>
  </si>
  <si>
    <t>01/13/2020 07:20:26</t>
  </si>
  <si>
    <t>https://algar.workplace.com/messaging/send/</t>
  </si>
  <si>
    <t>01/13/2020 07:14:55</t>
  </si>
  <si>
    <t>01/13/2020 07:19:59</t>
  </si>
  <si>
    <t>10.200.66.120</t>
  </si>
  <si>
    <t>78-2B-CB-C1-06-E9</t>
  </si>
  <si>
    <t>VOTORANT-ABB004</t>
  </si>
  <si>
    <t>websondsa</t>
  </si>
  <si>
    <t>\\acsfs\profiles$\websondsa\Downloads\</t>
  </si>
  <si>
    <t>f14d8a14-695b-4aec-8a3a-054dc6c21669.tmp</t>
  </si>
  <si>
    <t>\\acsfs\profiles$\websondsa\Downloads\f14d8a14-695b-4aec-8a3a-054dc6c21669.tmp</t>
  </si>
  <si>
    <t>01/13/2020 07:20:04</t>
  </si>
  <si>
    <t>c690a600-cf66-4143-8e27-27a3b7613999.tmp</t>
  </si>
  <si>
    <t>\\acsfs\profiles$\websondsa\Downloads\c690a600-cf66-4143-8e27-27a3b7613999.tmp</t>
  </si>
  <si>
    <t>01/13/2020 07:15:50</t>
  </si>
  <si>
    <t>10.200.66.8</t>
  </si>
  <si>
    <t>34-E6-D7-FC-BF-6E</t>
  </si>
  <si>
    <t>VOTORANT-OB014</t>
  </si>
  <si>
    <t>mariajra</t>
  </si>
  <si>
    <t>\\acsfs\profiles$\mariajra\Downloads\</t>
  </si>
  <si>
    <t>ec6f580a-63c4-45f3-939f-faced08774cf.tmp</t>
  </si>
  <si>
    <t>\\acsfs\profiles$\mariajra\Downloads\ec6f580a-63c4-45f3-939f-faced08774cf.tmp</t>
  </si>
  <si>
    <t>01/13/2020 07:18:13</t>
  </si>
  <si>
    <t>1e7eac25-638f-4a5b-9dd6-ef5c9a025b8e.tmp</t>
  </si>
  <si>
    <t>\\acsfs\profiles$\mariajra\Downloads\1e7eac25-638f-4a5b-9dd6-ef5c9a025b8e.tmp</t>
  </si>
  <si>
    <t>01/13/2020 07:19:20</t>
  </si>
  <si>
    <t>01/13/2020 07:22:26</t>
  </si>
  <si>
    <t>Welcome - 1.url:favicon</t>
  </si>
  <si>
    <t>\\acsfs\profiles$\tiagosno\Favorites\Welcome - 1.url:favicon</t>
  </si>
  <si>
    <t>\\acsfs\profiles$\tiagosno\Favorites\Welcome - 1.url\</t>
  </si>
  <si>
    <t>\\acsfs\profiles$\tiagosno\Favorites\Welcome - 1.url\:favicon:$DATA</t>
  </si>
  <si>
    <t>Welcome - 1.url</t>
  </si>
  <si>
    <t>\\acsfs\profiles$\tiagosno\Favorites\Welcome - 1.url</t>
  </si>
  <si>
    <t>01/13/2020 07:19:05</t>
  </si>
  <si>
    <t>01/13/2020 07:23:27</t>
  </si>
  <si>
    <t>10.200.32.22</t>
  </si>
  <si>
    <t>78-2B-CB-C1-07-68</t>
  </si>
  <si>
    <t>VOTORANT-CA071</t>
  </si>
  <si>
    <t>elianegr</t>
  </si>
  <si>
    <t>http://api.viglink.com/api/domains</t>
  </si>
  <si>
    <t>HTTP</t>
  </si>
  <si>
    <t>01/13/2020 07:20:00</t>
  </si>
  <si>
    <t>01/13/2020 07:20:55</t>
  </si>
  <si>
    <t>01/13/2020 07:19:11</t>
  </si>
  <si>
    <t>10.200.67.175</t>
  </si>
  <si>
    <t>34-E6-D7-FC-B9-59</t>
  </si>
  <si>
    <t>VOTORANT-MB018</t>
  </si>
  <si>
    <t>inarajst</t>
  </si>
  <si>
    <t>\\acsfs\profiles$\inarajst\Downloads\</t>
  </si>
  <si>
    <t>b21f5d97-29e2-44a3-9c74-7cc2c188515f.tmp</t>
  </si>
  <si>
    <t>\\acsfs\profiles$\inarajst\Downloads\b21f5d97-29e2-44a3-9c74-7cc2c188515f.tmp</t>
  </si>
  <si>
    <t>01/13/2020 07:19:15</t>
  </si>
  <si>
    <t>939eea68-d95e-443a-87d8-50e72c8b0f98.tmp</t>
  </si>
  <si>
    <t>\\acsfs\profiles$\inarajst\Downloads\939eea68-d95e-443a-87d8-50e72c8b0f98.tmp</t>
  </si>
  <si>
    <t>01/13/2020 07:19:34</t>
  </si>
  <si>
    <t>cd77adf5-a041-483c-a7fc-ac03bec95c30.tmp</t>
  </si>
  <si>
    <t>\\acsfs\profiles$\inarajst\Downloads\cd77adf5-a041-483c-a7fc-ac03bec95c30.tmp</t>
  </si>
  <si>
    <t>01/13/2020 07:20:13</t>
  </si>
  <si>
    <t>f7b29c89-fa85-429b-a2b1-189fcff01aa3.tmp</t>
  </si>
  <si>
    <t>\\acsfs\profiles$\inarajst\Downloads\f7b29c89-fa85-429b-a2b1-189fcff01aa3.tmp</t>
  </si>
  <si>
    <t>01/13/2020 07:22:36</t>
  </si>
  <si>
    <t>032d6cd4-fdb0-4118-9689-adde3e4ee537.tmp</t>
  </si>
  <si>
    <t>\\acsfs\profiles$\inarajst\Downloads\032d6cd4-fdb0-4118-9689-adde3e4ee537.tmp</t>
  </si>
  <si>
    <t>01/13/2020 07:19:17</t>
  </si>
  <si>
    <t>01/13/2020 07:24:26</t>
  </si>
  <si>
    <t>jonathanwap</t>
  </si>
  <si>
    <t>\\acsfs\profiles$\jonathanwap\</t>
  </si>
  <si>
    <t>.~lock.Vendas.ods#</t>
  </si>
  <si>
    <t>\\acsfs\profiles$\jonathanwap\.~lock.Vendas.ods#</t>
  </si>
  <si>
    <t>01/13/2020 07:25:26</t>
  </si>
  <si>
    <t>01/13/2020 07:22:28</t>
  </si>
  <si>
    <t>claudiajca</t>
  </si>
  <si>
    <t>\\acsfs\profiles$\claudiajca\Downloads\</t>
  </si>
  <si>
    <t>2ffecf33-84a4-4b8c-b430-546d71d5e8dd.tmp</t>
  </si>
  <si>
    <t>\\acsfs\profiles$\claudiajca\Downloads\2ffecf33-84a4-4b8c-b430-546d71d5e8dd.tmp</t>
  </si>
  <si>
    <t>01/13/2020 07:23:31</t>
  </si>
  <si>
    <t>7806b2c1-9022-4687-b09f-03fe0312147c.tmp</t>
  </si>
  <si>
    <t>\\acsfs\profiles$\claudiajca\Downloads\7806b2c1-9022-4687-b09f-03fe0312147c.tmp</t>
  </si>
  <si>
    <t>01/13/2020 07:20:32</t>
  </si>
  <si>
    <t>1785f352-f9ee-41bf-8adc-c7be4b512b2b.tmp</t>
  </si>
  <si>
    <t>\\acsfs\profiles$\websondsa\Downloads\1785f352-f9ee-41bf-8adc-c7be4b512b2b.tmp</t>
  </si>
  <si>
    <t>01/13/2020 07:20:57</t>
  </si>
  <si>
    <t>3d0920b1-d62f-4d4f-a103-13a2d04378c8.tmp</t>
  </si>
  <si>
    <t>\\acsfs\profiles$\websondsa\Downloads\3d0920b1-d62f-4d4f-a103-13a2d04378c8.tmp</t>
  </si>
  <si>
    <t>01/13/2020 07:23:06</t>
  </si>
  <si>
    <t>1e9e5976-8faf-4c8a-9629-899af9f2d647.tmp</t>
  </si>
  <si>
    <t>\\acsfs\profiles$\websondsa\Downloads\1e9e5976-8faf-4c8a-9629-899af9f2d647.tmp</t>
  </si>
  <si>
    <t>01/13/2020 07:23:07</t>
  </si>
  <si>
    <t>9c6e15ee-0dce-4be1-aa19-421bcd0f9954.tmp</t>
  </si>
  <si>
    <t>\\acsfs\profiles$\websondsa\Downloads\9c6e15ee-0dce-4be1-aa19-421bcd0f9954.tmp</t>
  </si>
  <si>
    <t>01/13/2020 07:21:31</t>
  </si>
  <si>
    <t>9fe714bb-09dd-4bcc-baea-db0d56dedf80.tmp</t>
  </si>
  <si>
    <t>\\acsfs\profiles$\mariajra\Downloads\9fe714bb-09dd-4bcc-baea-db0d56dedf80.tmp</t>
  </si>
  <si>
    <t>01/13/2020 07:23:09</t>
  </si>
  <si>
    <t>f1fb02d2-5c17-47ba-b7f3-87ec9cd10d10.tmp</t>
  </si>
  <si>
    <t>\\acsfs\profiles$\mariajra\Downloads\f1fb02d2-5c17-47ba-b7f3-87ec9cd10d10.tmp</t>
  </si>
  <si>
    <t>01/13/2020 07:26:26</t>
  </si>
  <si>
    <t>01/13/2020 07:23:32</t>
  </si>
  <si>
    <t>10.200.67.130</t>
  </si>
  <si>
    <t>78-2B-CB-C1-07-45</t>
  </si>
  <si>
    <t>VOTORANT-PB007</t>
  </si>
  <si>
    <t>sarahbal</t>
  </si>
  <si>
    <t>\\acsfs\profiles$\sarahbal\Downloads\</t>
  </si>
  <si>
    <t>227bfda6-fd1b-44b3-a949-a074d451daf3.tmp</t>
  </si>
  <si>
    <t>\\acsfs\profiles$\sarahbal\Downloads\227bfda6-fd1b-44b3-a949-a074d451daf3.tmp</t>
  </si>
  <si>
    <t>01/13/2020 07:24:21</t>
  </si>
  <si>
    <t>67752631-7ca2-440e-aee1-f4ada9a2ea0b.tmp</t>
  </si>
  <si>
    <t>\\acsfs\profiles$\sarahbal\Downloads\67752631-7ca2-440e-aee1-f4ada9a2ea0b.tmp</t>
  </si>
  <si>
    <t>01/13/2020 07:25:07</t>
  </si>
  <si>
    <t>1bb5ddba-5ccf-4e96-b2c8-94129dea33ca.tmp</t>
  </si>
  <si>
    <t>\\acsfs\profiles$\sarahbal\Downloads\1bb5ddba-5ccf-4e96-b2c8-94129dea33ca.tmp</t>
  </si>
  <si>
    <t>01/13/2020 07:23:25</t>
  </si>
  <si>
    <t>01/13/2020 07:28:26</t>
  </si>
  <si>
    <t>635eb60e-f027-4274-945e-9a9127be4e07.tmp</t>
  </si>
  <si>
    <t>\\acsfs\profiles$\inarajst\Downloads\635eb60e-f027-4274-945e-9a9127be4e07.tmp</t>
  </si>
  <si>
    <t>01/13/2020 07:23:49</t>
  </si>
  <si>
    <t>49018c2b-e2d3-4644-820c-9a6f1d0c16f3.tmp</t>
  </si>
  <si>
    <t>\\acsfs\profiles$\inarajst\Downloads\49018c2b-e2d3-4644-820c-9a6f1d0c16f3.tmp</t>
  </si>
  <si>
    <t>01/13/2020 07:29:26</t>
  </si>
  <si>
    <t>01/13/2020 07:27:46</t>
  </si>
  <si>
    <t>10.200.67.62</t>
  </si>
  <si>
    <t>74-86-7A-FE-0D-C8</t>
  </si>
  <si>
    <t>VOTORANT-ACB021</t>
  </si>
  <si>
    <t>adilsonloj</t>
  </si>
  <si>
    <t>adilsonloj@algartech.com</t>
  </si>
  <si>
    <t>mail.google.com/sync/u/0/i/s?hl=pt-BR&amp;c=350</t>
  </si>
  <si>
    <t>01/13/2020 07:28:18</t>
  </si>
  <si>
    <t>mail.google.com/_/upload?authuser=0&amp;dcp=asu-n</t>
  </si>
  <si>
    <t>\\acsfs\DEPTOS\Operacao\Banco_Votorantim\Comum\00 - COMUM - BV CARTÕES\EQUIPE ADILSON\Reneg\</t>
  </si>
  <si>
    <t>Reneg - Vcto 26-12-19.xlsx</t>
  </si>
  <si>
    <t>mail.google.com/_/upload?authuser=0&amp;dcp=asu-n&amp;upload_id=AEnB2UrFv-dWJMEt0Sc8PN28PMQmqqVPwrJpyXmkVApNpikCjVPS5AJ1bNvfNxI7hFtMuD4wl1TMojTloZ-ss5RxgMS6mh2OXcIv9vr28C4T7xZW61aRfSc&amp;upload_protocol=resumable</t>
  </si>
  <si>
    <t>Reneg - Vcto 20-12-19.xlsx</t>
  </si>
  <si>
    <t>01/13/2020 07:28:42</t>
  </si>
  <si>
    <t>mail.google.com/sync/u/0/i/s?hl=pt-BR&amp;c=355</t>
  </si>
  <si>
    <t>01/13/2020 07:28:52</t>
  </si>
  <si>
    <t>mail.google.com/sync/u/0/i/s?hl=pt-BR&amp;c=357</t>
  </si>
  <si>
    <t>01/13/2020 07:29:01</t>
  </si>
  <si>
    <t>mail.google.com/sync/u/0/i/s?hl=pt-BR&amp;c=361</t>
  </si>
  <si>
    <t>01/13/2020 07:29:07</t>
  </si>
  <si>
    <t>mail.google.com/sync/u/0/i/s?hl=pt-BR&amp;c=363</t>
  </si>
  <si>
    <t>01/13/2020 07:25:58</t>
  </si>
  <si>
    <t>01/13/2020 07:30:26</t>
  </si>
  <si>
    <t>\\acsfs\profiles$\CINTIADCF\</t>
  </si>
  <si>
    <t>.~lock.RETENCAO SEGUROS CINTIA.ods#</t>
  </si>
  <si>
    <t>\\acsfs\profiles$\CINTIADCF\.~lock.RETENCAO SEGUROS CINTIA.ods#</t>
  </si>
  <si>
    <t>\\acsfs\profiles$\CLAUDIAJCA\</t>
  </si>
  <si>
    <t>.~lock.VENDAS.ods#</t>
  </si>
  <si>
    <t>\\acsfs\profiles$\CLAUDIAJCA\.~lock.VENDAS.ods#</t>
  </si>
  <si>
    <t>01/13/2020 07:26:22</t>
  </si>
  <si>
    <t>01/13/2020 07:31:26</t>
  </si>
  <si>
    <t>2b6e6624-58b3-4fad-ae0c-42e54cbe60d2.tmp</t>
  </si>
  <si>
    <t>\\acsfs\profiles$\sarahbal\Downloads\2b6e6624-58b3-4fad-ae0c-42e54cbe60d2.tmp</t>
  </si>
  <si>
    <t>01/13/2020 07:34:26</t>
  </si>
  <si>
    <t>10.200.66.136</t>
  </si>
  <si>
    <t>78-2B-CB-C1-05-20</t>
  </si>
  <si>
    <t>VOTORANT-ABB003</t>
  </si>
  <si>
    <t>01/13/2020 07:29:19</t>
  </si>
  <si>
    <t>mail.google.com/sync/u/0/i/s?hl=pt-BR&amp;c=365</t>
  </si>
  <si>
    <t>mail.google.com/sync/u/0/i/s?hl=pt-BR&amp;c=367</t>
  </si>
  <si>
    <t>01/13/2020 07:35:26</t>
  </si>
  <si>
    <t>01/13/2020 07:29:50</t>
  </si>
  <si>
    <t>ericalsr</t>
  </si>
  <si>
    <t>\\acsfs\profiles$\ERICALSR\Downloads\</t>
  </si>
  <si>
    <t>1f1e66bf-a1ef-4333-9f7c-85b91073707b.tmp</t>
  </si>
  <si>
    <t>\\acsfs\profiles$\ERICALSR\Downloads\1f1e66bf-a1ef-4333-9f7c-85b91073707b.tmp</t>
  </si>
  <si>
    <t>01/13/2020 07:29:56</t>
  </si>
  <si>
    <t>2834764b-3abb-4497-bf7c-e2098e34e3e3.tmp</t>
  </si>
  <si>
    <t>\\acsfs\profiles$\ERICALSR\Downloads\2834764b-3abb-4497-bf7c-e2098e34e3e3.tmp</t>
  </si>
  <si>
    <t>01/13/2020 07:31:10</t>
  </si>
  <si>
    <t>23654553-f350-4867-a4f5-d7bfd7e0f51e.tmp</t>
  </si>
  <si>
    <t>\\acsfs\profiles$\ERICALSR\Downloads\23654553-f350-4867-a4f5-d7bfd7e0f51e.tmp</t>
  </si>
  <si>
    <t>01/13/2020 07:36:50</t>
  </si>
  <si>
    <t>01/13/2020 07:39:26</t>
  </si>
  <si>
    <t>eef5946d-5e9c-46c9-8e31-0e93f80efc02.tmp</t>
  </si>
  <si>
    <t>\\acsfs\profiles$\anafsb\Downloads\eef5946d-5e9c-46c9-8e31-0e93f80efc02.tmp</t>
  </si>
  <si>
    <t>01/13/2020 07:34:53</t>
  </si>
  <si>
    <t>01/13/2020 07:40:25</t>
  </si>
  <si>
    <t>lu130441buyb.tmp</t>
  </si>
  <si>
    <t>\\acsfs\profiles$\CINTIADCF\lu130441buyb.tmp</t>
  </si>
  <si>
    <t>\\acsfs\profiles$\CINTIADCF\lu130441buyb.tmp\</t>
  </si>
  <si>
    <t>content.xml</t>
  </si>
  <si>
    <t>manifest.rdf</t>
  </si>
  <si>
    <t>\\acsfs\profiles$\CINTIADCF\lu130441buyb.tmp\META-INF\</t>
  </si>
  <si>
    <t>manifest.xml</t>
  </si>
  <si>
    <t>meta.xml</t>
  </si>
  <si>
    <t>mimetype</t>
  </si>
  <si>
    <t>settings.xml</t>
  </si>
  <si>
    <t>styles.xml</t>
  </si>
  <si>
    <t>\\acsfs\profiles$\CINTIADCF\lu130441buyb.tmp\Thumbnails\</t>
  </si>
  <si>
    <t>thumbnail.png</t>
  </si>
  <si>
    <t>01/13/2020 07:35:27</t>
  </si>
  <si>
    <t>lu263961x8m73.tmp</t>
  </si>
  <si>
    <t>\\acsfs\profiles$\BRUNAAR\Numero\lu263961x8m73.tmp</t>
  </si>
  <si>
    <t>01/13/2020 07:37:59</t>
  </si>
  <si>
    <t>01/13/2020 07:42:25</t>
  </si>
  <si>
    <t>\\acsfs\profiles$\tiagosno\My Documents\xworkcenter\lex\</t>
  </si>
  <si>
    <t>\\acsfs\profiles$\tiagosno\My Documents\xworkcenter\lex\temp.tlx</t>
  </si>
  <si>
    <t>01/13/2020 07:38:00</t>
  </si>
  <si>
    <t>01/13/2020 07:38:01</t>
  </si>
  <si>
    <t>01/13/2020 07:38:02</t>
  </si>
  <si>
    <t>01/13/2020 07:38:03</t>
  </si>
  <si>
    <t>01/13/2020 07:38:04</t>
  </si>
  <si>
    <t>01/13/2020 07:38:05</t>
  </si>
  <si>
    <t>01/13/2020 07:38:06</t>
  </si>
  <si>
    <t>01/13/2020 07:38:07</t>
  </si>
  <si>
    <t>01/13/2020 07:38:08</t>
  </si>
  <si>
    <t>01/13/2020 07:38:09</t>
  </si>
  <si>
    <t>01/13/2020 07:38:10</t>
  </si>
  <si>
    <t>01/13/2020 07:38:11</t>
  </si>
  <si>
    <t>01/13/2020 07:38:12</t>
  </si>
  <si>
    <t>01/13/2020 07:38:13</t>
  </si>
  <si>
    <t>01/13/2020 07:38:14</t>
  </si>
  <si>
    <t>01/13/2020 07:38:15</t>
  </si>
  <si>
    <t>01/13/2020 07:38:16</t>
  </si>
  <si>
    <t>01/13/2020 07:38:17</t>
  </si>
  <si>
    <t>01/13/2020 07:38:18</t>
  </si>
  <si>
    <t>01/13/2020 07:38:19</t>
  </si>
  <si>
    <t>01/13/2020 07:38:20</t>
  </si>
  <si>
    <t>01/13/2020 07:40:22</t>
  </si>
  <si>
    <t>01/13/2020 07:43:25</t>
  </si>
  <si>
    <t>d728c541-dff9-4de3-ac5b-c2ab7c800010.tmp</t>
  </si>
  <si>
    <t>\\acsfs\profiles$\ROZENCAM\Downloads\d728c541-dff9-4de3-ac5b-c2ab7c800010.tmp</t>
  </si>
  <si>
    <t>01/13/2020 07:44:26</t>
  </si>
  <si>
    <t>01/13/2020 07:39:33</t>
  </si>
  <si>
    <t>marcellewdl</t>
  </si>
  <si>
    <t>\\acsfs\profiles$\marcellewdl\Downloads\</t>
  </si>
  <si>
    <t>d573cead-985c-4000-b6b7-15e8b7bc8dc0.tmp</t>
  </si>
  <si>
    <t>\\acsfs\profiles$\marcellewdl\Downloads\d573cead-985c-4000-b6b7-15e8b7bc8dc0.tmp</t>
  </si>
  <si>
    <t>01/13/2020 07:43:10</t>
  </si>
  <si>
    <t>bd77c144-41d0-4bd9-8959-0b26d56bdf2a.tmp</t>
  </si>
  <si>
    <t>\\acsfs\profiles$\marcellewdl\Downloads\bd77c144-41d0-4bd9-8959-0b26d56bdf2a.tmp</t>
  </si>
  <si>
    <t>01/13/2020 07:39:29</t>
  </si>
  <si>
    <t>31abf696-392d-45aa-b8ed-4704cb4b7d6d.tmp</t>
  </si>
  <si>
    <t>\\acsfs\profiles$\anafsb\Downloads\31abf696-392d-45aa-b8ed-4704cb4b7d6d.tmp</t>
  </si>
  <si>
    <t>01/13/2020 07:40:01</t>
  </si>
  <si>
    <t>01/13/2020 07:45:26</t>
  </si>
  <si>
    <t>luanarda</t>
  </si>
  <si>
    <t>\\acsfs\profiles$\luanarda\Downloads\</t>
  </si>
  <si>
    <t>ed40b677-ac79-45cd-bbb2-ca1f06f8c654.tmp</t>
  </si>
  <si>
    <t>\\acsfs\profiles$\luanarda\Downloads\ed40b677-ac79-45cd-bbb2-ca1f06f8c654.tmp</t>
  </si>
  <si>
    <t>01/13/2020 07:41:14</t>
  </si>
  <si>
    <t>3ae18b4d-7b11-4e98-bb3b-5c5908ee1835.tmp</t>
  </si>
  <si>
    <t>\\acsfs\profiles$\luanarda\Downloads\3ae18b4d-7b11-4e98-bb3b-5c5908ee1835.tmp</t>
  </si>
  <si>
    <t>01/13/2020 07:42:19</t>
  </si>
  <si>
    <t>\\acsfs\profiles$\luanarda\</t>
  </si>
  <si>
    <t>.~lock.VENDAS 12-2019.ods#</t>
  </si>
  <si>
    <t>\\acsfs\profiles$\luanarda\.~lock.VENDAS 12-2019.ods#</t>
  </si>
  <si>
    <t>01/13/2020 07:49:27</t>
  </si>
  <si>
    <t>01/13/2020 07:45:23</t>
  </si>
  <si>
    <t>\\acsfs\profiles$\marcellewdl\My Documents\</t>
  </si>
  <si>
    <t>.~lock.vendas de janeiro.ods#</t>
  </si>
  <si>
    <t>\\acsfs\profiles$\marcellewdl\My Documents\.~lock.vendas de janeiro.ods#</t>
  </si>
  <si>
    <t>01/13/2020 07:46:19</t>
  </si>
  <si>
    <t>\\acsfs\DEPTOS\Operacao\Banco_Votorantim\Supervisao\SUPERS BV CARTÕES\ADILSON\</t>
  </si>
  <si>
    <t>Controle Equipe Adilson BV.xls</t>
  </si>
  <si>
    <t>Algar_Linked and Embe</t>
  </si>
  <si>
    <t>\\acsfs\DEPTOS\Operacao\Banco_Votorantim\Supervisao\SUPERS BV CARTÕES\ADILSON\Controle Equipe Adilson BV.xls</t>
  </si>
  <si>
    <t>01/13/2020 07:50:27</t>
  </si>
  <si>
    <t>01/13/2020 07:48:47</t>
  </si>
  <si>
    <t>lu130441buyf.tmp</t>
  </si>
  <si>
    <t>\\acsfs\profiles$\CINTIADCF\lu130441buyf.tmp</t>
  </si>
  <si>
    <t>\\acsfs\profiles$\CINTIADCF\lu130441buyf.tmp\</t>
  </si>
  <si>
    <t>\\acsfs\profiles$\CINTIADCF\lu130441buyf.tmp\META-INF\</t>
  </si>
  <si>
    <t>\\acsfs\profiles$\CINTIADCF\lu130441buyf.tmp\Thumbnails\</t>
  </si>
  <si>
    <t>01/13/2020 07:51:23</t>
  </si>
  <si>
    <t>01/13/2020 07:54:27</t>
  </si>
  <si>
    <t>10.200.66.23</t>
  </si>
  <si>
    <t>34-E6-D7-FC-B8-47</t>
  </si>
  <si>
    <t>VOTORANT-OB036</t>
  </si>
  <si>
    <t>nayarasds</t>
  </si>
  <si>
    <t>\\acsfs\profiles$\nayarasds\Downloads\</t>
  </si>
  <si>
    <t>42c42077-6b32-4a11-af6f-fde2a617eea6.tmp</t>
  </si>
  <si>
    <t>\\acsfs\profiles$\nayarasds\Downloads\42c42077-6b32-4a11-af6f-fde2a617eea6.tmp</t>
  </si>
  <si>
    <t>01/13/2020 07:52:00</t>
  </si>
  <si>
    <t>517c27a4-9b77-4d20-b482-88a4b34364f7.tmp</t>
  </si>
  <si>
    <t>\\acsfs\profiles$\nayarasds\Downloads\517c27a4-9b77-4d20-b482-88a4b34364f7.tmp</t>
  </si>
  <si>
    <t>01/13/2020 07:52:24</t>
  </si>
  <si>
    <t>07ae7e1f-8cca-4a35-982e-90aa0b9efb17.tmp</t>
  </si>
  <si>
    <t>\\acsfs\profiles$\nayarasds\Downloads\07ae7e1f-8cca-4a35-982e-90aa0b9efb17.tmp</t>
  </si>
  <si>
    <t>01/13/2020 07:52:41</t>
  </si>
  <si>
    <t>6279b36c-d19a-465d-996e-5626673a5920.tmp</t>
  </si>
  <si>
    <t>\\acsfs\profiles$\nayarasds\Downloads\6279b36c-d19a-465d-996e-5626673a5920.tmp</t>
  </si>
  <si>
    <t>01/13/2020 07:53:32</t>
  </si>
  <si>
    <t>604ca04d-0950-49b6-b48d-8cbbbae3cf23.tmp</t>
  </si>
  <si>
    <t>\\acsfs\profiles$\nayarasds\Downloads\604ca04d-0950-49b6-b48d-8cbbbae3cf23.tmp</t>
  </si>
  <si>
    <t>01/13/2020 07:55:15</t>
  </si>
  <si>
    <t>01/13/2020 07:56:27</t>
  </si>
  <si>
    <t>anavbg</t>
  </si>
  <si>
    <t>\\acsfs\DEPTOS\Operacao\Banco_Votorantim\Supervisao\SUPERS BV CARTÕES\ANA VITORIA\APOIO\</t>
  </si>
  <si>
    <t>.~lock.Filas-ALGAR - JONATAN.xlsx#</t>
  </si>
  <si>
    <t>\\acsfs\DEPTOS\Operacao\Banco_Votorantim\Supervisao\SUPERS BV CARTÕES\ANA VITORIA\APOIO\.~lock.Filas-ALGAR - JONATAN.xlsx#</t>
  </si>
  <si>
    <t>01/13/2020 07:55:16</t>
  </si>
  <si>
    <t>lu2408lgr3m.tmp</t>
  </si>
  <si>
    <t>Algar_Spreadsheets</t>
  </si>
  <si>
    <t>\\acsfs\DEPTOS\Operacao\Banco_Votorantim\Supervisao\SUPERS BV CARTÕES\ANA VITORIA\APOIO\lu2408lgr3m.tmp</t>
  </si>
  <si>
    <t>01/13/2020 07:55:28</t>
  </si>
  <si>
    <t>01/13/2020 07:57:27</t>
  </si>
  <si>
    <t>fb92271c-0ee0-4b46-b453-7a3ca6bb7e5b.tmp</t>
  </si>
  <si>
    <t>\\acsfs\profiles$\inarajst\Downloads\fb92271c-0ee0-4b46-b453-7a3ca6bb7e5b.tmp</t>
  </si>
  <si>
    <t>01/13/2020 07:56:32</t>
  </si>
  <si>
    <t>01/13/2020 07:58:27</t>
  </si>
  <si>
    <t>thyagosp</t>
  </si>
  <si>
    <t>\\acsfs\profiles$\THYAGOSP\My Documents\</t>
  </si>
  <si>
    <t>.~lock.Planilha 2019 CR.ods#</t>
  </si>
  <si>
    <t>\\acsfs\profiles$\THYAGOSP\My Documents\.~lock.Planilha 2019 CR.ods#</t>
  </si>
  <si>
    <t>01/13/2020 07:56:35</t>
  </si>
  <si>
    <t>Planilha 2019 CR.ods</t>
  </si>
  <si>
    <t>\\acsfs\profiles$\THYAGOSP\My Documents\Planilha 2019 CR.ods</t>
  </si>
  <si>
    <t>\\acsfs\profiles$\THYAGOSP\My Documents\Planilha 2019 CR.ods\</t>
  </si>
  <si>
    <t>\\acsfs\profiles$\THYAGOSP\My Documents\Planilha 2019 CR.ods\META-INF\</t>
  </si>
  <si>
    <t>\\acsfs\profiles$\THYAGOSP\My Documents\Planilha 2019 CR.ods\Object 1\</t>
  </si>
  <si>
    <t>\\acsfs\profiles$\THYAGOSP\My Documents\Planilha 2019 CR.ods\Object 2\</t>
  </si>
  <si>
    <t>\\acsfs\profiles$\THYAGOSP\My Documents\Planilha 2019 CR.ods\Object 3\</t>
  </si>
  <si>
    <t>\\acsfs\profiles$\THYAGOSP\My Documents\Planilha 2019 CR.ods\Object 4\</t>
  </si>
  <si>
    <t>\\acsfs\profiles$\THYAGOSP\My Documents\Planilha 2019 CR.ods\Thumbnails\</t>
  </si>
  <si>
    <t>01/13/2020 07:57:20</t>
  </si>
  <si>
    <t>\\acsfs\profiles$\THYAGOSP\Downloads\</t>
  </si>
  <si>
    <t>d4de6305-54d5-4d76-84be-300eee403fc0.tmp</t>
  </si>
  <si>
    <t>\\acsfs\profiles$\THYAGOSP\Downloads\d4de6305-54d5-4d76-84be-300eee403fc0.tmp</t>
  </si>
  <si>
    <t>01/13/2020 07:59:27</t>
  </si>
  <si>
    <t>01/13/2020 07:58:17</t>
  </si>
  <si>
    <t>gabrielaff</t>
  </si>
  <si>
    <t>\\acsfs\profiles$\gabrielaff\Downloads\</t>
  </si>
  <si>
    <t>7de034ed-4462-46ee-81fc-dfc3381b843b.tmp</t>
  </si>
  <si>
    <t>\\acsfs\profiles$\gabrielaff\Downloads\7de034ed-4462-46ee-81fc-dfc3381b843b.tmp</t>
  </si>
  <si>
    <t>01/13/2020 07:53:55</t>
  </si>
  <si>
    <t>f39b16b5-776f-4cbb-8604-2ac343d8aa74.tmp</t>
  </si>
  <si>
    <t>\\acsfs\profiles$\nayarasds\Downloads\f39b16b5-776f-4cbb-8604-2ac343d8aa74.tmp</t>
  </si>
  <si>
    <t>01/13/2020 07:55:40</t>
  </si>
  <si>
    <t>felipetds</t>
  </si>
  <si>
    <t>\\acsfs\profiles$\felipetds\Downloads\</t>
  </si>
  <si>
    <t>b8cb29fe-3477-4d38-9913-a95e1d678b5e.tmp</t>
  </si>
  <si>
    <t>\\acsfs\profiles$\felipetds\Downloads\b8cb29fe-3477-4d38-9913-a95e1d678b5e.tmp</t>
  </si>
  <si>
    <t>01/13/2020 07:57:03</t>
  </si>
  <si>
    <t>f34e5d5a-93e6-4e15-9082-a2a5e883ff18.tmp</t>
  </si>
  <si>
    <t>\\acsfs\profiles$\felipetds\Downloads\f34e5d5a-93e6-4e15-9082-a2a5e883ff18.tmp</t>
  </si>
  <si>
    <t>01/13/2020 07:58:54</t>
  </si>
  <si>
    <t>01/13/2020 08:00:27</t>
  </si>
  <si>
    <t>10.200.67.25</t>
  </si>
  <si>
    <t>74-86-7A-FE-0E-7F</t>
  </si>
  <si>
    <t>VOTORANT-VB021</t>
  </si>
  <si>
    <t>henriquehmdo</t>
  </si>
  <si>
    <t>\\acsfs\profiles$\henriquehmdo\Downloads\</t>
  </si>
  <si>
    <t>cfc8548b-f2de-488d-bfe1-8625ee920745.tmp</t>
  </si>
  <si>
    <t>\\acsfs\profiles$\henriquehmdo\Downloads\cfc8548b-f2de-488d-bfe1-8625ee920745.tmp</t>
  </si>
  <si>
    <t>01/13/2020 07:58:57</t>
  </si>
  <si>
    <t>Q29udHJvbGxlci5DYWxjdWxhZG9yYURlVmVuY2lt (24).ica</t>
  </si>
  <si>
    <t>\\acsfs\profiles$\henriquehmdo\Downloads\Q29udHJvbGxlci5DYWxjdWxhZG9yYURlVmVuY2lt (24).ica</t>
  </si>
  <si>
    <t>01/13/2020 07:54:46</t>
  </si>
  <si>
    <t>mail.google.com/sync/u/0/i/s?hl=pt-BR&amp;c=700</t>
  </si>
  <si>
    <t>01/13/2020 07:54:51</t>
  </si>
  <si>
    <t>mail.google.com/sync/u/0/i/s?hl=pt-BR&amp;c=702</t>
  </si>
  <si>
    <t>01/13/2020 07:54:59</t>
  </si>
  <si>
    <t>mail.google.com/sync/u/0/i/s?hl=pt-BR&amp;c=704</t>
  </si>
  <si>
    <t>01/13/2020 07:55:04</t>
  </si>
  <si>
    <t>mail.google.com/sync/u/0/i/s?hl=pt-BR&amp;c=706</t>
  </si>
  <si>
    <t>bvcartes-supervisores@algarnet.onmicrosoft.com;joaogvc@algartech.com;leonardoao@algartech.com;marianadjc@algartech.com;paulacn@algartech.com;ricardodfm@algartech.com.br;taysdss@algartech.com;viniciussg@algartech.com;</t>
  </si>
  <si>
    <t>bvcartes-supervisores@algarnet.onmicrosoft.com,joaogvc@algartech.com,leonardoao@algartech.com,marianadjc@algartech.com,paulacn@algartech.com,ricardodfm@algartech.com.br,taysdss@algartech.com,viniciussg@algartech.com</t>
  </si>
  <si>
    <t>01/13/2020 07:55:07</t>
  </si>
  <si>
    <t>mail.google.com/sync/u/0/i/s?hl=pt-BR&amp;c=708</t>
  </si>
  <si>
    <t>01/13/2020 07:55:14</t>
  </si>
  <si>
    <t>mail.google.com/sync/u/0/i/s?hl=pt-BR&amp;c=711</t>
  </si>
  <si>
    <t>01/13/2020 07:55:33</t>
  </si>
  <si>
    <t>mail.google.com/sync/u/0/i/s?hl=pt-BR&amp;c=713</t>
  </si>
  <si>
    <t>bvcartes-supervisores@algarnet.onmicrosoft.com;joaogvc@algartech.com;leonardoao@algartech.com;marianadjc@algartech.com;paulacn@algartech.com;ricardodfm@algartech.com.br;taysdss@algartech.com;</t>
  </si>
  <si>
    <t>bvcartes-supervisores@algarnet.onmicrosoft.com,joaogvc@algartech.com,leonardoao@algartech.com,marianadjc@algartech.com,paulacn@algartech.com,ricardodfm@algartech.com.br,taysdss@algartech.com</t>
  </si>
  <si>
    <t>01/13/2020 07:55:37</t>
  </si>
  <si>
    <t>mail.google.com/sync/u/0/i/s?hl=pt-BR&amp;c=715</t>
  </si>
  <si>
    <t>01/13/2020 07:55:47</t>
  </si>
  <si>
    <t>mail.google.com/sync/u/0/i/s?hl=pt-BR&amp;c=717</t>
  </si>
  <si>
    <t>01/13/2020 07:55:50</t>
  </si>
  <si>
    <t>mail.google.com/sync/u/0/i/s?hl=pt-BR&amp;c=719</t>
  </si>
  <si>
    <t>bvcartes-supervisores@algarnet.onmicrosoft.com;joaogvc@algartech.com;leonardoao@algartech.com;marianadjc@algartech.com;paulacn@algartech.com;planejamentodeoperacoesetrafego@bv.com.br;raphaelmco@algartech.com.br;ricardodfm@algartech.com.br;taysdss@algartech.com;viniciussg@algartech.com;</t>
  </si>
  <si>
    <t>bvcartes-supervisores@algarnet.onmicrosoft.com,joaogvc@algartech.com,leonardoao@algartech.com,marianadjc@algartech.com,paulacn@algartech.com,planejamentodeoperacoesetrafego@bv.com.br,raphaelmco@algartech.com.br,ricardodfm@algartech.com.br,taysdss@algartech.com,viniciussg@algartech.com</t>
  </si>
  <si>
    <t>01/13/2020 07:55:53</t>
  </si>
  <si>
    <t>\\acsfs\DEPTOS\Operacao\PCP\5 - Comum\PLANEJAMENTO BV\14 - ACOMPANHAMENTO\1 - REPORT ACOMPANHAMENTO\2020\1 - JANEIRO\CARTÕES\SHORTCALLS\</t>
  </si>
  <si>
    <t>Shortcalls.xlsb</t>
  </si>
  <si>
    <t>\\acsfs\DEPTOS\Operacao\PCP\5 - Comum\PLANEJAMENTO BV\14 - ACOMPANHAMENTO\1 - REPORT ACOMPANHAMENTO\2020\1 - JANEIRO\CARTÕES\SHORTCALLS\Shortcalls.xlsb</t>
  </si>
  <si>
    <t>01/13/2020 07:56:03</t>
  </si>
  <si>
    <t>mail.google.com/sync/u/0/i/s?hl=pt-BR&amp;c=721</t>
  </si>
  <si>
    <t>01/13/2020 07:56:20</t>
  </si>
  <si>
    <t>mail.google.com/sync/u/0/i/s?hl=pt-BR&amp;c=725</t>
  </si>
  <si>
    <t>01/13/2020 07:56:26</t>
  </si>
  <si>
    <t>mail.google.com/sync/u/0/i/s?hl=pt-BR&amp;c=727</t>
  </si>
  <si>
    <t>paulovadc</t>
  </si>
  <si>
    <t>\\acsfs\profiles$\paulovadc\Downloads\</t>
  </si>
  <si>
    <t>3e1ad507-2004-4447-b1ee-7004e8a515c4.tmp</t>
  </si>
  <si>
    <t>\\acsfs\profiles$\paulovadc\Downloads\3e1ad507-2004-4447-b1ee-7004e8a515c4.tmp</t>
  </si>
  <si>
    <t>01/13/2020 07:57:29</t>
  </si>
  <si>
    <t>3c356d62-a051-4670-9eca-87cf4b0eec51.tmp</t>
  </si>
  <si>
    <t>\\acsfs\profiles$\paulovadc\Downloads\3c356d62-a051-4670-9eca-87cf4b0eec51.tmp</t>
  </si>
  <si>
    <t>01/13/2020 07:58:31</t>
  </si>
  <si>
    <t>01/13/2020 08:02:27</t>
  </si>
  <si>
    <t>10.200.66.19</t>
  </si>
  <si>
    <t>64-1C-67-9D-1E-C3</t>
  </si>
  <si>
    <t>VOTORANT-JB019</t>
  </si>
  <si>
    <t>Jordanarb</t>
  </si>
  <si>
    <t>https://hl2rcv.adobe.com/headlights/uploadfile/</t>
  </si>
  <si>
    <t>C:\Users\Jordanarb\AppData\Roaming\Adobe\LogTransport2\Logs\</t>
  </si>
  <si>
    <t>ulog_AcroARM2_Reader_22bb18ef-a0cc-4985-b2f1-d8449a05e1d0_f43c0e86-e11e-4ab7-8585-e2e4c8e7875b_0.log</t>
  </si>
  <si>
    <t>C:\Users\Jordanarb\AppData\Roaming\Adobe\LogTransport2\Logs\ulog_AcroARM2_Reader_22bb18ef-a0cc-4985-b2f1-d8449a05e1d0_f43c0e86-e11e-4ab7-8585-e2e4c8e7875b_0.log\</t>
  </si>
  <si>
    <t>NONAMEFL</t>
  </si>
  <si>
    <t>01/13/2020 08:01:31</t>
  </si>
  <si>
    <t>10.200.66.9</t>
  </si>
  <si>
    <t>74-86-7A-FB-17-35</t>
  </si>
  <si>
    <t>VOTORANT-GB018</t>
  </si>
  <si>
    <t>milenaas</t>
  </si>
  <si>
    <t>\\acsfs\profiles$\milenaas\Downloads\</t>
  </si>
  <si>
    <t>e468c087-b1b2-4ba3-92f7-f582473c6b7f.tmp</t>
  </si>
  <si>
    <t>\\acsfs\profiles$\milenaas\Downloads\e468c087-b1b2-4ba3-92f7-f582473c6b7f.tmp</t>
  </si>
  <si>
    <t>01/13/2020 07:59:09</t>
  </si>
  <si>
    <t>197c2c92-46fa-416f-a52a-8b78e6a711b1.tmp</t>
  </si>
  <si>
    <t>\\acsfs\profiles$\inarajst\Downloads\197c2c92-46fa-416f-a52a-8b78e6a711b1.tmp</t>
  </si>
  <si>
    <t>01/13/2020 08:03:28</t>
  </si>
  <si>
    <t>01/13/2020 07:58:10</t>
  </si>
  <si>
    <t>wenderbnm</t>
  </si>
  <si>
    <t>\\acsfs\profiles$\wenderbnm\Downloads\</t>
  </si>
  <si>
    <t>0736ae6a-5f5a-44e7-8751-5f445dc2e629.tmp</t>
  </si>
  <si>
    <t>\\acsfs\profiles$\wenderbnm\Downloads\0736ae6a-5f5a-44e7-8751-5f445dc2e629.tmp</t>
  </si>
  <si>
    <t>01/13/2020 07:58:43</t>
  </si>
  <si>
    <t>6668ff84-9a7c-495e-aa82-60381dcd9182.tmp</t>
  </si>
  <si>
    <t>\\acsfs\profiles$\wenderbnm\Downloads\6668ff84-9a7c-495e-aa82-60381dcd9182.tmp</t>
  </si>
  <si>
    <t>01/13/2020 08:00:50</t>
  </si>
  <si>
    <t>c98ce7f6-002f-4bf8-8640-2a4510535270.tmp</t>
  </si>
  <si>
    <t>\\acsfs\profiles$\wenderbnm\Downloads\c98ce7f6-002f-4bf8-8640-2a4510535270.tmp</t>
  </si>
  <si>
    <t>01/13/2020 08:02:52</t>
  </si>
  <si>
    <t>c78ab148-1cdd-49d8-9e83-b2ce73400d02.tmp</t>
  </si>
  <si>
    <t>\\acsfs\profiles$\THYAGOSP\Downloads\c78ab148-1cdd-49d8-9e83-b2ce73400d02.tmp</t>
  </si>
  <si>
    <t>01/13/2020 08:04:26</t>
  </si>
  <si>
    <t>ae9067fb-4270-4c87-951d-f90ffc7c985d.tmp</t>
  </si>
  <si>
    <t>\\acsfs\profiles$\vivianealda\Downloads\ae9067fb-4270-4c87-951d-f90ffc7c985d.tmp</t>
  </si>
  <si>
    <t>01/13/2020 07:59:15</t>
  </si>
  <si>
    <t>9112c929-ad06-4fa6-8e07-b9f3cd2b497d.tmp</t>
  </si>
  <si>
    <t>\\acsfs\profiles$\gabrielaff\Downloads\9112c929-ad06-4fa6-8e07-b9f3cd2b497d.tmp</t>
  </si>
  <si>
    <t>01/13/2020 08:00:17</t>
  </si>
  <si>
    <t>786a47e3-1002-4175-8f68-29e4a2bba80c.tmp</t>
  </si>
  <si>
    <t>\\acsfs\profiles$\gabrielaff\Downloads\786a47e3-1002-4175-8f68-29e4a2bba80c.tmp</t>
  </si>
  <si>
    <t>01/13/2020 08:00:09</t>
  </si>
  <si>
    <t>01/13/2020 08:05:27</t>
  </si>
  <si>
    <t>381f9b61-393b-40a5-84ef-974ea9a1826a.tmp</t>
  </si>
  <si>
    <t>\\acsfs\profiles$\henriquehmdo\Downloads\381f9b61-393b-40a5-84ef-974ea9a1826a.tmp</t>
  </si>
  <si>
    <t>01/13/2020 08:02:55</t>
  </si>
  <si>
    <t>\\acsfs\profiles$\HENRIQUEHMDO\</t>
  </si>
  <si>
    <t>.~lock.Sem título 1.ods#</t>
  </si>
  <si>
    <t>\\acsfs\profiles$\HENRIQUEHMDO\.~lock.Sem título 1.ods#</t>
  </si>
  <si>
    <t>01/13/2020 08:03:43</t>
  </si>
  <si>
    <t>Thumbs.db</t>
  </si>
  <si>
    <t>\\acsfs\profiles$\HENRIQUEHMDO\Thumbs.db</t>
  </si>
  <si>
    <t>01/13/2020 08:04:10</t>
  </si>
  <si>
    <t>mail.google.com/sync/u/0/i/s?hl=pt-BR&amp;c=741</t>
  </si>
  <si>
    <t>katia.cardoso@bv.com.br;</t>
  </si>
  <si>
    <t>katia.cardoso@bv.com.br</t>
  </si>
  <si>
    <t>01/13/2020 08:04:21</t>
  </si>
  <si>
    <t>mail.google.com/sync/u/0/i/s?hl=pt-BR&amp;c=744</t>
  </si>
  <si>
    <t>01/13/2020 08:04:29</t>
  </si>
  <si>
    <t>mail.google.com/sync/u/0/i/s?hl=pt-BR&amp;c=746</t>
  </si>
  <si>
    <t>01/13/2020 08:04:31</t>
  </si>
  <si>
    <t>mail.google.com/sync/u/0/i/s?hl=pt-BR&amp;c=748</t>
  </si>
  <si>
    <t>01/13/2020 08:00:55</t>
  </si>
  <si>
    <t>vivianalds</t>
  </si>
  <si>
    <t>\\acsfs\profiles$\vivianalds\Downloads\</t>
  </si>
  <si>
    <t>ddbc19e2-a0bf-48e4-8823-ef67202307ed.tmp</t>
  </si>
  <si>
    <t>\\acsfs\profiles$\vivianalds\Downloads\ddbc19e2-a0bf-48e4-8823-ef67202307ed.tmp</t>
  </si>
  <si>
    <t>01/13/2020 08:02:18</t>
  </si>
  <si>
    <t>2e0ac2fc-24f9-4e0b-8639-bb0cf47a2adc.tmp</t>
  </si>
  <si>
    <t>\\acsfs\profiles$\vivianalds\Downloads\2e0ac2fc-24f9-4e0b-8639-bb0cf47a2adc.tmp</t>
  </si>
  <si>
    <t>01/13/2020 08:04:50</t>
  </si>
  <si>
    <t>01/13/2020 08:06:27</t>
  </si>
  <si>
    <t>COORDENACAO DE QUALIDADE E EDUCACAO</t>
  </si>
  <si>
    <t>10.200.66.179</t>
  </si>
  <si>
    <t>64-1C-67-9D-1E-C2</t>
  </si>
  <si>
    <t>VOTORANT-LB013</t>
  </si>
  <si>
    <t>davimvs</t>
  </si>
  <si>
    <t>davimvs@bv.algartech.com</t>
  </si>
  <si>
    <t>https://udpmailboxap01.acs.com.br:8443/h/search?si=0&amp;so=0&amp;sc=70615&amp;st=conversation&amp;action=compose&amp;paction=paneview</t>
  </si>
  <si>
    <t>01/13/2020 08:05:20</t>
  </si>
  <si>
    <t>01/13/2020 08:01:01</t>
  </si>
  <si>
    <t>rafaelrf@bv.algartech.com</t>
  </si>
  <si>
    <t>https://algarmail/h/search?si=0&amp;so=0&amp;sc=70661&amp;sfi=2&amp;st=message&amp;action=compose&amp;paction=view</t>
  </si>
  <si>
    <t>01/13/2020 08:01:02</t>
  </si>
  <si>
    <t>01/13/2020 08:01:34</t>
  </si>
  <si>
    <t>10.200.67.137</t>
  </si>
  <si>
    <t>78-2B-CB-C1-06-5B</t>
  </si>
  <si>
    <t>VOTORANT-IB006</t>
  </si>
  <si>
    <t>vanessacgs</t>
  </si>
  <si>
    <t>\\acsfs\profiles$\vanessacgs\Favorites\citrix.url\</t>
  </si>
  <si>
    <t>\\acsfs\profiles$\vanessacgs\Favorites\citrix.url\:favicon:$DATA</t>
  </si>
  <si>
    <t>\\acsfs\profiles$\vanessacgs\Favorites\</t>
  </si>
  <si>
    <t>citrix.url</t>
  </si>
  <si>
    <t>\\acsfs\profiles$\vanessacgs\Favorites\citrix.url</t>
  </si>
  <si>
    <t>10.200.67.218</t>
  </si>
  <si>
    <t>D0-94-66-B5-52-D0</t>
  </si>
  <si>
    <t>VOTORANT-SB019</t>
  </si>
  <si>
    <t>01/13/2020 08:02:09</t>
  </si>
  <si>
    <t>01/13/2020 08:07:27</t>
  </si>
  <si>
    <t>0f279c1b-4d21-43f9-8a61-1922d4484120.tmp</t>
  </si>
  <si>
    <t>\\acsfs\profiles$\milenaas\Downloads\0f279c1b-4d21-43f9-8a61-1922d4484120.tmp</t>
  </si>
  <si>
    <t>01/13/2020 08:03:35</t>
  </si>
  <si>
    <t>44500e01-abb9-44d0-b137-1e1a679e44df.tmp</t>
  </si>
  <si>
    <t>\\acsfs\profiles$\milenaas\Downloads\44500e01-abb9-44d0-b137-1e1a679e44df.tmp</t>
  </si>
  <si>
    <t>01/13/2020 08:04:12</t>
  </si>
  <si>
    <t>d32112ba-d58e-42f3-86f4-23694905177e.tmp</t>
  </si>
  <si>
    <t>\\acsfs\profiles$\milenaas\Downloads\d32112ba-d58e-42f3-86f4-23694905177e.tmp</t>
  </si>
  <si>
    <t>01/13/2020 08:06:08</t>
  </si>
  <si>
    <t>01/13/2020 08:08:27</t>
  </si>
  <si>
    <t>10.200.66.12</t>
  </si>
  <si>
    <t>78-2B-CB-C1-06-CA</t>
  </si>
  <si>
    <t>VOTORANT-ABB006</t>
  </si>
  <si>
    <t>rafaelahpn</t>
  </si>
  <si>
    <t>\\acsfs\profiles$\rafaelahpn\Downloads\</t>
  </si>
  <si>
    <t>b56ef35e-0d60-4edd-b586-102a3a638b98.tmp</t>
  </si>
  <si>
    <t>\\acsfs\profiles$\rafaelahpn\Downloads\b56ef35e-0d60-4edd-b586-102a3a638b98.tmp</t>
  </si>
  <si>
    <t>01/13/2020 08:07:32</t>
  </si>
  <si>
    <t>01/13/2020 08:09:27</t>
  </si>
  <si>
    <t>10.200.66.146</t>
  </si>
  <si>
    <t>74-86-7A-FB-17-F1</t>
  </si>
  <si>
    <t>VOTORANT-AFB003</t>
  </si>
  <si>
    <t>wedersonbadr</t>
  </si>
  <si>
    <t>\\acsfs\profiles$\wedersonbadr\My Documents\My Music\</t>
  </si>
  <si>
    <t>e32ae367-7ca4-4121-96b0-127ec0ed3ba0.tmp</t>
  </si>
  <si>
    <t>\\acsfs\profiles$\wedersonbadr\My Documents\My Music\e32ae367-7ca4-4121-96b0-127ec0ed3ba0.tmp</t>
  </si>
  <si>
    <t>01/13/2020 08:06:40</t>
  </si>
  <si>
    <t>01/13/2020 08:10:27</t>
  </si>
  <si>
    <t>mail.google.com/sync/u/0/i/s?hl=pt-BR&amp;c=756</t>
  </si>
  <si>
    <t>joaogvc@algartech.com;leonardoao@algartech.com;marianadjc@algartech.com;paulacn@algartech.com;planejamentodeoperacoesetrafego@bv.com.br;rafaelggs@algartech.com;raphaelmco@algartech.com.br;ricardodfm@algartech.com.br;taysdss@algartech.com;thiagordu@algartech.com;viniciussg@algartech.com;</t>
  </si>
  <si>
    <t>joaogvc@algartech.com,leonardoao@algartech.com,marianadjc@algartech.com,paulacn@algartech.com,planejamentodeoperacoesetrafego@bv.com.br,rafaelggs@algartech.com,raphaelmco@algartech.com.br,ricardodfm@algartech.com.br,taysdss@algartech.com,thiagordu@algartech.com,viniciussg@algartech.com</t>
  </si>
  <si>
    <t>01/13/2020 08:06:43</t>
  </si>
  <si>
    <t>mail.google.com/sync/u/0/i/s?hl=pt-BR&amp;c=758</t>
  </si>
  <si>
    <t>01/13/2020 08:06:58</t>
  </si>
  <si>
    <t>mail.google.com/sync/u/0/i/s?hl=pt-BR&amp;c=760</t>
  </si>
  <si>
    <t>joaogvc@algartech.com;leonardoao@algartech.com;marianadjc@algartech.com;paulacn@algartech.com;rafaelggs@algartech.com;taysdss@algartech.com;thiagordu@algartech.com;viniciussg@algartech.com;</t>
  </si>
  <si>
    <t>joaogvc@algartech.com,leonardoao@algartech.com,marianadjc@algartech.com,paulacn@algartech.com,rafaelggs@algartech.com,taysdss@algartech.com,thiagordu@algartech.com,viniciussg@algartech.com</t>
  </si>
  <si>
    <t>01/13/2020 08:07:03</t>
  </si>
  <si>
    <t>mail.google.com/sync/u/0/i/s?hl=pt-BR&amp;c=762</t>
  </si>
  <si>
    <t>01/13/2020 08:07:11</t>
  </si>
  <si>
    <t>mail.google.com/sync/u/0/i/s?hl=pt-BR&amp;c=765</t>
  </si>
  <si>
    <t>01/13/2020 08:07:19</t>
  </si>
  <si>
    <t>mail.google.com/sync/u/0/i/s?hl=pt-BR&amp;c=768</t>
  </si>
  <si>
    <t>01/13/2020 08:07:22</t>
  </si>
  <si>
    <t>mail.google.com/sync/u/0/i/s?hl=pt-BR&amp;c=770</t>
  </si>
  <si>
    <t>01/13/2020 08:07:33</t>
  </si>
  <si>
    <t>mail.google.com/sync/u/0/i/s?hl=pt-BR&amp;c=772</t>
  </si>
  <si>
    <t>01/13/2020 08:07:49</t>
  </si>
  <si>
    <t>mail.google.com/sync/u/0/i/s?hl=pt-BR&amp;c=774</t>
  </si>
  <si>
    <t>01/13/2020 08:07:53</t>
  </si>
  <si>
    <t>mail.google.com/sync/u/0/i/s?hl=pt-BR&amp;c=776</t>
  </si>
  <si>
    <t>01/13/2020 08:08:01</t>
  </si>
  <si>
    <t>mail.google.com/sync/u/0/i/s?hl=pt-BR&amp;c=778</t>
  </si>
  <si>
    <t>01/13/2020 08:08:07</t>
  </si>
  <si>
    <t>mail.google.com/sync/u/0/i/s?hl=pt-BR&amp;c=780</t>
  </si>
  <si>
    <t>01/13/2020 08:08:13</t>
  </si>
  <si>
    <t>mail.google.com/sync/u/0/i/s?hl=pt-BR&amp;c=782</t>
  </si>
  <si>
    <t>01/13/2020 08:08:55</t>
  </si>
  <si>
    <t>\\acsfs\DEPTOS\Operacao\PCP\5 - Comum\PLANEJAMENTO BV\14 - ACOMPANHAMENTO\1 - REPORT ACOMPANHAMENTO\2020\1 - JANEIRO\CARTÕES\Pausas CARTÕES\</t>
  </si>
  <si>
    <t>Pausas - CARTÕES.xlsb</t>
  </si>
  <si>
    <t>\\acsfs\DEPTOS\Operacao\PCP\5 - Comum\PLANEJAMENTO BV\14 - ACOMPANHAMENTO\1 - REPORT ACOMPANHAMENTO\2020\1 - JANEIRO\CARTÕES\Pausas CARTÕES\Pausas - CARTÕES.xlsb</t>
  </si>
  <si>
    <t>01/13/2020 08:09:14</t>
  </si>
  <si>
    <t>mail.google.com/_/upload?authuser=0&amp;dcp=asu-n&amp;upload_id=AEnB2Ur7i_tXVAeBAsAE4uWtg9JDe7PB3oWqbWzkgst9NhNJlqKibq72dRFFN4Vt_h5P2oLlHZhUb7ElyvJR1Lh1wAcEGoPJv3t_tLHUKRYMnejV84mjEX8&amp;upload_protocol=resumable</t>
  </si>
  <si>
    <t>01/13/2020 08:07:40</t>
  </si>
  <si>
    <t>10.200.67.127</t>
  </si>
  <si>
    <t>74-86-7A-FD-D5-04</t>
  </si>
  <si>
    <t>VOTORANT-WB014</t>
  </si>
  <si>
    <t>anapdsb</t>
  </si>
  <si>
    <t>\\acsfs\profiles$\ANAPDSB\Downloads\</t>
  </si>
  <si>
    <t>0fd64f58-c66a-4084-8257-e6337750a33e.tmp</t>
  </si>
  <si>
    <t>\\acsfs\profiles$\ANAPDSB\Downloads\0fd64f58-c66a-4084-8257-e6337750a33e.tmp</t>
  </si>
  <si>
    <t>01/13/2020 08:07:52</t>
  </si>
  <si>
    <t>Q29udHJvbGxlci5DYWxjdWxhZG9yYURlVmVuY2lt (22).ica</t>
  </si>
  <si>
    <t>\\acsfs\profiles$\ANAPDSB\Downloads\Q29udHJvbGxlci5DYWxjdWxhZG9yYURlVmVuY2lt (22).ica</t>
  </si>
  <si>
    <t>01/13/2020 08:08:59</t>
  </si>
  <si>
    <t>36e4538d-7bc0-4189-8ec9-db302244e1a8.tmp</t>
  </si>
  <si>
    <t>\\acsfs\profiles$\ANAPDSB\Downloads\36e4538d-7bc0-4189-8ec9-db302244e1a8.tmp</t>
  </si>
  <si>
    <t>eb003dee-7624-460e-803e-feba2e3db94e.tmp</t>
  </si>
  <si>
    <t>\\acsfs\profiles$\paulovadc\Downloads\eb003dee-7624-460e-803e-feba2e3db94e.tmp</t>
  </si>
  <si>
    <t>01/13/2020 08:05:50</t>
  </si>
  <si>
    <t>01/13/2020 08:11:28</t>
  </si>
  <si>
    <t>01/13/2020 08:06:20</t>
  </si>
  <si>
    <t>01/13/2020 08:06:50</t>
  </si>
  <si>
    <t>01/13/2020 08:07:20</t>
  </si>
  <si>
    <t>01/13/2020 08:10:43</t>
  </si>
  <si>
    <t>01/13/2020 08:12:27</t>
  </si>
  <si>
    <t>10.200.67.167</t>
  </si>
  <si>
    <t>74-86-7A-FB-17-AC</t>
  </si>
  <si>
    <t>VOTORANT-PB009</t>
  </si>
  <si>
    <t>geovannasm</t>
  </si>
  <si>
    <t>\\acsfs\profiles$\geovannasm\Downloads\</t>
  </si>
  <si>
    <t>290465a0-2bf3-4ed4-ace0-25d93d3f0ea2.tmp</t>
  </si>
  <si>
    <t>\\acsfs\profiles$\geovannasm\Downloads\290465a0-2bf3-4ed4-ace0-25d93d3f0ea2.tmp</t>
  </si>
  <si>
    <t>01/13/2020 08:12:30</t>
  </si>
  <si>
    <t>01/13/2020 08:13:27</t>
  </si>
  <si>
    <t>10.200.60.45</t>
  </si>
  <si>
    <t>D4-AE-52-FC-8F-DA</t>
  </si>
  <si>
    <t>VOTORANTE-ZB021</t>
  </si>
  <si>
    <t>\\acsfs\Deptos\Operacao\Banco_Votorantim\Supervisao\SUPERS BV CARTÕES\LAYOUT TV´S\</t>
  </si>
  <si>
    <t>.~lock.TV ANA E VITOR.ppt#</t>
  </si>
  <si>
    <t>\\acsfs\Deptos\Operacao\Banco_Votorantim\Supervisao\SUPERS BV CARTÕES\LAYOUT TV´S\.~lock.TV ANA E VITOR.ppt#</t>
  </si>
  <si>
    <t>978edb7e-556c-492a-af2f-04ebc13c18f6.tmp</t>
  </si>
  <si>
    <t>\\acsfs\profiles$\rafaelahpn\Downloads\978edb7e-556c-492a-af2f-04ebc13c18f6.tmp</t>
  </si>
  <si>
    <t>01/13/2020 08:08:49</t>
  </si>
  <si>
    <t>c16122b4-540f-4cb0-bae4-0993692baeae.tmp</t>
  </si>
  <si>
    <t>\\acsfs\profiles$\rafaelahpn\Downloads\c16122b4-540f-4cb0-bae4-0993692baeae.tmp</t>
  </si>
  <si>
    <t>01/13/2020 08:09:18</t>
  </si>
  <si>
    <t>f8ae88da-e5fe-470c-a1df-8b8a10524175.tmp</t>
  </si>
  <si>
    <t>\\acsfs\profiles$\rafaelahpn\Downloads\f8ae88da-e5fe-470c-a1df-8b8a10524175.tmp</t>
  </si>
  <si>
    <t>01/13/2020 08:10:06</t>
  </si>
  <si>
    <t>2b2e4c61-42ec-4e05-9ca4-f8bffdff51e4.tmp</t>
  </si>
  <si>
    <t>\\acsfs\profiles$\rafaelahpn\Downloads\2b2e4c61-42ec-4e05-9ca4-f8bffdff51e4.tmp</t>
  </si>
  <si>
    <t>01/13/2020 08:12:58</t>
  </si>
  <si>
    <t>01/13/2020 08:12:59</t>
  </si>
  <si>
    <t>01/13/2020 08:13:54</t>
  </si>
  <si>
    <t>01/13/2020 08:14:27</t>
  </si>
  <si>
    <t>99f913ca-43bd-44a7-b4db-0fd98f247854.tmp</t>
  </si>
  <si>
    <t>\\acsfs\profiles$\wedersonbadr\My Documents\My Music\99f913ca-43bd-44a7-b4db-0fd98f247854.tmp</t>
  </si>
  <si>
    <t>01/13/2020 08:13:24</t>
  </si>
  <si>
    <t>01/13/2020 08:16:27</t>
  </si>
  <si>
    <t>rafaelrf</t>
  </si>
  <si>
    <t>\\acsfs\profiles$\RAFAELRF\Downloads\</t>
  </si>
  <si>
    <t>f6a6e010-8666-450d-b64e-635bff7f4b7e.tmp</t>
  </si>
  <si>
    <t>\\acsfs\profiles$\RAFAELRF\Downloads\f6a6e010-8666-450d-b64e-635bff7f4b7e.tmp</t>
  </si>
  <si>
    <t>01/13/2020 08:14:05</t>
  </si>
  <si>
    <t>6e007795-b0c7-4b44-b970-4d2511add544.tmp</t>
  </si>
  <si>
    <t>\\acsfs\profiles$\RAFAELRF\Downloads\6e007795-b0c7-4b44-b970-4d2511add544.tmp</t>
  </si>
  <si>
    <t>01/13/2020 08:14:06</t>
  </si>
  <si>
    <t>31be9cee-cf7c-4dc0-a8a1-c065ad7bbf0b.tmp</t>
  </si>
  <si>
    <t>\\acsfs\profiles$\RAFAELRF\Downloads\31be9cee-cf7c-4dc0-a8a1-c065ad7bbf0b.tmp</t>
  </si>
  <si>
    <t>01/13/2020 08:14:08</t>
  </si>
  <si>
    <t>f1e496f1-a919-45f6-85e5-9a7c244029b8.tmp</t>
  </si>
  <si>
    <t>\\acsfs\profiles$\RAFAELRF\Downloads\f1e496f1-a919-45f6-85e5-9a7c244029b8.tmp</t>
  </si>
  <si>
    <t>Medium</t>
  </si>
  <si>
    <t>\\acsfs\profiles$\RAFAELRF\Downloads\f1e496f1-a919-45f6-85e5-9a7c244029b8.tmp\</t>
  </si>
  <si>
    <t>Brazil: CPF - Cadastro de Pessoas Físicas (Natural Persons Register)</t>
  </si>
  <si>
    <t>\\acsfs\profiles$\RAFAELRF\Downloads\f1e496f1-a919-45f6-85e5-9a7c244029b8.tmp\META-INF\</t>
  </si>
  <si>
    <t>\\acsfs\profiles$\RAFAELRF\Downloads\f1e496f1-a919-45f6-85e5-9a7c244029b8.tmp\Thumbnails\</t>
  </si>
  <si>
    <t>01/13/2020 08:14:45</t>
  </si>
  <si>
    <t>2239420a-5989-4387-97a6-916a2192604e.tmp</t>
  </si>
  <si>
    <t>\\acsfs\profiles$\RAFAELRF\Downloads\2239420a-5989-4387-97a6-916a2192604e.tmp</t>
  </si>
  <si>
    <t>01/13/2020 08:16:12</t>
  </si>
  <si>
    <t>\\acsfs\profiles$\vanessacgs\My Documents\xworkcenter\lex\</t>
  </si>
  <si>
    <t>\\acsfs\profiles$\vanessacgs\My Documents\xworkcenter\lex\temp.tlx</t>
  </si>
  <si>
    <t>01/13/2020 08:16:13</t>
  </si>
  <si>
    <t>01/13/2020 08:16:14</t>
  </si>
  <si>
    <t>01/13/2020 08:16:15</t>
  </si>
  <si>
    <t>01/13/2020 08:16:16</t>
  </si>
  <si>
    <t>01/13/2020 08:17:27</t>
  </si>
  <si>
    <t>01/13/2020 08:16:17</t>
  </si>
  <si>
    <t>01/13/2020 08:14:26</t>
  </si>
  <si>
    <t>01/13/2020 08:18:27</t>
  </si>
  <si>
    <t>10.200.58.152</t>
  </si>
  <si>
    <t>78-2B-CB-C1-06-C7</t>
  </si>
  <si>
    <t>VOTORANT-CB014</t>
  </si>
  <si>
    <t>andersonrm</t>
  </si>
  <si>
    <t>\\acsfs\DEPTOS\Operacao\Banco_Votorantim\Qualidade\Anderson\Jose\anderson\</t>
  </si>
  <si>
    <t>PRINT MET LIFE FLAVIA CRISTINE.png</t>
  </si>
  <si>
    <t>\\acsfs\DEPTOS\Operacao\Banco_Votorantim\Qualidade\Anderson\Jose\anderson\PRINT MET LIFE FLAVIA CRISTINE.png</t>
  </si>
  <si>
    <t>01/13/2020 08:13:37</t>
  </si>
  <si>
    <t>\\acsfs\Deptos\Operacao\Banco_Votorantim\Supervisao\SUPERS BV CARTÕES\LAYOUT TV´S\Thumbs.db</t>
  </si>
  <si>
    <t>01/13/2020 08:15:39</t>
  </si>
  <si>
    <t>e08c9007-d8f4-4868-8975-a9a4442ccb13.tmp</t>
  </si>
  <si>
    <t>\\acsfs\profiles$\rafaelahpn\Downloads\e08c9007-d8f4-4868-8975-a9a4442ccb13.tmp</t>
  </si>
  <si>
    <t>01/13/2020 08:14:13</t>
  </si>
  <si>
    <t>01/13/2020 08:19:27</t>
  </si>
  <si>
    <t>804a626b-cde8-400e-830a-a70e25528191.tmp</t>
  </si>
  <si>
    <t>\\acsfs\profiles$\vivianealda\Downloads\804a626b-cde8-400e-830a-a70e25528191.tmp</t>
  </si>
  <si>
    <t>01/13/2020 08:20:27</t>
  </si>
  <si>
    <t>01/13/2020 08:15:00</t>
  </si>
  <si>
    <t>10.200.67.155</t>
  </si>
  <si>
    <t>78-2B-CB-C3-48-8C</t>
  </si>
  <si>
    <t>VOTORANT-IB004</t>
  </si>
  <si>
    <t>\\acsfs\profiles$\gleycekos\My Documents\xworkcenter\logs\</t>
  </si>
  <si>
    <t>XLOG_gleycekos_13012020_081442.log</t>
  </si>
  <si>
    <t>\\acsfs\profiles$\gleycekos\My Documents\xworkcenter\logs\XLOG_gleycekos_13012020_081442.log</t>
  </si>
  <si>
    <t>01/13/2020 08:17:21</t>
  </si>
  <si>
    <t>lucasns</t>
  </si>
  <si>
    <t>\\acsfs\profiles$\LUCASNS\Downloads\</t>
  </si>
  <si>
    <t>d9c89480-704a-4d57-8187-7bed3619cb42.tmp</t>
  </si>
  <si>
    <t>\\acsfs\profiles$\LUCASNS\Downloads\d9c89480-704a-4d57-8187-7bed3619cb42.tmp</t>
  </si>
  <si>
    <t>01/13/2020 08:17:35</t>
  </si>
  <si>
    <t>f1dffaa4-1d69-4124-aff6-189bd8f97fa1.tmp</t>
  </si>
  <si>
    <t>\\acsfs\profiles$\LUCASNS\Downloads\f1dffaa4-1d69-4124-aff6-189bd8f97fa1.tmp</t>
  </si>
  <si>
    <t>01/13/2020 08:16:42</t>
  </si>
  <si>
    <t>https://joaogvc@algartech.com,marianadjc@algartech.com,rafaelggs@algartech.com,taysdss@algartech.com,viniciussg@algartech.com</t>
  </si>
  <si>
    <t>01/13/2020 08:20:20</t>
  </si>
  <si>
    <t>1b59b3de-259d-4047-9db6-ba8722a92a0a.tmp</t>
  </si>
  <si>
    <t>\\acsfs\profiles$\mariajra\Downloads\1b59b3de-259d-4047-9db6-ba8722a92a0a.tmp</t>
  </si>
  <si>
    <t>01/13/2020 08:17:20</t>
  </si>
  <si>
    <t>01/13/2020 08:21:27</t>
  </si>
  <si>
    <t>01/13/2020 08:17:50</t>
  </si>
  <si>
    <t>01/13/2020 08:18:20</t>
  </si>
  <si>
    <t>01/13/2020 08:18:50</t>
  </si>
  <si>
    <t>01/13/2020 08:19:20</t>
  </si>
  <si>
    <t>01/13/2020 08:19:50</t>
  </si>
  <si>
    <t>bb0a7d9f-639d-4674-b828-30181727d4d6.tmp</t>
  </si>
  <si>
    <t>\\acsfs\profiles$\RAFAELRF\Downloads\bb0a7d9f-639d-4674-b828-30181727d4d6.tmp</t>
  </si>
  <si>
    <t>01/13/2020 08:19:46</t>
  </si>
  <si>
    <t>10.200.67.64</t>
  </si>
  <si>
    <t>78-2B-CB-C1-06-D3</t>
  </si>
  <si>
    <t>VOTORANT-MB008</t>
  </si>
  <si>
    <t>larissaad</t>
  </si>
  <si>
    <t>\\acsfs\profiles$\larissaad\Downloads\</t>
  </si>
  <si>
    <t>9b3ab568-f0d8-4c95-b8fa-76f00d276e11.tmp</t>
  </si>
  <si>
    <t>\\acsfs\profiles$\larissaad\Downloads\9b3ab568-f0d8-4c95-b8fa-76f00d276e11.tmp</t>
  </si>
  <si>
    <t>d5d3ab43-2012-4114-9037-58a4b876bf1e.tmp</t>
  </si>
  <si>
    <t>\\acsfs\profiles$\larissaad\Downloads\d5d3ab43-2012-4114-9037-58a4b876bf1e.tmp</t>
  </si>
  <si>
    <t>01/13/2020 08:20:35</t>
  </si>
  <si>
    <t>96e05a39-5ef2-4d00-83ad-66e436a085b9.tmp</t>
  </si>
  <si>
    <t>\\acsfs\profiles$\larissaad\Downloads\96e05a39-5ef2-4d00-83ad-66e436a085b9.tmp</t>
  </si>
  <si>
    <t>01/13/2020 08:20:42</t>
  </si>
  <si>
    <t>0d53d571-9135-480a-9ae3-a73ac615cadb.tmp</t>
  </si>
  <si>
    <t>\\acsfs\profiles$\larissaad\Downloads\0d53d571-9135-480a-9ae3-a73ac615cadb.tmp</t>
  </si>
  <si>
    <t>01/13/2020 08:22:27</t>
  </si>
  <si>
    <t>01/13/2020 08:16:18</t>
  </si>
  <si>
    <t>01/13/2020 08:16:19</t>
  </si>
  <si>
    <t>10.200.67.128</t>
  </si>
  <si>
    <t>74-86-7A-FB-19-41</t>
  </si>
  <si>
    <t>VOTORANT-JB003</t>
  </si>
  <si>
    <t>01/13/2020 08:16:20</t>
  </si>
  <si>
    <t>01/13/2020 08:16:21</t>
  </si>
  <si>
    <t>01/13/2020 08:16:22</t>
  </si>
  <si>
    <t>01/13/2020 08:16:23</t>
  </si>
  <si>
    <t>01/13/2020 08:16:24</t>
  </si>
  <si>
    <t>01/13/2020 08:20:53</t>
  </si>
  <si>
    <t>10.200.67.160</t>
  </si>
  <si>
    <t>74-86-7A-FC-CF-23</t>
  </si>
  <si>
    <t>VOTORANT-OB010</t>
  </si>
  <si>
    <t>ayalabfi</t>
  </si>
  <si>
    <t>\\acsfs\profiles$\ayalabfi\Downloads\</t>
  </si>
  <si>
    <t>37878fc4-5916-41d0-94b7-55ef8ae616e5.tmp</t>
  </si>
  <si>
    <t>\\acsfs\profiles$\ayalabfi\Downloads\37878fc4-5916-41d0-94b7-55ef8ae616e5.tmp</t>
  </si>
  <si>
    <t>01/13/2020 08:20:54</t>
  </si>
  <si>
    <t>3fb7a952-4f69-46eb-a901-17ffd8bd7200.tmp</t>
  </si>
  <si>
    <t>\\acsfs\profiles$\ayalabfi\Downloads\3fb7a952-4f69-46eb-a901-17ffd8bd7200.tmp</t>
  </si>
  <si>
    <t>01/13/2020 08:20:57</t>
  </si>
  <si>
    <t>8b685ed7-63cb-48ab-b8de-89e418f42524.tmp</t>
  </si>
  <si>
    <t>\\acsfs\profiles$\ayalabfi\Downloads\8b685ed7-63cb-48ab-b8de-89e418f42524.tmp</t>
  </si>
  <si>
    <t>01/13/2020 08:22:06</t>
  </si>
  <si>
    <t>f6a36a83-be2e-4bf3-bc70-83d75bdb63de.tmp</t>
  </si>
  <si>
    <t>\\acsfs\profiles$\ayalabfi\Downloads\f6a36a83-be2e-4bf3-bc70-83d75bdb63de.tmp</t>
  </si>
  <si>
    <t>01/13/2020 08:23:27</t>
  </si>
  <si>
    <t>01/13/2020 08:18:14</t>
  </si>
  <si>
    <t>\\acsfs\DEPTOS\EDUCACAO EMPRESARIAL\2 - Operações\0 - BV\5 - QUALIDADE\Nova pasta\</t>
  </si>
  <si>
    <t>LIGAÇÃO FLAVIA MET LIFE_1_6766346926229104442_1_32.wav</t>
  </si>
  <si>
    <t>\\acsfs\DEPTOS\EDUCACAO EMPRESARIAL\2 - Operações\0 - BV\5 - QUALIDADE\Nova pasta\LIGAÇÃO FLAVIA MET LIFE_1_6766346926229104442_1_32.wav</t>
  </si>
  <si>
    <t>01/13/2020 08:22:47</t>
  </si>
  <si>
    <t>10.200.67.28</t>
  </si>
  <si>
    <t>74-86-7A-FB-17-C3</t>
  </si>
  <si>
    <t>VOTORANT-MB006</t>
  </si>
  <si>
    <t>milennyss</t>
  </si>
  <si>
    <t>\\acsfs\profiles$\milennyss\Favorites\</t>
  </si>
  <si>
    <t>citrix.url:favicon</t>
  </si>
  <si>
    <t>\\acsfs\profiles$\milennyss\Favorites\citrix.url:favicon</t>
  </si>
  <si>
    <t>\\acsfs\profiles$\milennyss\Favorites\citrix.url\</t>
  </si>
  <si>
    <t>\\acsfs\profiles$\milennyss\Favorites\citrix.url\:favicon:$DATA</t>
  </si>
  <si>
    <t>\\acsfs\profiles$\milennyss\Favorites\citrix.url</t>
  </si>
  <si>
    <t>01/13/2020 08:24:27</t>
  </si>
  <si>
    <t>01/13/2020 08:22:38</t>
  </si>
  <si>
    <t>mail.google.com/sync/u/0/i/s?hl=pt-BR&amp;c=94</t>
  </si>
  <si>
    <t>01/13/2020 08:22:44</t>
  </si>
  <si>
    <t>mail.google.com/sync/u/0/i/s?hl=pt-BR&amp;c=96</t>
  </si>
  <si>
    <t>bvcartes-supervisores@algarnet.onmicrosoft.com;bvs-centralcartoes@bv.com.br;</t>
  </si>
  <si>
    <t>bvcartes-supervisores@algarnet.onmicrosoft.com,bvs-centralcartoes@bv.com.br</t>
  </si>
  <si>
    <t>01/13/2020 08:22:56</t>
  </si>
  <si>
    <t>mail.google.com/sync/u/0/i/s?hl=pt-BR&amp;c=99</t>
  </si>
  <si>
    <t>01/13/2020 08:23:04</t>
  </si>
  <si>
    <t>mail.google.com/sync/u/0/i/s?hl=pt-BR&amp;c=101</t>
  </si>
  <si>
    <t>01/13/2020 08:23:21</t>
  </si>
  <si>
    <t>mail.google.com/sync/u/0/i/s?hl=pt-BR&amp;c=103</t>
  </si>
  <si>
    <t>01/13/2020 08:23:34</t>
  </si>
  <si>
    <t>mail.google.com/sync/u/0/i/s?hl=pt-BR&amp;c=105</t>
  </si>
  <si>
    <t>01/13/2020 08:22:39</t>
  </si>
  <si>
    <t>10.200.66.38</t>
  </si>
  <si>
    <t>74-86-7A-FB-1A-73</t>
  </si>
  <si>
    <t>VOTORANT-IB021</t>
  </si>
  <si>
    <t>karendsr</t>
  </si>
  <si>
    <t>\\acsfs\profiles$\KARENDSR\Downloads\</t>
  </si>
  <si>
    <t>31f95535-e139-4eb7-a773-0a4e3e0338f2.tmp</t>
  </si>
  <si>
    <t>\\acsfs\profiles$\KARENDSR\Downloads\31f95535-e139-4eb7-a773-0a4e3e0338f2.tmp</t>
  </si>
  <si>
    <t>7db68f38-cfbc-48a6-9ef9-93a95daf8e5a.tmp</t>
  </si>
  <si>
    <t>\\acsfs\profiles$\KARENDSR\Downloads\7db68f38-cfbc-48a6-9ef9-93a95daf8e5a.tmp</t>
  </si>
  <si>
    <t>01/13/2020 08:19:21</t>
  </si>
  <si>
    <t>quindaizaagds</t>
  </si>
  <si>
    <t>\\acsfs\profiles$\quindaizaagds\Downloads\</t>
  </si>
  <si>
    <t>b626cf7e-0824-4505-ad4e-23b084364008.tmp</t>
  </si>
  <si>
    <t>\\acsfs\profiles$\quindaizaagds\Downloads\b626cf7e-0824-4505-ad4e-23b084364008.tmp</t>
  </si>
  <si>
    <t>01/13/2020 08:20:59</t>
  </si>
  <si>
    <t>e887dd51-a216-4676-8a2f-e7b7cf20220c.tmp</t>
  </si>
  <si>
    <t>\\acsfs\profiles$\quindaizaagds\Downloads\e887dd51-a216-4676-8a2f-e7b7cf20220c.tmp</t>
  </si>
  <si>
    <t>01/13/2020 08:23:07</t>
  </si>
  <si>
    <t>ea2d56f7-ceb6-4adb-9209-9aa47fa59456.tmp</t>
  </si>
  <si>
    <t>\\acsfs\profiles$\quindaizaagds\Downloads\ea2d56f7-ceb6-4adb-9209-9aa47fa59456.tmp</t>
  </si>
  <si>
    <t>01/13/2020 08:25:28</t>
  </si>
  <si>
    <t>01/13/2020 08:21:13</t>
  </si>
  <si>
    <t>01/13/2020 08:21:29</t>
  </si>
  <si>
    <t>01/13/2020 08:24:45</t>
  </si>
  <si>
    <t>\\acsfs\profiles$\ANAPDSB\</t>
  </si>
  <si>
    <t>\\acsfs\profiles$\ANAPDSB\Thumbs.db</t>
  </si>
  <si>
    <t>01/13/2020 08:20:50</t>
  </si>
  <si>
    <t>01/13/2020 08:26:27</t>
  </si>
  <si>
    <t>01/13/2020 08:21:20</t>
  </si>
  <si>
    <t>01/13/2020 08:21:50</t>
  </si>
  <si>
    <t>01/13/2020 08:22:20</t>
  </si>
  <si>
    <t>01/13/2020 08:22:50</t>
  </si>
  <si>
    <t>01/13/2020 08:23:20</t>
  </si>
  <si>
    <t>01/13/2020 08:23:50</t>
  </si>
  <si>
    <t>01/13/2020 08:24:20</t>
  </si>
  <si>
    <t>01/13/2020 08:24:50</t>
  </si>
  <si>
    <t>01/13/2020 08:20:43</t>
  </si>
  <si>
    <t>.~lock.BANCO DE DADOS - OPERAÇÃO.xlsx#</t>
  </si>
  <si>
    <t>\\acsfs\profiles$\RAFAELRF\Downloads\.~lock.BANCO DE DADOS - OPERAÇÃO.xlsx#</t>
  </si>
  <si>
    <t>01/13/2020 08:24:04</t>
  </si>
  <si>
    <t>01/13/2020 08:27:28</t>
  </si>
  <si>
    <t>10.200.66.42</t>
  </si>
  <si>
    <t>74-86-7A-FD-D4-6C</t>
  </si>
  <si>
    <t>VOTORANT-OB015</t>
  </si>
  <si>
    <t>antoniosva</t>
  </si>
  <si>
    <t>\\acsfs\profiles$\antoniosva\Downloads\</t>
  </si>
  <si>
    <t>b3fcab65-4895-442b-b5f2-ecc1bbc1fa62.tmp</t>
  </si>
  <si>
    <t>\\acsfs\profiles$\antoniosva\Downloads\b3fcab65-4895-442b-b5f2-ecc1bbc1fa62.tmp</t>
  </si>
  <si>
    <t>98ffc7bc-c63a-455f-a4b8-5325266c3e33.tmp</t>
  </si>
  <si>
    <t>\\acsfs\profiles$\antoniosva\Downloads\98ffc7bc-c63a-455f-a4b8-5325266c3e33.tmp</t>
  </si>
  <si>
    <t>01/13/2020 08:24:12</t>
  </si>
  <si>
    <t>af05b9f7-f433-4845-84ca-7183a348d55f.tmp</t>
  </si>
  <si>
    <t>\\acsfs\profiles$\antoniosva\Downloads\af05b9f7-f433-4845-84ca-7183a348d55f.tmp</t>
  </si>
  <si>
    <t>01/13/2020 08:24:15</t>
  </si>
  <si>
    <t>25d43451-f204-42c1-8ab4-b9604bb90548.tmp</t>
  </si>
  <si>
    <t>\\acsfs\profiles$\antoniosva\Downloads\25d43451-f204-42c1-8ab4-b9604bb90548.tmp</t>
  </si>
  <si>
    <t>01/13/2020 08:25:44</t>
  </si>
  <si>
    <t>47c8ac76-9264-4a74-835a-6bac9b145203.tmp</t>
  </si>
  <si>
    <t>\\acsfs\profiles$\antoniosva\Downloads\47c8ac76-9264-4a74-835a-6bac9b145203.tmp</t>
  </si>
  <si>
    <t>01/13/2020 08:24:17</t>
  </si>
  <si>
    <t>d372950b-36ee-451d-8a8f-9cbe826ccc33.tmp</t>
  </si>
  <si>
    <t>\\acsfs\profiles$\geovannasm\Downloads\d372950b-36ee-451d-8a8f-9cbe826ccc33.tmp</t>
  </si>
  <si>
    <t>01/13/2020 08:25:20</t>
  </si>
  <si>
    <t>7c981d29-b1de-45ad-9939-a12b98d8d384.tmp</t>
  </si>
  <si>
    <t>\\acsfs\profiles$\geovannasm\Downloads\7c981d29-b1de-45ad-9939-a12b98d8d384.tmp</t>
  </si>
  <si>
    <t>01/13/2020 08:26:07</t>
  </si>
  <si>
    <t>2d7e8eae-793c-4bf3-bb22-6639acf30310.tmp</t>
  </si>
  <si>
    <t>\\acsfs\profiles$\geovannasm\Downloads\2d7e8eae-793c-4bf3-bb22-6639acf30310.tmp</t>
  </si>
  <si>
    <t>01/13/2020 08:24:16</t>
  </si>
  <si>
    <t>5ef1f814-a566-418d-b57c-3178242bb12c.tmp</t>
  </si>
  <si>
    <t>\\acsfs\profiles$\ayalabfi\Downloads\5ef1f814-a566-418d-b57c-3178242bb12c.tmp</t>
  </si>
  <si>
    <t>01/13/2020 08:23:51</t>
  </si>
  <si>
    <t>01/13/2020 08:29:27</t>
  </si>
  <si>
    <t>mail.google.com/sync/u/0/i/s?hl=pt-BR&amp;c=107</t>
  </si>
  <si>
    <t>01/13/2020 08:24:05</t>
  </si>
  <si>
    <t>mail.google.com/sync/u/0/i/s?hl=pt-BR&amp;c=110</t>
  </si>
  <si>
    <t>01/13/2020 08:24:14</t>
  </si>
  <si>
    <t>mail.google.com/sync/u/0/i/s?hl=pt-BR&amp;c=112</t>
  </si>
  <si>
    <t>01/13/2020 08:27:11</t>
  </si>
  <si>
    <t>mail.google.com/sync/u/0/i/s?hl=pt-BR&amp;c=115</t>
  </si>
  <si>
    <t>01/13/2020 08:27:16</t>
  </si>
  <si>
    <t>mail.google.com/sync/u/0/i/s?hl=pt-BR&amp;c=117</t>
  </si>
  <si>
    <t>01/13/2020 08:27:25</t>
  </si>
  <si>
    <t>mail.google.com/sync/u/0/i/s?hl=pt-BR&amp;c=119</t>
  </si>
  <si>
    <t>01/13/2020 08:27:31</t>
  </si>
  <si>
    <t>mail.google.com/sync/u/0/i/s?hl=pt-BR&amp;c=121</t>
  </si>
  <si>
    <t>01/13/2020 08:27:34</t>
  </si>
  <si>
    <t>mail.google.com/sync/u/0/i/s?hl=pt-BR&amp;c=123</t>
  </si>
  <si>
    <t>01/13/2020 08:27:38</t>
  </si>
  <si>
    <t>mail.google.com/sync/u/0/i/s?hl=pt-BR&amp;c=125</t>
  </si>
  <si>
    <t>01/13/2020 08:27:47</t>
  </si>
  <si>
    <t>mail.google.com/sync/u/0/i/s?hl=pt-BR&amp;c=127</t>
  </si>
  <si>
    <t>01/13/2020 08:28:11</t>
  </si>
  <si>
    <t>mail.google.com/sync/u/0/i/s?hl=pt-BR&amp;c=130</t>
  </si>
  <si>
    <t>01/13/2020 08:28:19</t>
  </si>
  <si>
    <t>mail.google.com/sync/u/0/i/s?hl=pt-BR&amp;c=132</t>
  </si>
  <si>
    <t>01/13/2020 08:28:34</t>
  </si>
  <si>
    <t>mail.google.com/sync/u/0/i/s?hl=pt-BR&amp;c=134</t>
  </si>
  <si>
    <t>01/13/2020 08:28:43</t>
  </si>
  <si>
    <t>mail.google.com/sync/u/0/i/s?hl=pt-BR&amp;c=136</t>
  </si>
  <si>
    <t>01/13/2020 08:23:57</t>
  </si>
  <si>
    <t>d1b5e04e-b175-4327-9297-4f0c35229eba.tmp</t>
  </si>
  <si>
    <t>\\acsfs\profiles$\KARENDSR\Downloads\d1b5e04e-b175-4327-9297-4f0c35229eba.tmp</t>
  </si>
  <si>
    <t>01/13/2020 08:24:26</t>
  </si>
  <si>
    <t>a3a06ab5-3bab-48b8-9151-63fe89e472ef.tmp</t>
  </si>
  <si>
    <t>\\acsfs\profiles$\KARENDSR\Downloads\a3a06ab5-3bab-48b8-9151-63fe89e472ef.tmp</t>
  </si>
  <si>
    <t>01/13/2020 08:25:51</t>
  </si>
  <si>
    <t>01/13/2020 08:30:26</t>
  </si>
  <si>
    <t>joaogvc@algartech.com;marianadjc@algartech.com;planejamentodeoperacoesetrafego@bv.com.br;raphaelmco@algartech.com.br;ricardodfm@algartech.com.br;taysdss@algartech.com;viniciussg@algartech.com;</t>
  </si>
  <si>
    <t>https://joaogvc@algartech.com,marianadjc@algartech.com,planejamentodeoperacoesetrafego@bv.com.br,raphaelmco@algartech.com.br,ricardodfm@algartech.com.br,taysdss@algartech.com,viniciussg@algartech.com</t>
  </si>
  <si>
    <t>01/13/2020 08:25:08</t>
  </si>
  <si>
    <t>.~lock.vendas janeiro.ods#</t>
  </si>
  <si>
    <t>\\acsfs\profiles$\ANAPDSB\.~lock.vendas janeiro.ods#</t>
  </si>
  <si>
    <t>01/13/2020 08:27:12</t>
  </si>
  <si>
    <t>\\acsfs\profiles$\paulovadc\</t>
  </si>
  <si>
    <t>.~lock.Novo(a) Planilha OpenDocument.ods#</t>
  </si>
  <si>
    <t>\\acsfs\profiles$\paulovadc\.~lock.Novo(a) Planilha OpenDocument.ods#</t>
  </si>
  <si>
    <t>01/13/2020 08:26:20</t>
  </si>
  <si>
    <t>01/13/2020 08:31:27</t>
  </si>
  <si>
    <t>01/13/2020 08:27:20</t>
  </si>
  <si>
    <t>01/13/2020 08:27:50</t>
  </si>
  <si>
    <t>01/13/2020 08:28:20</t>
  </si>
  <si>
    <t>01/13/2020 08:29:52</t>
  </si>
  <si>
    <t>isabellegtds</t>
  </si>
  <si>
    <t>\\acsfs\profiles$\isabellegtds\Downloads\</t>
  </si>
  <si>
    <t>bd087640-b627-4c55-9db4-543e910eb4a8.tmp</t>
  </si>
  <si>
    <t>\\acsfs\profiles$\isabellegtds\Downloads\bd087640-b627-4c55-9db4-543e910eb4a8.tmp</t>
  </si>
  <si>
    <t>01/13/2020 08:30:23</t>
  </si>
  <si>
    <t>b69ef53e-a3d9-4e40-8648-3369074e43fc.tmp</t>
  </si>
  <si>
    <t>\\acsfs\profiles$\isabellegtds\Downloads\b69ef53e-a3d9-4e40-8648-3369074e43fc.tmp</t>
  </si>
  <si>
    <t>01/13/2020 08:32:27</t>
  </si>
  <si>
    <t>01/13/2020 08:30:55</t>
  </si>
  <si>
    <t>victoriaksr</t>
  </si>
  <si>
    <t>\\acsfs\profiles$\victoriaksr\Downloads\</t>
  </si>
  <si>
    <t>db5c1e89-d951-408c-8be9-8129f18cfed5.tmp</t>
  </si>
  <si>
    <t>\\acsfs\profiles$\victoriaksr\Downloads\db5c1e89-d951-408c-8be9-8129f18cfed5.tmp</t>
  </si>
  <si>
    <t>01/13/2020 08:30:15</t>
  </si>
  <si>
    <t>10.200.67.131</t>
  </si>
  <si>
    <t>78-2B-CB-C2-BF-46</t>
  </si>
  <si>
    <t>VOTORANT-FB005</t>
  </si>
  <si>
    <t>Angelicacldr</t>
  </si>
  <si>
    <t>\\acsfs\profiles$\Angelicacldr\Downloads\</t>
  </si>
  <si>
    <t>ee20da5a-3a89-4aea-b00c-f8217b397343.tmp</t>
  </si>
  <si>
    <t>\\acsfs\profiles$\Angelicacldr\Downloads\ee20da5a-3a89-4aea-b00c-f8217b397343.tmp</t>
  </si>
  <si>
    <t>01/13/2020 08:31:37</t>
  </si>
  <si>
    <t>017e17f5-6f92-4671-a51e-311e4bb47613.tmp</t>
  </si>
  <si>
    <t>\\acsfs\profiles$\Angelicacldr\Downloads\017e17f5-6f92-4671-a51e-311e4bb47613.tmp</t>
  </si>
  <si>
    <t>01/13/2020 08:29:30</t>
  </si>
  <si>
    <t>lucasgpe</t>
  </si>
  <si>
    <t>\\acsfs\profiles$\lucasgpe\Downloads\</t>
  </si>
  <si>
    <t>072fadf0-bc28-4b4f-9a16-153f9a763911.tmp</t>
  </si>
  <si>
    <t>\\acsfs\profiles$\lucasgpe\Downloads\072fadf0-bc28-4b4f-9a16-153f9a763911.tmp</t>
  </si>
  <si>
    <t>01/13/2020 08:31:28</t>
  </si>
  <si>
    <t>83a8e5a8-ff1d-4e91-87a6-2cf38c4d4522.tmp</t>
  </si>
  <si>
    <t>\\acsfs\profiles$\lucasgpe\Downloads\83a8e5a8-ff1d-4e91-87a6-2cf38c4d4522.tmp</t>
  </si>
  <si>
    <t>01/13/2020 08:27:01</t>
  </si>
  <si>
    <t>7558d83a-eb75-4ffd-adef-467464401ec7.tmp</t>
  </si>
  <si>
    <t>\\acsfs\profiles$\antoniosva\Downloads\7558d83a-eb75-4ffd-adef-467464401ec7.tmp</t>
  </si>
  <si>
    <t>01/13/2020 08:27:42</t>
  </si>
  <si>
    <t>01e5e40c-d2e6-48ef-abf5-5bcdabafe03e.tmp</t>
  </si>
  <si>
    <t>\\acsfs\profiles$\antoniosva\Downloads\01e5e40c-d2e6-48ef-abf5-5bcdabafe03e.tmp</t>
  </si>
  <si>
    <t>01/13/2020 08:30:22</t>
  </si>
  <si>
    <t>781129d9-a2f1-4132-8011-b6201fcd0ba0.tmp</t>
  </si>
  <si>
    <t>\\acsfs\profiles$\antoniosva\Downloads\781129d9-a2f1-4132-8011-b6201fcd0ba0.tmp</t>
  </si>
  <si>
    <t>01/13/2020 08:31:00</t>
  </si>
  <si>
    <t>01/13/2020 08:34:27</t>
  </si>
  <si>
    <t>6e8ae35c-a6ef-4d7a-a98b-1494cbc6401e.tmp</t>
  </si>
  <si>
    <t>\\acsfs\profiles$\gabrielaff\Downloads\6e8ae35c-a6ef-4d7a-a98b-1494cbc6401e.tmp</t>
  </si>
  <si>
    <t>01/13/2020 08:29:06</t>
  </si>
  <si>
    <t>mail.google.com/sync/u/0/i/s?hl=pt-BR&amp;c=139</t>
  </si>
  <si>
    <t>01/13/2020 08:29:16</t>
  </si>
  <si>
    <t>mail.google.com/sync/u/0/i/s?hl=pt-BR&amp;c=141</t>
  </si>
  <si>
    <t>01/13/2020 08:29:43</t>
  </si>
  <si>
    <t>mail.google.com/sync/u/0/i/s?hl=pt-BR&amp;c=143</t>
  </si>
  <si>
    <t>01/13/2020 08:30:09</t>
  </si>
  <si>
    <t>mail.google.com/sync/u/0/i/s?hl=pt-BR&amp;c=146</t>
  </si>
  <si>
    <t>01/13/2020 08:30:13</t>
  </si>
  <si>
    <t>mail.google.com/sync/u/0/i/s?hl=pt-BR&amp;c=148</t>
  </si>
  <si>
    <t>01/13/2020 08:30:28</t>
  </si>
  <si>
    <t>mail.google.com/sync/u/0/i/s?hl=pt-BR&amp;c=150</t>
  </si>
  <si>
    <t>01/13/2020 08:31:04</t>
  </si>
  <si>
    <t>mail.google.com/sync/u/0/i/s?hl=pt-BR&amp;c=153</t>
  </si>
  <si>
    <t>01/13/2020 08:31:09</t>
  </si>
  <si>
    <t>mail.google.com/sync/u/0/i/s?hl=pt-BR&amp;c=155</t>
  </si>
  <si>
    <t>01/13/2020 08:31:29</t>
  </si>
  <si>
    <t>mail.google.com/sync/u/0/i/s?hl=pt-BR&amp;c=157</t>
  </si>
  <si>
    <t>01/13/2020 08:31:33</t>
  </si>
  <si>
    <t>mail.google.com/sync/u/0/i/s?hl=pt-BR&amp;c=159</t>
  </si>
  <si>
    <t>01/13/2020 08:31:45</t>
  </si>
  <si>
    <t>mail.google.com/sync/u/0/i/s?hl=pt-BR&amp;c=161</t>
  </si>
  <si>
    <t>01/13/2020 08:31:52</t>
  </si>
  <si>
    <t>mail.google.com/sync/u/0/i/s?hl=pt-BR&amp;c=163</t>
  </si>
  <si>
    <t>bvcartes-supervisores@algarnet.onmicrosoft.com;bvs-centralcartoes@bv.com.br;eduardo.santana@bv.com.br;</t>
  </si>
  <si>
    <t>bvcartes-supervisores@algarnet.onmicrosoft.com,bvs-centralcartoes@bv.com.br,eduardo.santana@bv.com.br</t>
  </si>
  <si>
    <t>01/13/2020 08:33:41</t>
  </si>
  <si>
    <t>fc5c14a1-7cce-4453-a8b3-98b96b3d84f1.tmp</t>
  </si>
  <si>
    <t>\\acsfs\profiles$\quindaizaagds\Downloads\fc5c14a1-7cce-4453-a8b3-98b96b3d84f1.tmp</t>
  </si>
  <si>
    <t>01/13/2020 08:31:34</t>
  </si>
  <si>
    <t>lorraynevam</t>
  </si>
  <si>
    <t>\\acsfs\profiles$\lorraynevam\Downloads\</t>
  </si>
  <si>
    <t>61315373-839d-4c9b-906e-fd3ca6f8da31.tmp</t>
  </si>
  <si>
    <t>\\acsfs\profiles$\lorraynevam\Downloads\61315373-839d-4c9b-906e-fd3ca6f8da31.tmp</t>
  </si>
  <si>
    <t>01/13/2020 08:32:11</t>
  </si>
  <si>
    <t>1ff0a95e-c113-4200-a0d0-01b2244b8e2c.tmp</t>
  </si>
  <si>
    <t>\\acsfs\profiles$\lorraynevam\Downloads\1ff0a95e-c113-4200-a0d0-01b2244b8e2c.tmp</t>
  </si>
  <si>
    <t>01/13/2020 08:32:00</t>
  </si>
  <si>
    <t>01/13/2020 08:35:28</t>
  </si>
  <si>
    <t>dd56305b-b49f-4607-a8ff-a0dc047620ab.tmp</t>
  </si>
  <si>
    <t>\\acsfs\profiles$\luanarda\Downloads\dd56305b-b49f-4607-a8ff-a0dc047620ab.tmp</t>
  </si>
  <si>
    <t>01/13/2020 08:30:43</t>
  </si>
  <si>
    <t>01/13/2020 08:30:44</t>
  </si>
  <si>
    <t>vendas janeiro.ods</t>
  </si>
  <si>
    <t>\\acsfs\profiles$\ANAPDSB\vendas janeiro.ods</t>
  </si>
  <si>
    <t>\\acsfs\profiles$\ANAPDSB\vendas janeiro.ods\Configurations2\accelerator\</t>
  </si>
  <si>
    <t>current.xml</t>
  </si>
  <si>
    <t>\\acsfs\profiles$\ANAPDSB\vendas janeiro.ods\</t>
  </si>
  <si>
    <t>\\acsfs\profiles$\ANAPDSB\vendas janeiro.ods\META-INF\</t>
  </si>
  <si>
    <t>\\acsfs\profiles$\ANAPDSB\vendas janeiro.ods\Thumbnails\</t>
  </si>
  <si>
    <t>01/13/2020 08:32:18</t>
  </si>
  <si>
    <t>01/13/2020 08:32:46</t>
  </si>
  <si>
    <t>01/13/2020 08:37:27</t>
  </si>
  <si>
    <t>\\acsfs\profiles$\victoriaksr\Downloads\$RECYCLE.BIN\</t>
  </si>
  <si>
    <t>$I8B7IRD.ica</t>
  </si>
  <si>
    <t>\\acsfs\profiles$\victoriaksr\Downloads\$RECYCLE.BIN\$I8B7IRD.ica</t>
  </si>
  <si>
    <t>01/13/2020 08:32:47</t>
  </si>
  <si>
    <t>9d52560c-f380-42f0-a556-0e7b9e643d2a.tmp</t>
  </si>
  <si>
    <t>\\acsfs\profiles$\Angelicacldr\Downloads\9d52560c-f380-42f0-a556-0e7b9e643d2a.tmp</t>
  </si>
  <si>
    <t>01/13/2020 08:33:31</t>
  </si>
  <si>
    <t>eeaa0064-7bd0-47d9-855a-f85df5c16c66.tmp</t>
  </si>
  <si>
    <t>\\acsfs\profiles$\Angelicacldr\Downloads\eeaa0064-7bd0-47d9-855a-f85df5c16c66.tmp</t>
  </si>
  <si>
    <t>01/13/2020 08:34:01</t>
  </si>
  <si>
    <t>087a23a0-dc77-424a-934c-57f1c40abaf3.tmp</t>
  </si>
  <si>
    <t>\\acsfs\profiles$\Angelicacldr\Downloads\087a23a0-dc77-424a-934c-57f1c40abaf3.tmp</t>
  </si>
  <si>
    <t>01/13/2020 08:34:13</t>
  </si>
  <si>
    <t>985c8b0b-5489-4e4c-b50d-f4352c983a44.tmp</t>
  </si>
  <si>
    <t>\\acsfs\profiles$\Angelicacldr\Downloads\985c8b0b-5489-4e4c-b50d-f4352c983a44.tmp</t>
  </si>
  <si>
    <t>01/13/2020 08:35:13</t>
  </si>
  <si>
    <t>01/13/2020 08:38:27</t>
  </si>
  <si>
    <t>e7cc6524-d973-4086-aa00-e5ee777cc67d.tmp</t>
  </si>
  <si>
    <t>\\acsfs\profiles$\rafaelahpn\Downloads\e7cc6524-d973-4086-aa00-e5ee777cc67d.tmp</t>
  </si>
  <si>
    <t>01/13/2020 08:37:30</t>
  </si>
  <si>
    <t>01/13/2020 08:37:31</t>
  </si>
  <si>
    <t>01/13/2020 08:36:19</t>
  </si>
  <si>
    <t>01/13/2020 08:39:27</t>
  </si>
  <si>
    <t>nataliacsl</t>
  </si>
  <si>
    <t>\\acsfs\profiles$\nataliacsl\Downloads\</t>
  </si>
  <si>
    <t>0c8a7d8e-5f1d-42fb-bf0e-66bf3f53cb81.tmp</t>
  </si>
  <si>
    <t>\\acsfs\profiles$\nataliacsl\Downloads\0c8a7d8e-5f1d-42fb-bf0e-66bf3f53cb81.tmp</t>
  </si>
  <si>
    <t>01/13/2020 08:37:59</t>
  </si>
  <si>
    <t>354b3c31-3b09-44a1-b1c0-5b20e2688dea.tmp</t>
  </si>
  <si>
    <t>\\acsfs\profiles$\nataliacsl\Downloads\354b3c31-3b09-44a1-b1c0-5b20e2688dea.tmp</t>
  </si>
  <si>
    <t>01/13/2020 08:35:58</t>
  </si>
  <si>
    <t>24b7ff34-56b4-4596-8d42-c7ce7beecc3f.tmp</t>
  </si>
  <si>
    <t>\\acsfs\profiles$\larissaad\Downloads\24b7ff34-56b4-4596-8d42-c7ce7beecc3f.tmp</t>
  </si>
  <si>
    <t>01/13/2020 08:36:01</t>
  </si>
  <si>
    <t>80070721-79ea-47a8-9789-6161167bfdad.tmp</t>
  </si>
  <si>
    <t>\\acsfs\profiles$\larissaad\Downloads\80070721-79ea-47a8-9789-6161167bfdad.tmp</t>
  </si>
  <si>
    <t>01/13/2020 08:36:07</t>
  </si>
  <si>
    <t>58378944-9f5e-49ef-ba81-f8de293e33f6.tmp</t>
  </si>
  <si>
    <t>\\acsfs\profiles$\larissaad\Downloads\58378944-9f5e-49ef-ba81-f8de293e33f6.tmp</t>
  </si>
  <si>
    <t>01/13/2020 08:34:50</t>
  </si>
  <si>
    <t>mail.google.com/sync/u/0/i/s?hl=pt-BR&amp;c=227</t>
  </si>
  <si>
    <t>01/13/2020 08:34:24</t>
  </si>
  <si>
    <t>96117864-7c42-498a-a10d-072fd0c1fc55.tmp</t>
  </si>
  <si>
    <t>\\acsfs\profiles$\quindaizaagds\Downloads\96117864-7c42-498a-a10d-072fd0c1fc55.tmp</t>
  </si>
  <si>
    <t>01/13/2020 08:35:50</t>
  </si>
  <si>
    <t>01/13/2020 08:41:27</t>
  </si>
  <si>
    <t>01/13/2020 08:36:24</t>
  </si>
  <si>
    <t>19fb7cbc-942b-4858-a5c1-1d7196bf8285.tmp</t>
  </si>
  <si>
    <t>\\acsfs\profiles$\sarahbal\Downloads\19fb7cbc-942b-4858-a5c1-1d7196bf8285.tmp</t>
  </si>
  <si>
    <t>01/13/2020 08:38:31</t>
  </si>
  <si>
    <t>alexandremm</t>
  </si>
  <si>
    <t>\\acsfs\profiles$\ALEXANDREMM\</t>
  </si>
  <si>
    <t>\\acsfs\profiles$\ALEXANDREMM\.~lock.Novo(a) Planilha OpenDocument.ods#</t>
  </si>
  <si>
    <t>01/13/2020 08:37:10</t>
  </si>
  <si>
    <t>01/13/2020 08:42:28</t>
  </si>
  <si>
    <t>fb8ac774-e2e4-4f02-8fe4-8a2faf873034.tmp</t>
  </si>
  <si>
    <t>\\acsfs\profiles$\victoriaksr\Downloads\fb8ac774-e2e4-4f02-8fe4-8a2faf873034.tmp</t>
  </si>
  <si>
    <t>01/13/2020 08:38:19</t>
  </si>
  <si>
    <t>7bf0097c-230c-409d-8270-0e77d7ac32eb.tmp</t>
  </si>
  <si>
    <t>\\acsfs\profiles$\Angelicacldr\Downloads\7bf0097c-230c-409d-8270-0e77d7ac32eb.tmp</t>
  </si>
  <si>
    <t>01/13/2020 08:39:00</t>
  </si>
  <si>
    <t>10.200.66.39</t>
  </si>
  <si>
    <t>74-86-7A-FB-17-53</t>
  </si>
  <si>
    <t>VOTORANTS-JB031</t>
  </si>
  <si>
    <t>raicdf</t>
  </si>
  <si>
    <t>raicdf@algartech.com</t>
  </si>
  <si>
    <t>mail.google.com/sync/u/0/i/s?hl=pt-BR&amp;c=14</t>
  </si>
  <si>
    <t>01/13/2020 08:42:33</t>
  </si>
  <si>
    <t>01/13/2020 08:43:27</t>
  </si>
  <si>
    <t>0a88308d-57ce-4445-bf2e-a2648c18615b.tmp</t>
  </si>
  <si>
    <t>\\acsfs\profiles$\ROZENCAM\Downloads\0a88308d-57ce-4445-bf2e-a2648c18615b.tmp</t>
  </si>
  <si>
    <t>01/13/2020 08:39:15</t>
  </si>
  <si>
    <t>ae9d0b2c-660a-47d8-84fb-c8c2f0286937.tmp</t>
  </si>
  <si>
    <t>\\acsfs\profiles$\rafaelahpn\Downloads\ae9d0b2c-660a-47d8-84fb-c8c2f0286937.tmp</t>
  </si>
  <si>
    <t>01/13/2020 08:44:27</t>
  </si>
  <si>
    <t>01/13/2020 08:40:36</t>
  </si>
  <si>
    <t>946f71a9-7e0d-4427-b7b4-0de5b8f74a52.tmp</t>
  </si>
  <si>
    <t>\\acsfs\profiles$\gabrielaff\Downloads\946f71a9-7e0d-4427-b7b4-0de5b8f74a52.tmp</t>
  </si>
  <si>
    <t>01/13/2020 08:39:52</t>
  </si>
  <si>
    <t>mail.google.com/sync/u/0/i/s?hl=pt-BR&amp;c=264</t>
  </si>
  <si>
    <t>01/13/2020 08:39:53</t>
  </si>
  <si>
    <t>mail.google.com/sync/u/0/i/s?hl=pt-BR&amp;c=266</t>
  </si>
  <si>
    <t>01/13/2020 08:41:05</t>
  </si>
  <si>
    <t>c1eb3302-186d-4326-90cb-98ef970c30ec.tmp</t>
  </si>
  <si>
    <t>\\acsfs\profiles$\lorraynevam\Downloads\c1eb3302-186d-4326-90cb-98ef970c30ec.tmp</t>
  </si>
  <si>
    <t>01/13/2020 08:42:15</t>
  </si>
  <si>
    <t>01/13/2020 08:45:27</t>
  </si>
  <si>
    <t>lu130441buys.tmp</t>
  </si>
  <si>
    <t>\\acsfs\profiles$\CINTIADCF\lu130441buys.tmp</t>
  </si>
  <si>
    <t>\\acsfs\profiles$\CINTIADCF\lu130441buys.tmp\</t>
  </si>
  <si>
    <t>\\acsfs\profiles$\CINTIADCF\lu130441buys.tmp\META-INF\</t>
  </si>
  <si>
    <t>\\acsfs\profiles$\CINTIADCF\lu130441buys.tmp\Thumbnails\</t>
  </si>
  <si>
    <t>01/13/2020 08:42:21</t>
  </si>
  <si>
    <t>https://bvcartes-supervisores@algarnet.onmicrosoft.com,joaogvc@algartech.com,leonardoao@algartech.com,marianadjc@algartech.com,paulacn@algartech.com,ricardodfm@algartech.com.br,taysdss@algartech.com,viniciussg@algartech.com</t>
  </si>
  <si>
    <t>01/13/2020 08:42:45</t>
  </si>
  <si>
    <t>https://joaogvc@algartech.com,leonardoao@algartech.com,marianadjc@algartech.com,paulacn@algartech.com,planejamentodeoperacoesetrafego@bv.com.br,rafaelggs@algartech.com,raphaelmco@algartech.com.br,ricardodfm@algartech.com.br,taysdss@algartech.com,thiagordu@algartech.com,viniciussg@algartech.com</t>
  </si>
  <si>
    <t>01/13/2020 08:41:49</t>
  </si>
  <si>
    <t>01/13/2020 08:47:27</t>
  </si>
  <si>
    <t>0eefc2ef-cfb2-4db4-8913-c268533f59a1.tmp</t>
  </si>
  <si>
    <t>\\acsfs\profiles$\Angelicacldr\Downloads\0eefc2ef-cfb2-4db4-8913-c268533f59a1.tmp</t>
  </si>
  <si>
    <t>01/13/2020 08:45:52</t>
  </si>
  <si>
    <t>\\acsfs\profiles$\Angelicacldr\My Documents\xworkcenter\lex\</t>
  </si>
  <si>
    <t>\\acsfs\profiles$\Angelicacldr\My Documents\xworkcenter\lex\temp.tlx</t>
  </si>
  <si>
    <t>01/13/2020 08:45:53</t>
  </si>
  <si>
    <t>01/13/2020 08:45:54</t>
  </si>
  <si>
    <t>01/13/2020 08:45:55</t>
  </si>
  <si>
    <t>01/13/2020 08:45:56</t>
  </si>
  <si>
    <t>01/13/2020 08:45:57</t>
  </si>
  <si>
    <t>01/13/2020 08:45:58</t>
  </si>
  <si>
    <t>01/13/2020 08:45:59</t>
  </si>
  <si>
    <t>01/13/2020 08:46:00</t>
  </si>
  <si>
    <t>01/13/2020 08:46:01</t>
  </si>
  <si>
    <t>01/13/2020 08:46:02</t>
  </si>
  <si>
    <t>01/13/2020 08:46:03</t>
  </si>
  <si>
    <t>01/13/2020 08:46:04</t>
  </si>
  <si>
    <t>01/13/2020 08:46:05</t>
  </si>
  <si>
    <t>01/13/2020 08:46:06</t>
  </si>
  <si>
    <t>01/13/2020 08:46:07</t>
  </si>
  <si>
    <t>01/13/2020 08:46:08</t>
  </si>
  <si>
    <t>01/13/2020 08:46:09</t>
  </si>
  <si>
    <t>01/13/2020 08:46:10</t>
  </si>
  <si>
    <t>01/13/2020 08:46:11</t>
  </si>
  <si>
    <t>01/13/2020 08:46:12</t>
  </si>
  <si>
    <t>01/13/2020 08:44:47</t>
  </si>
  <si>
    <t>http://clients2.google.com/domainreliability/upload</t>
  </si>
  <si>
    <t>ancestorhasaugmentedpermissions;containsunsubscribedchildren;displayname;domain;emailaddress;filesize;hasthumbnail;hasvisitorpermissions;id);items(kind;ken;lastmodifyinguser(kind;lastviewedbymedate;modifiedbymedate;modifieddate;ontainsunsubscribedchildren;owners(kind;permissio;permissionid;picture;thumbnailversion�;workspaceids;</t>
  </si>
  <si>
    <t>http://ancestorhasaugmentedpermissions,containsunsubscribedchildren,displayname,domain,emailaddress,filesize,hasthumbnail,hasvisitorpermissions,id),items(kind,ken,lastmodifyinguser(kind,lastviewedbymedate,modifiedbymedate,modifieddate,ontainsunsubscribedchildren,owners(kind,permissio,permissionid,picture,thumbnailversion�,workspaceids</t>
  </si>
  <si>
    <t>01/13/2020 08:44:52</t>
  </si>
  <si>
    <t>http://clients4.google.com/rappor</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http://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01/13/2020 08:44:53</t>
  </si>
  <si>
    <t>http:///batch?%24ct=multipart%2Fmixed%3B%20boundary%3D%22%3D%3D%3D%3D%3Dew8q9dsi6gga%3D%3D%3D%3D%3D%22&amp;key=AIzaSyAy9VVXHSpS2IJpptzYtGbLP3-3_l0aBk4</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permissionid;picture;rpermissions;shared;sharedwithmedate;thumbnailversion;title;userpermission(role);workspaceids;</t>
  </si>
  <si>
    <t>http://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permissionid,picture,rpermissions,shared,sharedwithmedate,thumbnailversion,title,userpermission(role),workspaceids</t>
  </si>
  <si>
    <t>01/13/2020 08:45:00</t>
  </si>
  <si>
    <t>http:///batch?%24ct=multipart%2Fmixed%3B%20boundary%3D%22%3D%3D%3D%3D%3D7kximv2mnf8d%3D%3D%3D%3D%3D%22&amp;key=AIzaSyAy9VVXHSpS2IJpptzYtGbLP3-3_l0aBk4</t>
  </si>
  <si>
    <t>01/13/2020 08:45:01</t>
  </si>
  <si>
    <t>http:///batch?%24ct=multipart%2Fmixed%3B%20boundary%3D%22%3D%3D%3D%3D%3Dkzjii9dde4q8%3D%3D%3D%3D%3D%22&amp;key=AIzaSyAy9VVXHSpS2IJpptzYtGbLP3-3_l0aBk4</t>
  </si>
  <si>
    <t>01/13/2020 08:45:10</t>
  </si>
  <si>
    <t>http:///batch?%24ct=multipart%2Fmixed%3B%20boundary%3D%22%3D%3D%3D%3D%3Dan2zz95kl6r4%3D%3D%3D%3D%3D%22&amp;key=AIzaSyAy9VVXHSpS2IJpptzYtGbLP3-3_l0aBk4</t>
  </si>
  <si>
    <t>01/13/2020 08:45:11</t>
  </si>
  <si>
    <t>http:///batch?%24ct=multipart%2Fmixed%3B%20boundary%3D%22%3D%3D%3D%3D%3Dnej1fy1butxz%3D%3D%3D%3D%3D%22&amp;key=AIzaSyAy9VVXHSpS2IJpptzYtGbLP3-3_l0aBk4</t>
  </si>
  <si>
    <t>01/13/2020 08:45:12</t>
  </si>
  <si>
    <t>http:///batch?%24ct=multipart%2Fmixed%3B%20boundary%3D%22%3D%3D%3D%3D%3D9pfk12rau33l%3D%3D%3D%3D%3D%22&amp;key=AIzaSyAy9VVXHSpS2IJpptzYtGbLP3-3_l0aBk4</t>
  </si>
  <si>
    <t>01/13/2020 08:47:28</t>
  </si>
  <si>
    <t>01/13/2020 08:48:27</t>
  </si>
  <si>
    <t>\\acsfs\profiles$\milennyss\Favorites\Minha Escala - 1.url\</t>
  </si>
  <si>
    <t>\\acsfs\profiles$\milennyss\Favorites\Minha Escala - 1.url\:favicon:$DATA</t>
  </si>
  <si>
    <t>Minha Escala - 1.url</t>
  </si>
  <si>
    <t>\\acsfs\profiles$\milennyss\Favorites\Minha Escala - 1.url</t>
  </si>
  <si>
    <t>10.200.67.101</t>
  </si>
  <si>
    <t>D0-94-66-B5-4E-58</t>
  </si>
  <si>
    <t>VOTORANT-ZB015</t>
  </si>
  <si>
    <t>01/13/2020 08:47:09</t>
  </si>
  <si>
    <t>01/13/2020 08:52:27</t>
  </si>
  <si>
    <t>f420bb61-6efe-4939-9005-f707ba5414a8.tmp</t>
  </si>
  <si>
    <t>\\acsfs\profiles$\Angelicacldr\Downloads\f420bb61-6efe-4939-9005-f707ba5414a8.tmp</t>
  </si>
  <si>
    <t>01/13/2020 08:52:51</t>
  </si>
  <si>
    <t>01/13/2020 08:53:27</t>
  </si>
  <si>
    <t>10.200.67.48</t>
  </si>
  <si>
    <t>74-86-7A-FB-18-13</t>
  </si>
  <si>
    <t>VOTORANT-PB003</t>
  </si>
  <si>
    <t>gustavodsil</t>
  </si>
  <si>
    <t>gustavodsil@algartech.com</t>
  </si>
  <si>
    <t>mail.google.com/sync/u/0/i/s?hl=pt-BR&amp;c=554</t>
  </si>
  <si>
    <t>01/13/2020 08:52:56</t>
  </si>
  <si>
    <t>mail.google.com/sync/u/0/i/s?hl=pt-BR&amp;c=557</t>
  </si>
  <si>
    <t>01/13/2020 08:48:48</t>
  </si>
  <si>
    <t>rafaelamsv</t>
  </si>
  <si>
    <t>\\acsfs\profiles$\rafaelamsv\Downloads\</t>
  </si>
  <si>
    <t>eff3c182-3d02-41ce-931c-aaf0f993fa44.tmp</t>
  </si>
  <si>
    <t>\\acsfs\profiles$\rafaelamsv\Downloads\eff3c182-3d02-41ce-931c-aaf0f993fa44.tmp</t>
  </si>
  <si>
    <t>01/13/2020 08:49:31</t>
  </si>
  <si>
    <t>f582b32a-13d4-4f40-91d0-3dbff9beda73.tmp</t>
  </si>
  <si>
    <t>\\acsfs\profiles$\rafaelamsv\Downloads\f582b32a-13d4-4f40-91d0-3dbff9beda73.tmp</t>
  </si>
  <si>
    <t>01/13/2020 08:52:34</t>
  </si>
  <si>
    <t>01/13/2020 08:54:27</t>
  </si>
  <si>
    <t>299825c7-e541-4c81-9077-90d6c108664b.tmp</t>
  </si>
  <si>
    <t>\\acsfs\profiles$\gabrielaff\Downloads\299825c7-e541-4c81-9077-90d6c108664b.tmp</t>
  </si>
  <si>
    <t>01/13/2020 08:51:36</t>
  </si>
  <si>
    <t>\\acsfs\profiles$\larissaad\My Documents\</t>
  </si>
  <si>
    <t>scrips.txt</t>
  </si>
  <si>
    <t>\\acsfs\profiles$\larissaad\My Documents\scrips.txt</t>
  </si>
  <si>
    <t>01/13/2020 08:52:09</t>
  </si>
  <si>
    <t>c89b4d8c-f137-432e-a911-8c2eeac14f8e.tmp</t>
  </si>
  <si>
    <t>\\acsfs\profiles$\larissaad\Downloads\c89b4d8c-f137-432e-a911-8c2eeac14f8e.tmp</t>
  </si>
  <si>
    <t>01/13/2020 08:49:33</t>
  </si>
  <si>
    <t>\\acsfs\profiles$\LORRAYNEVAM\</t>
  </si>
  <si>
    <t>.~lock.CONTROLE DE VENDAS NOVO.ods#</t>
  </si>
  <si>
    <t>\\acsfs\profiles$\LORRAYNEVAM\.~lock.CONTROLE DE VENDAS NOVO.ods#</t>
  </si>
  <si>
    <t>Exchange Client Mail</t>
  </si>
  <si>
    <t>Microsoft Exchange Online</t>
  </si>
  <si>
    <t>01/13/2020 08:55:27</t>
  </si>
  <si>
    <t>01/13/2020 08:54:53</t>
  </si>
  <si>
    <t>COORD PLANEJAMENTO E CONTROLE</t>
  </si>
  <si>
    <t>10.200.66.1</t>
  </si>
  <si>
    <t>74-86-7A-FD-D8-6F</t>
  </si>
  <si>
    <t>VOTORANTO-AA024</t>
  </si>
  <si>
    <t>marianadjc</t>
  </si>
  <si>
    <t>sofiamses@algartech.com</t>
  </si>
  <si>
    <t>mail.google.com/sync/u/0/i/s?hl=pt-BR&amp;c=491</t>
  </si>
  <si>
    <t>01/13/2020 08:54:59</t>
  </si>
  <si>
    <t>mail.google.com/sync/u/0/i/s?hl=pt-BR&amp;c=494</t>
  </si>
  <si>
    <t>cpc-controldeskavon@algartech.com;joseasn@algartech.com;luiz.henriquesantos@avon.com;marianadjc@algartech.com;</t>
  </si>
  <si>
    <t>cpc-controldeskavon@algartech.com,joseasn@algartech.com,luiz.henriquesantos@avon.com,marianadjc@algartech.com</t>
  </si>
  <si>
    <t>01/13/2020 08:54:37</t>
  </si>
  <si>
    <t>4bd4970a-2b25-4716-852b-0e7e157d7a4d.tmp</t>
  </si>
  <si>
    <t>\\acsfs\profiles$\paulovadc\Downloads\4bd4970a-2b25-4716-852b-0e7e157d7a4d.tmp</t>
  </si>
  <si>
    <t>01/13/2020 08:52:41</t>
  </si>
  <si>
    <t>01/13/2020 08:57:28</t>
  </si>
  <si>
    <t>\\acsfs\profiles$\lucasgpe\Desktop\</t>
  </si>
  <si>
    <t>.~lock.TABELA VENDAS JANEIRO.ods#</t>
  </si>
  <si>
    <t>\\acsfs\profiles$\lucasgpe\Desktop\.~lock.TABELA VENDAS JANEIRO.ods#</t>
  </si>
  <si>
    <t>01/13/2020 08:56:00</t>
  </si>
  <si>
    <t>01/13/2020 08:58:27</t>
  </si>
  <si>
    <t>elianegr@algartech.com</t>
  </si>
  <si>
    <t>mail.google.com/sync/u/0/i/s?hl=pt-BR&amp;c=16</t>
  </si>
  <si>
    <t>01/13/2020 08:56:08</t>
  </si>
  <si>
    <t>mail.google.com/sync/u/0/i/s?hl=pt-BR&amp;c=18</t>
  </si>
  <si>
    <t>01/13/2020 08:56:40</t>
  </si>
  <si>
    <t>mail.google.com/sync/u/0/i/s?hl=pt-BR&amp;c=21</t>
  </si>
  <si>
    <t>01/13/2020 08:56:46</t>
  </si>
  <si>
    <t>mail.google.com/sync/u/0/i/s?hl=pt-BR&amp;c=23</t>
  </si>
  <si>
    <t>01/13/2020 08:54:19</t>
  </si>
  <si>
    <t>10.200.66.133</t>
  </si>
  <si>
    <t>78-2B-CB-C1-05-33</t>
  </si>
  <si>
    <t>VOTORANT-IB038</t>
  </si>
  <si>
    <t>gabrielhca</t>
  </si>
  <si>
    <t>\\acsfs\profiles$\gabrielhca\Downloads\</t>
  </si>
  <si>
    <t>4961f1a7-cf50-4582-8609-9ab2eb49febd.tmp</t>
  </si>
  <si>
    <t>\\acsfs\profiles$\gabrielhca\Downloads\4961f1a7-cf50-4582-8609-9ab2eb49febd.tmp</t>
  </si>
  <si>
    <t>01/13/2020 08:54:25</t>
  </si>
  <si>
    <t>6ed87419-1d7d-456e-b59f-41d30e60b809.tmp</t>
  </si>
  <si>
    <t>\\acsfs\profiles$\gabrielhca\Downloads\6ed87419-1d7d-456e-b59f-41d30e60b809.tmp</t>
  </si>
  <si>
    <t>01/13/2020 08:54:47</t>
  </si>
  <si>
    <t>333758ff-a419-4894-88e7-a297e6a6b5b7.tmp</t>
  </si>
  <si>
    <t>\\acsfs\profiles$\gabrielhca\Downloads\333758ff-a419-4894-88e7-a297e6a6b5b7.tmp</t>
  </si>
  <si>
    <t>01/13/2020 08:55:53</t>
  </si>
  <si>
    <t>6733c5a1-46ae-41b8-831a-a50b1a9faa5a.tmp</t>
  </si>
  <si>
    <t>\\acsfs\profiles$\gabrielhca\Downloads\6733c5a1-46ae-41b8-831a-a50b1a9faa5a.tmp</t>
  </si>
  <si>
    <t>01/13/2020 08:53:00</t>
  </si>
  <si>
    <t>mail.google.com/sync/u/0/i/s?hl=pt-BR&amp;c=559</t>
  </si>
  <si>
    <t>01/13/2020 08:56:42</t>
  </si>
  <si>
    <t>08ae5dc9-e7dd-44a7-b7fd-df76267f76e7.tmp</t>
  </si>
  <si>
    <t>\\acsfs\profiles$\gabrielhca\Downloads\08ae5dc9-e7dd-44a7-b7fd-df76267f76e7.tmp</t>
  </si>
  <si>
    <t>01/13/2020 08:53:49</t>
  </si>
  <si>
    <t>mail.google.com/sync/u/0/i/s?hl=pt-BR&amp;c=562</t>
  </si>
  <si>
    <t>01/13/2020 08:54:00</t>
  </si>
  <si>
    <t>mail.google.com/sync/u/0/i/s?hl=pt-BR&amp;c=564</t>
  </si>
  <si>
    <t>01/13/2020 08:54:10</t>
  </si>
  <si>
    <t>mail.google.com/sync/u/0/i/s?hl=pt-BR&amp;c=568</t>
  </si>
  <si>
    <t>01/13/2020 08:54:32</t>
  </si>
  <si>
    <t>mail.google.com/sync/u/0/i/s?hl=pt-BR&amp;c=570</t>
  </si>
  <si>
    <t>01/13/2020 08:54:50</t>
  </si>
  <si>
    <t>mail.google.com/sync/u/0/i/s?hl=pt-BR&amp;c=574</t>
  </si>
  <si>
    <t>01/13/2020 08:55:08</t>
  </si>
  <si>
    <t>mail.google.com/sync/u/0/i/s?hl=pt-BR&amp;c=576</t>
  </si>
  <si>
    <t>01/13/2020 08:55:20</t>
  </si>
  <si>
    <t>mail.google.com/sync/u/0/i/s?hl=pt-BR&amp;c=578</t>
  </si>
  <si>
    <t>01/13/2020 08:55:30</t>
  </si>
  <si>
    <t>mail.google.com/sync/u/0/i/s?hl=pt-BR&amp;c=580</t>
  </si>
  <si>
    <t>01/13/2020 08:56:06</t>
  </si>
  <si>
    <t>mail.google.com/sync/u/0/i/s?hl=pt-BR&amp;c=583</t>
  </si>
  <si>
    <t>01/13/2020 08:56:30</t>
  </si>
  <si>
    <t>mail.google.com/sync/u/0/i/s?hl=pt-BR&amp;c=585</t>
  </si>
  <si>
    <t>01/13/2020 08:56:57</t>
  </si>
  <si>
    <t>mail.google.com/sync/u/0/i/s?hl=pt-BR&amp;c=590</t>
  </si>
  <si>
    <t>01/13/2020 08:57:00</t>
  </si>
  <si>
    <t>mail.google.com/sync/u/0/i/s?hl=pt-BR&amp;c=592</t>
  </si>
  <si>
    <t>01/13/2020 08:57:05</t>
  </si>
  <si>
    <t>mail.google.com/sync/u/0/i/s?hl=pt-BR&amp;c=594</t>
  </si>
  <si>
    <t>01/13/2020 08:57:11</t>
  </si>
  <si>
    <t>mail.google.com/sync/u/0/i/s?hl=pt-BR&amp;c=596</t>
  </si>
  <si>
    <t>01/13/2020 08:57:22</t>
  </si>
  <si>
    <t>mail.google.com/sync/u/0/i/s?hl=pt-BR&amp;c=598</t>
  </si>
  <si>
    <t>01/13/2020 08:57:31</t>
  </si>
  <si>
    <t>mail.google.com/sync/u/0/i/s?hl=pt-BR&amp;c=600</t>
  </si>
  <si>
    <t>01/13/2020 08:57:47</t>
  </si>
  <si>
    <t>mail.google.com/sync/u/0/i/s?hl=pt-BR&amp;c=603</t>
  </si>
  <si>
    <t>01/13/2020 08:53:40</t>
  </si>
  <si>
    <t>01/13/2020 08:53:41</t>
  </si>
  <si>
    <t>01/13/2020 08:59:27</t>
  </si>
  <si>
    <t>01/13/2020 09:00:27</t>
  </si>
  <si>
    <t>01/13/2020 08:58:16</t>
  </si>
  <si>
    <t>https://joaogvc@algartech.com,leonardoao@algartech.com,marianadjc@algartech.com,paulacn@algartech.com,rafaelggs@algartech.com,taysdss@algartech.com,thiagordu@algartech.com,viniciussg@algartech.com</t>
  </si>
  <si>
    <t>01/13/2020 08:55:02</t>
  </si>
  <si>
    <t>01/13/2020 08:55:03</t>
  </si>
  <si>
    <t>lu263961x8m76.tmp</t>
  </si>
  <si>
    <t>\\acsfs\profiles$\BRUNAAR\Numero\lu263961x8m76.tmp</t>
  </si>
  <si>
    <t>01/13/2020 08:55:45</t>
  </si>
  <si>
    <t>mail.google.com/sync/u/0/i/s?hl=pt-BR&amp;c=501</t>
  </si>
  <si>
    <t>01/13/2020 08:55:51</t>
  </si>
  <si>
    <t>mail.google.com/sync/u/0/i/s?hl=pt-BR&amp;c=503</t>
  </si>
  <si>
    <t>01/13/2020 08:55:52</t>
  </si>
  <si>
    <t>mail.google.com/sync/u/0/i/s?hl=pt-BR&amp;c=505</t>
  </si>
  <si>
    <t>01/13/2020 08:56:09</t>
  </si>
  <si>
    <t>mail.google.com/sync/u/0/i/s?hl=pt-BR&amp;c=507</t>
  </si>
  <si>
    <t>01/13/2020 08:56:11</t>
  </si>
  <si>
    <t>01/13/2020 08:56:13</t>
  </si>
  <si>
    <t>mail.google.com/sync/u/0/i/s?hl=pt-BR&amp;c=509</t>
  </si>
  <si>
    <t>mail.google.com/sync/u/0/i/s?hl=pt-BR&amp;c=512</t>
  </si>
  <si>
    <t>01/13/2020 08:56:49</t>
  </si>
  <si>
    <t>mail.google.com/sync/u/0/i/s?hl=pt-BR&amp;c=515</t>
  </si>
  <si>
    <t>01/13/2020 08:56:51</t>
  </si>
  <si>
    <t>01/13/2020 08:57:04</t>
  </si>
  <si>
    <t>mail.google.com/sync/u/0/i/s?hl=pt-BR&amp;c=517</t>
  </si>
  <si>
    <t>01/13/2020 08:57:14</t>
  </si>
  <si>
    <t>mail.google.com/sync/u/0/i/s?hl=pt-BR&amp;c=519</t>
  </si>
  <si>
    <t>01/13/2020 08:57:42</t>
  </si>
  <si>
    <t>mail.google.com/sync/u/0/i/s?hl=pt-BR&amp;c=522</t>
  </si>
  <si>
    <t>01/13/2020 08:57:48</t>
  </si>
  <si>
    <t>mail.google.com/sync/u/0/i/s?hl=pt-BR&amp;c=524</t>
  </si>
  <si>
    <t>01/13/2020 08:57:51</t>
  </si>
  <si>
    <t>01/13/2020 08:57:59</t>
  </si>
  <si>
    <t>mail.google.com/sync/u/0/i/s?hl=pt-BR&amp;c=526</t>
  </si>
  <si>
    <t>01/13/2020 08:58:24</t>
  </si>
  <si>
    <t>mail.google.com/sync/u/0/i/s?hl=pt-BR&amp;c=528</t>
  </si>
  <si>
    <t>01/13/2020 08:58:36</t>
  </si>
  <si>
    <t>mail.google.com/sync/u/0/i/s?hl=pt-BR&amp;c=530</t>
  </si>
  <si>
    <t>01/13/2020 08:58:37</t>
  </si>
  <si>
    <t>01/13/2020 08:58:59</t>
  </si>
  <si>
    <t>mail.google.com/sync/u/0/i/s?hl=pt-BR&amp;c=533</t>
  </si>
  <si>
    <t>01/13/2020 08:59:05</t>
  </si>
  <si>
    <t>mail.google.com/sync/u/0/i/s?hl=pt-BR&amp;c=536</t>
  </si>
  <si>
    <t>01/13/2020 08:59:29</t>
  </si>
  <si>
    <t>mail.google.com/sync/u/0/i/s?hl=pt-BR&amp;c=538</t>
  </si>
  <si>
    <t>01/13/2020 08:59:43</t>
  </si>
  <si>
    <t>mail.google.com/sync/u/0/i/s?hl=pt-BR&amp;c=541</t>
  </si>
  <si>
    <t>01/13/2020 08:59:48</t>
  </si>
  <si>
    <t>mail.google.com/sync/u/0/i/s?hl=pt-BR&amp;c=543</t>
  </si>
  <si>
    <t>01/13/2020 08:59:55</t>
  </si>
  <si>
    <t>mail.google.com/sync/u/0/i/s?hl=pt-BR&amp;c=545</t>
  </si>
  <si>
    <t>01/13/2020 08:59:59</t>
  </si>
  <si>
    <t>mail.google.com/sync/u/0/i/s?hl=pt-BR&amp;c=547</t>
  </si>
  <si>
    <t>01/13/2020 08:56:50</t>
  </si>
  <si>
    <t>01/13/2020 09:01:27</t>
  </si>
  <si>
    <t>danielmlds</t>
  </si>
  <si>
    <t>\\acsfs\profiles$\danielmlds\Downloads\</t>
  </si>
  <si>
    <t>e2570830-4e7a-4235-a67e-3bf98abad565.tmp</t>
  </si>
  <si>
    <t>\\acsfs\profiles$\danielmlds\Downloads\e2570830-4e7a-4235-a67e-3bf98abad565.tmp</t>
  </si>
  <si>
    <t>01/13/2020 08:57:45</t>
  </si>
  <si>
    <t>508c6b97-7b81-4722-8481-8cac7a8bf7d3.tmp</t>
  </si>
  <si>
    <t>\\acsfs\profiles$\danielmlds\Downloads\508c6b97-7b81-4722-8481-8cac7a8bf7d3.tmp</t>
  </si>
  <si>
    <t>01/13/2020 08:55:50</t>
  </si>
  <si>
    <t>01/13/2020 08:58:20</t>
  </si>
  <si>
    <t>01/13/2020 08:58:50</t>
  </si>
  <si>
    <t>01/13/2020 08:59:50</t>
  </si>
  <si>
    <t>01/13/2020 09:02:13</t>
  </si>
  <si>
    <t>01/13/2020 09:03:27</t>
  </si>
  <si>
    <t>10.200.67.7</t>
  </si>
  <si>
    <t>90-B1-1C-71-35-16</t>
  </si>
  <si>
    <t>VOTORANT-IB007</t>
  </si>
  <si>
    <t>maxmillianosv</t>
  </si>
  <si>
    <t>\\acsfs\profiles$\maxmillianosv\Downloads\</t>
  </si>
  <si>
    <t>2b712816-bffd-4f1c-873b-e9449bbaadd7.tmp</t>
  </si>
  <si>
    <t>\\acsfs\profiles$\maxmillianosv\Downloads\2b712816-bffd-4f1c-873b-e9449bbaadd7.tmp</t>
  </si>
  <si>
    <t>01/13/2020 08:58:54</t>
  </si>
  <si>
    <t>01/13/2020 08:59:00</t>
  </si>
  <si>
    <t>01/13/2020 08:59:35</t>
  </si>
  <si>
    <t>01/13/2020 08:59:41</t>
  </si>
  <si>
    <t>robsonams@algartech.com;</t>
  </si>
  <si>
    <t>robsonams@algartech.com</t>
  </si>
  <si>
    <t>mail.google.com/sync/u/0/i/s?hl=pt-BR&amp;c=654</t>
  </si>
  <si>
    <t>01/13/2020 09:00:22</t>
  </si>
  <si>
    <t>mail.google.com/sync/u/0/i/s?hl=pt-BR&amp;c=656</t>
  </si>
  <si>
    <t>01/13/2020 09:00:31</t>
  </si>
  <si>
    <t>mail.google.com/sync/u/0/i/s?hl=pt-BR&amp;c=658</t>
  </si>
  <si>
    <t>01/13/2020 09:00:49</t>
  </si>
  <si>
    <t>01/13/2020 09:01:14</t>
  </si>
  <si>
    <t>mail.google.com/sync/u/0/i/s?hl=pt-BR&amp;c=667</t>
  </si>
  <si>
    <t>01/13/2020 09:01:53</t>
  </si>
  <si>
    <t>mail.google.com/sync/u/0/i/s?hl=pt-BR&amp;c=670</t>
  </si>
  <si>
    <t>01/13/2020 09:01:57</t>
  </si>
  <si>
    <t>mail.google.com/sync/u/0/i/s?hl=pt-BR&amp;c=672</t>
  </si>
  <si>
    <t>01/13/2020 09:01:59</t>
  </si>
  <si>
    <t>mail.google.com/sync/u/0/i/s?hl=pt-BR&amp;c=674</t>
  </si>
  <si>
    <t>01/13/2020 09:02:14</t>
  </si>
  <si>
    <t>mail.google.com/sync/u/0/i/s?hl=pt-BR&amp;c=676</t>
  </si>
  <si>
    <t>01/13/2020 09:02:19</t>
  </si>
  <si>
    <t>mail.google.com/sync/u/0/i/s?hl=pt-BR&amp;c=678</t>
  </si>
  <si>
    <t>01/13/2020 09:02:28</t>
  </si>
  <si>
    <t>mail.google.com/sync/u/0/i/s?hl=pt-BR&amp;c=680</t>
  </si>
  <si>
    <t>01/13/2020 09:00:53</t>
  </si>
  <si>
    <t>01/13/2020 09:05:27</t>
  </si>
  <si>
    <t>70342472-7c8e-4713-a5f2-ffed6c05afc3.tmp</t>
  </si>
  <si>
    <t>\\acsfs\profiles$\cintiadcf\Downloads\70342472-7c8e-4713-a5f2-ffed6c05afc3.tmp</t>
  </si>
  <si>
    <t>01/13/2020 09:03:34</t>
  </si>
  <si>
    <t>lu263961x8m79.tmp</t>
  </si>
  <si>
    <t>\\acsfs\profiles$\BRUNAAR\Numero\lu263961x8m79.tmp</t>
  </si>
  <si>
    <t>01/13/2020 09:00:08</t>
  </si>
  <si>
    <t>mail.google.com/sync/u/0/i/s?hl=pt-BR&amp;c=549</t>
  </si>
  <si>
    <t>01/13/2020 09:00:13</t>
  </si>
  <si>
    <t>mail.google.com/sync/u/0/i/s?hl=pt-BR&amp;c=551</t>
  </si>
  <si>
    <t>01/13/2020 09:02:10</t>
  </si>
  <si>
    <t>01/13/2020 09:02:11</t>
  </si>
  <si>
    <t>01/13/2020 09:02:21</t>
  </si>
  <si>
    <t>01/13/2020 09:02:31</t>
  </si>
  <si>
    <t>01/13/2020 09:02:32</t>
  </si>
  <si>
    <t>01/13/2020 09:02:41</t>
  </si>
  <si>
    <t>mail.google.com/sync/u/0/i/s?hl=pt-BR&amp;c=561</t>
  </si>
  <si>
    <t>01/13/2020 09:02:49</t>
  </si>
  <si>
    <t>mail.google.com/sync/u/0/i/s?hl=pt-BR&amp;c=563</t>
  </si>
  <si>
    <t>01/13/2020 09:04:44</t>
  </si>
  <si>
    <t>\\acsfs\deptos\Operacao\PCP\5 - Comum\ALESSANDRA GOMES DOS SANTOS BARROS\AVON\Relatórios\1 - NCOB\</t>
  </si>
  <si>
    <t>AVON_Extrator Diário (por Skill) - NCOB.xls</t>
  </si>
  <si>
    <t>\\acsfs\deptos\Operacao\PCP\5 - Comum\ALESSANDRA GOMES DOS SANTOS BARROS\AVON\Relatórios\1 - NCOB\AVON_Extrator Diário (por Skill) - NCOB.xls</t>
  </si>
  <si>
    <t>01/13/2020 09:04:59</t>
  </si>
  <si>
    <t>\\acsfs\deptos\Operacao\PCP\5 - Comum\ALESSANDRA GOMES DOS SANTOS BARROS\AVON\Relatórios\1 - NCOB\2020\01 - JANEIRO\</t>
  </si>
  <si>
    <t>ACOMPANHAMENTO NCOB - Jan.2020.xlsx</t>
  </si>
  <si>
    <t>\\acsfs\deptos\Operacao\PCP\5 - Comum\ALESSANDRA GOMES DOS SANTOS BARROS\AVON\Relatórios\1 - NCOB\2020\01 - JANEIRO\ACOMPANHAMENTO NCOB - Jan.2020.xlsx</t>
  </si>
  <si>
    <t>01/13/2020 09:01:50</t>
  </si>
  <si>
    <t>bbafb421-22a0-4bd7-a7fe-9c813a6a2c37.tmp</t>
  </si>
  <si>
    <t>\\acsfs\profiles$\mariajra\Downloads\bbafb421-22a0-4bd7-a7fe-9c813a6a2c37.tmp</t>
  </si>
  <si>
    <t>fb54dadc-ba50-45f2-9522-15ea9636e2cd.tmp</t>
  </si>
  <si>
    <t>\\acsfs\profiles$\mariajra\Downloads\fb54dadc-ba50-45f2-9522-15ea9636e2cd.tmp</t>
  </si>
  <si>
    <t>01/13/2020 09:04:25</t>
  </si>
  <si>
    <t>01/13/2020 09:07:27</t>
  </si>
  <si>
    <t>10.200.66.150</t>
  </si>
  <si>
    <t>34-E6-D7-FC-5D-7E</t>
  </si>
  <si>
    <t>VOTORANT-VB017</t>
  </si>
  <si>
    <t>Flaviojmm</t>
  </si>
  <si>
    <t>\\acsfs\profiles$\Flaviojmm\Downloads\</t>
  </si>
  <si>
    <t>e1a11fa3-6d1f-4b52-a4b7-6c5eb0719d71.tmp</t>
  </si>
  <si>
    <t>\\acsfs\profiles$\Flaviojmm\Downloads\e1a11fa3-6d1f-4b52-a4b7-6c5eb0719d71.tmp</t>
  </si>
  <si>
    <t>01/13/2020 09:05:21</t>
  </si>
  <si>
    <t>44be4fc4-fc04-4261-944b-bc00c4fdd218.tmp</t>
  </si>
  <si>
    <t>\\acsfs\profiles$\Flaviojmm\Downloads\44be4fc4-fc04-4261-944b-bc00c4fdd218.tmp</t>
  </si>
  <si>
    <t>01/13/2020 09:02:50</t>
  </si>
  <si>
    <t>c876bff3-0ae8-4654-9d5b-819146b67cc5.tmp</t>
  </si>
  <si>
    <t>\\acsfs\profiles$\geovannasm\Downloads\c876bff3-0ae8-4654-9d5b-819146b67cc5.tmp</t>
  </si>
  <si>
    <t>01/13/2020 09:08:28</t>
  </si>
  <si>
    <t>01/13/2020 09:04:56</t>
  </si>
  <si>
    <t>01/13/2020 09:04:57</t>
  </si>
  <si>
    <t>01/13/2020 09:05:48</t>
  </si>
  <si>
    <t>01/13/2020 09:10:27</t>
  </si>
  <si>
    <t>01/13/2020 09:09:24</t>
  </si>
  <si>
    <t>01/13/2020 09:05:10</t>
  </si>
  <si>
    <t>e8a7d134-b382-4adf-b1ff-0733154e55f2.tmp</t>
  </si>
  <si>
    <t>\\acsfs\profiles$\BRUNAAR\Downloads\e8a7d134-b382-4adf-b1ff-0733154e55f2.tmp</t>
  </si>
  <si>
    <t>01/13/2020 09:05:15</t>
  </si>
  <si>
    <t>b25f039b-adad-4652-925a-b31644704f32.tmp</t>
  </si>
  <si>
    <t>\\acsfs\profiles$\BRUNAAR\Downloads\b25f039b-adad-4652-925a-b31644704f32.tmp</t>
  </si>
  <si>
    <t>01/13/2020 09:08:51</t>
  </si>
  <si>
    <t>01/13/2020 09:08:52</t>
  </si>
  <si>
    <t>01/13/2020 09:08:29</t>
  </si>
  <si>
    <t>mail.google.com/sync/u/0/i/s?hl=pt-BR&amp;c=572</t>
  </si>
  <si>
    <t>01/13/2020 09:08:37</t>
  </si>
  <si>
    <t>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viniciussg@algartech.com;</t>
  </si>
  <si>
    <t>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viniciussg@algartech.com</t>
  </si>
  <si>
    <t>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01/13/2020 09:09:19</t>
  </si>
  <si>
    <t>mail.google.com/sync/u/0/i/s?hl=pt-BR&amp;c=579</t>
  </si>
  <si>
    <t>01/13/2020 09:09:34</t>
  </si>
  <si>
    <t>mail.google.com/sync/u/0/i/s?hl=pt-BR&amp;c=581</t>
  </si>
  <si>
    <t>01/13/2020 09:09:36</t>
  </si>
  <si>
    <t>01/13/2020 09:09:53</t>
  </si>
  <si>
    <t>mail.google.com/sync/u/0/i/s?hl=pt-BR&amp;c=586</t>
  </si>
  <si>
    <t>01/13/2020 09:10:02</t>
  </si>
  <si>
    <t>mail.google.com/sync/u/0/i/s?hl=pt-BR&amp;c=588</t>
  </si>
  <si>
    <t>01/13/2020 09:05:50</t>
  </si>
  <si>
    <t>01/13/2020 09:11:27</t>
  </si>
  <si>
    <t>01/13/2020 09:06:20</t>
  </si>
  <si>
    <t>01/13/2020 09:06:51</t>
  </si>
  <si>
    <t>\\acsfs\profiles$\RAFAELRF\meu\</t>
  </si>
  <si>
    <t>\\acsfs\profiles$\RAFAELRF\meu\.~lock.Filas-ALGAR - JONATAN.xlsx#</t>
  </si>
  <si>
    <t>.~lock.Filas Rafael.ods#</t>
  </si>
  <si>
    <t>\\acsfs\profiles$\RAFAELRF\meu\.~lock.Filas Rafael.ods#</t>
  </si>
  <si>
    <t>01/13/2020 09:08:16</t>
  </si>
  <si>
    <t>01/13/2020 09:12:27</t>
  </si>
  <si>
    <t>c179b8e0-a086-42fa-9c22-96a5eb8a8661.tmp</t>
  </si>
  <si>
    <t>\\acsfs\profiles$\ayalabfi\Downloads\c179b8e0-a086-42fa-9c22-96a5eb8a8661.tmp</t>
  </si>
  <si>
    <t>01/13/2020 09:09:35</t>
  </si>
  <si>
    <t>01/13/2020 09:13:27</t>
  </si>
  <si>
    <t>10.200.66.20</t>
  </si>
  <si>
    <t>34-E6-D7-FC-B7-87</t>
  </si>
  <si>
    <t>VOTORANT-VB015</t>
  </si>
  <si>
    <t>pamelamcmdsg</t>
  </si>
  <si>
    <t>\\acsfs\profiles$\pamelamcmdsg\My Documents\</t>
  </si>
  <si>
    <t>bloco.txt</t>
  </si>
  <si>
    <t>\\acsfs\profiles$\pamelamcmdsg\My Documents\bloco.txt</t>
  </si>
  <si>
    <t>01/13/2020 09:12:50</t>
  </si>
  <si>
    <t>01/13/2020 09:12:51</t>
  </si>
  <si>
    <t>01/13/2020 09:10:18</t>
  </si>
  <si>
    <t>10.200.67.49</t>
  </si>
  <si>
    <t>D0-67-E5-FF-1C-3B</t>
  </si>
  <si>
    <t>VOTORANT-FB003</t>
  </si>
  <si>
    <t>gabrielsma</t>
  </si>
  <si>
    <t>\\acsfs\profiles$\gabrielsma\Downloads\</t>
  </si>
  <si>
    <t>b54d3c5e-92ee-4fe5-b240-9c0899beade9.tmp</t>
  </si>
  <si>
    <t>\\acsfs\profiles$\gabrielsma\Downloads\b54d3c5e-92ee-4fe5-b240-9c0899beade9.tmp</t>
  </si>
  <si>
    <t>01/13/2020 09:10:31</t>
  </si>
  <si>
    <t>\\acsfs\ACS\Gabriel da Silva\Contemporânea\Comissão e Incentivo\Histórico\</t>
  </si>
  <si>
    <t>Q29udHJvbGxlci5JbnRyYW5ldC1DaHJvbWU-.ica.crdownload</t>
  </si>
  <si>
    <t>\\acsfs\ACS\Gabriel da Silva\Contemporânea\Comissão e Incentivo\Histórico\Q29udHJvbGxlci5JbnRyYW5ldC1DaHJvbWU-.ica.crdownload</t>
  </si>
  <si>
    <t>01/13/2020 09:09:57</t>
  </si>
  <si>
    <t>01/13/2020 09:15:27</t>
  </si>
  <si>
    <t>01/13/2020 09:10:28</t>
  </si>
  <si>
    <t>https://bvcartes-supervisores@algarnet.onmicrosoft.com,joaogvc@algartech.com,leonardoao@algartech.com,marianadjc@algartech.com,paulacn@algartech.com,planejamentodeoperacoesetrafego@bv.com.br,raphaelmco@algartech.com.br,ricardodfm@algartech.com.br,taysdss@algartech.com,viniciussg@algartech.com</t>
  </si>
  <si>
    <t>01/13/2020 09:10:56</t>
  </si>
  <si>
    <t>joaogvc@algartech.com;marianadjc@algartech.com;planejamentodeoperacoesetrafego@bv.com.br;ricardodfm@algartech.com.br;taysdss@algartech.com;viniciussg@algartech.com;</t>
  </si>
  <si>
    <t>https://joaogvc@algartech.com,marianadjc@algartech.com,planejamentodeoperacoesetrafego@bv.com.br,ricardodfm@algartech.com.br,taysdss@algartech.com,viniciussg@algartech.com</t>
  </si>
  <si>
    <t>01/13/2020 09:11:18</t>
  </si>
  <si>
    <t>f3edc8bc-d63d-4cfa-99d9-dda7faf39985.tmp</t>
  </si>
  <si>
    <t>\\acsfs\profiles$\claudiajca\Downloads\f3edc8bc-d63d-4cfa-99d9-dda7faf39985.tmp</t>
  </si>
  <si>
    <t>mail.google.com/sync/u/0/i/s?hl=pt-BR&amp;c=591</t>
  </si>
  <si>
    <t>01/13/2020 09:10:33</t>
  </si>
  <si>
    <t>01/13/2020 09:11:10</t>
  </si>
  <si>
    <t>mail.google.com/sync/u/0/i/s?hl=pt-BR&amp;c=597</t>
  </si>
  <si>
    <t>01/13/2020 09:11:15</t>
  </si>
  <si>
    <t>01/13/2020 09:11:43</t>
  </si>
  <si>
    <t>mail.google.com/sync/u/0/i/s?hl=pt-BR&amp;c=602</t>
  </si>
  <si>
    <t>01/13/2020 09:11:49</t>
  </si>
  <si>
    <t>mail.google.com/sync/u/0/i/s?hl=pt-BR&amp;c=604</t>
  </si>
  <si>
    <t>01/13/2020 09:12:33</t>
  </si>
  <si>
    <t>mail.google.com/sync/u/0/i/s?hl=pt-BR&amp;c=607</t>
  </si>
  <si>
    <t>01/13/2020 09:13:03</t>
  </si>
  <si>
    <t>mail.google.com/sync/u/0/i/s?hl=pt-BR&amp;c=610</t>
  </si>
  <si>
    <t>01/13/2020 09:13:15</t>
  </si>
  <si>
    <t>mail.google.com/sync/u/0/i/s?hl=pt-BR&amp;c=613</t>
  </si>
  <si>
    <t>01/13/2020 09:13:20</t>
  </si>
  <si>
    <t>mail.google.com/sync/u/0/i/s?hl=pt-BR&amp;c=615</t>
  </si>
  <si>
    <t>mail.google.com/sync/u/0/i/s?hl=pt-BR&amp;c=617</t>
  </si>
  <si>
    <t>01/13/2020 09:13:37</t>
  </si>
  <si>
    <t>mail.google.com/sync/u/0/i/s?hl=pt-BR&amp;c=619</t>
  </si>
  <si>
    <t>01/13/2020 09:13:42</t>
  </si>
  <si>
    <t>mail.google.com/sync/u/0/i/s?hl=pt-BR&amp;c=621</t>
  </si>
  <si>
    <t>01/13/2020 09:13:48</t>
  </si>
  <si>
    <t>mail.google.com/sync/u/0/i/s?hl=pt-BR&amp;c=623</t>
  </si>
  <si>
    <t>01/13/2020 09:13:52</t>
  </si>
  <si>
    <t>mail.google.com/sync/u/0/i/s?hl=pt-BR&amp;c=627</t>
  </si>
  <si>
    <t>01/13/2020 09:14:03</t>
  </si>
  <si>
    <t>mail.google.com/sync/u/0/i/s?hl=pt-BR&amp;c=629</t>
  </si>
  <si>
    <t>01/13/2020 09:14:12</t>
  </si>
  <si>
    <t>mail.google.com/sync/u/0/i/s?hl=pt-BR&amp;c=631</t>
  </si>
  <si>
    <t>01/13/2020 09:14:19</t>
  </si>
  <si>
    <t>mail.google.com/sync/u/0/i/s?hl=pt-BR&amp;c=633</t>
  </si>
  <si>
    <t>01/13/2020 09:14:36</t>
  </si>
  <si>
    <t>mail.google.com/sync/u/0/i/s?hl=pt-BR&amp;c=635</t>
  </si>
  <si>
    <t>01/13/2020 09:14:49</t>
  </si>
  <si>
    <t>mail.google.com/sync/u/0/i/s?hl=pt-BR&amp;c=637</t>
  </si>
  <si>
    <t>01/13/2020 09:15:07</t>
  </si>
  <si>
    <t>mail.google.com/sync/u/0/i/s?hl=pt-BR&amp;c=640</t>
  </si>
  <si>
    <t>01/13/2020 09:12:20</t>
  </si>
  <si>
    <t>01/13/2020 09:16:27</t>
  </si>
  <si>
    <t>01/13/2020 09:14:50</t>
  </si>
  <si>
    <t>01/13/2020 09:17:27</t>
  </si>
  <si>
    <t>01/13/2020 09:15:13</t>
  </si>
  <si>
    <t>kellzylenneasr</t>
  </si>
  <si>
    <t>\\acsfs\profiles$\kellzylenneasr\Downloads\</t>
  </si>
  <si>
    <t>ba20d06d-e731-44be-8ed2-55130899e55d.tmp</t>
  </si>
  <si>
    <t>\\acsfs\profiles$\kellzylenneasr\Downloads\ba20d06d-e731-44be-8ed2-55130899e55d.tmp</t>
  </si>
  <si>
    <t>01/13/2020 09:17:02</t>
  </si>
  <si>
    <t>24feb296-c0d8-410a-b592-c862ea1c5c44.tmp</t>
  </si>
  <si>
    <t>\\acsfs\profiles$\kellzylenneasr\Downloads\24feb296-c0d8-410a-b592-c862ea1c5c44.tmp</t>
  </si>
  <si>
    <t>01/13/2020 09:13:06</t>
  </si>
  <si>
    <t>01/13/2020 09:18:27</t>
  </si>
  <si>
    <t>48e154b8-1a95-4122-aa4a-cd11c096b228.tmp</t>
  </si>
  <si>
    <t>\\acsfs\profiles$\maxmillianosv\Downloads\48e154b8-1a95-4122-aa4a-cd11c096b228.tmp</t>
  </si>
  <si>
    <t>01/13/2020 09:13:11</t>
  </si>
  <si>
    <t>580a3fbb-df52-4411-bba5-abfcddda8aed.tmp</t>
  </si>
  <si>
    <t>\\acsfs\profiles$\maxmillianosv\Downloads\580a3fbb-df52-4411-bba5-abfcddda8aed.tmp</t>
  </si>
  <si>
    <t>01/13/2020 09:13:19</t>
  </si>
  <si>
    <t>f015febb-ccbc-4cf7-8c2f-05015624eb4f.tmp</t>
  </si>
  <si>
    <t>\\acsfs\profiles$\maxmillianosv\Downloads\f015febb-ccbc-4cf7-8c2f-05015624eb4f.tmp</t>
  </si>
  <si>
    <t>04a0a110-93c5-4886-a5f4-4ca712a8be8b.tmp</t>
  </si>
  <si>
    <t>\\acsfs\profiles$\maxmillianosv\Downloads\04a0a110-93c5-4886-a5f4-4ca712a8be8b.tmp</t>
  </si>
  <si>
    <t>01/13/2020 09:15:42</t>
  </si>
  <si>
    <t>\\acsfs\ACS\Gabriel da Silva\Contemporânea\NPS\NPS_Voz\Janeiro.20\</t>
  </si>
  <si>
    <t>E04860A3.tmp</t>
  </si>
  <si>
    <t>\\acsfs\ACS\Gabriel da Silva\Contemporânea\NPS\NPS_Voz\Janeiro.20\E04860A3.tmp</t>
  </si>
  <si>
    <t>01/13/2020 09:15:44</t>
  </si>
  <si>
    <t>~$Pesquisa_Satisfação_0901_1201.xlsx</t>
  </si>
  <si>
    <t>\\acsfs\ACS\Gabriel da Silva\Contemporânea\NPS\NPS_Voz\Janeiro.20\~$Pesquisa_Satisfação_0901_1201.xlsx</t>
  </si>
  <si>
    <t>01/13/2020 09:17:15</t>
  </si>
  <si>
    <t>01/13/2020 09:19:27</t>
  </si>
  <si>
    <t>\\acsfs\ACS\Gabriel da Silva\Contemporânea\Gen\</t>
  </si>
  <si>
    <t>Não confirmado 592560.crdownload</t>
  </si>
  <si>
    <t>\\acsfs\ACS\Gabriel da Silva\Contemporânea\Gen\Não confirmado 592560.crdownload</t>
  </si>
  <si>
    <t>01/13/2020 09:16:33</t>
  </si>
  <si>
    <t>6bbc67e9-65e1-4c96-a7e6-2c6f0c9291d3.tmp</t>
  </si>
  <si>
    <t>\\acsfs\profiles$\larissaad\Downloads\6bbc67e9-65e1-4c96-a7e6-2c6f0c9291d3.tmp</t>
  </si>
  <si>
    <t>01/13/2020 09:16:37</t>
  </si>
  <si>
    <t>2bc4086d-3ed3-435d-9223-7b716c838440.tmp</t>
  </si>
  <si>
    <t>\\acsfs\profiles$\larissaad\Downloads\2bc4086d-3ed3-435d-9223-7b716c838440.tmp</t>
  </si>
  <si>
    <t>10.200.67.71</t>
  </si>
  <si>
    <t>D0-94-66-B5-7E-1E</t>
  </si>
  <si>
    <t>VOTORANT-YB015</t>
  </si>
  <si>
    <t>01/13/2020 09:17:17</t>
  </si>
  <si>
    <t>01/13/2020 09:20:27</t>
  </si>
  <si>
    <t>ff350218-1c1d-4b33-9be9-70a1bbb16d2c.tmp</t>
  </si>
  <si>
    <t>\\acsfs\profiles$\luanarda\Downloads\ff350218-1c1d-4b33-9be9-70a1bbb16d2c.tmp</t>
  </si>
  <si>
    <t>01/13/2020 09:15:52</t>
  </si>
  <si>
    <t>01/13/2020 09:15:53</t>
  </si>
  <si>
    <t>mail.google.com/sync/u/0/i/s?hl=pt-BR&amp;c=644</t>
  </si>
  <si>
    <t>01/13/2020 09:15:57</t>
  </si>
  <si>
    <t>01/13/2020 09:16:03</t>
  </si>
  <si>
    <t>01/13/2020 09:16:41</t>
  </si>
  <si>
    <t>01/13/2020 09:16:48</t>
  </si>
  <si>
    <t>01/13/2020 09:17:18</t>
  </si>
  <si>
    <t>01/13/2020 09:18:02</t>
  </si>
  <si>
    <t>mail.google.com/sync/u/0/i/s?hl=pt-BR&amp;c=662</t>
  </si>
  <si>
    <t>01/13/2020 09:18:09</t>
  </si>
  <si>
    <t>mail.google.com/sync/u/0/i/s?hl=pt-BR&amp;c=664</t>
  </si>
  <si>
    <t>01/13/2020 09:19:16</t>
  </si>
  <si>
    <t>01/13/2020 09:19:25</t>
  </si>
  <si>
    <t>01/13/2020 09:19:32</t>
  </si>
  <si>
    <t>01/13/2020 09:19:37</t>
  </si>
  <si>
    <t>01/13/2020 09:19:41</t>
  </si>
  <si>
    <t>01/13/2020 09:19:51</t>
  </si>
  <si>
    <t>01/13/2020 09:19:57</t>
  </si>
  <si>
    <t>mail.google.com/sync/u/0/i/s?hl=pt-BR&amp;c=681</t>
  </si>
  <si>
    <t>01/13/2020 09:20:02</t>
  </si>
  <si>
    <t>mail.google.com/sync/u/0/i/s?hl=pt-BR&amp;c=683</t>
  </si>
  <si>
    <t>01/13/2020 09:20:06</t>
  </si>
  <si>
    <t>mail.google.com/sync/u/0/i/s?hl=pt-BR&amp;c=685</t>
  </si>
  <si>
    <t>01/13/2020 09:15:30</t>
  </si>
  <si>
    <t>abbe46aa-738a-4860-98fb-f134efca5147.tmp</t>
  </si>
  <si>
    <t>\\acsfs\profiles$\mariajra\Downloads\abbe46aa-738a-4860-98fb-f134efca5147.tmp</t>
  </si>
  <si>
    <t>01/13/2020 09:17:50</t>
  </si>
  <si>
    <t>01/13/2020 09:21:27</t>
  </si>
  <si>
    <t>01/13/2020 09:18:20</t>
  </si>
  <si>
    <t>01/13/2020 09:18:50</t>
  </si>
  <si>
    <t>01/13/2020 09:19:20</t>
  </si>
  <si>
    <t>01/13/2020 09:19:50</t>
  </si>
  <si>
    <t>01/13/2020 09:16:30</t>
  </si>
  <si>
    <t>10.200.66.47</t>
  </si>
  <si>
    <t>78-2B-CB-C1-04-45</t>
  </si>
  <si>
    <t>VOTORANTS-FB033</t>
  </si>
  <si>
    <t>robsonams</t>
  </si>
  <si>
    <t>\\acsfs\Deptos\Operacao\Banco_Votorantim\Supervisao\Maristela\</t>
  </si>
  <si>
    <t>importante.txt</t>
  </si>
  <si>
    <t>\\acsfs\Deptos\Operacao\Banco_Votorantim\Supervisao\Maristela\importante.txt</t>
  </si>
  <si>
    <t>acessos Mari.txt</t>
  </si>
  <si>
    <t>\\acsfs\Deptos\Operacao\Banco_Votorantim\Supervisao\Maristela\acessos Mari.txt</t>
  </si>
  <si>
    <t>01/13/2020 09:21:16</t>
  </si>
  <si>
    <t>01/13/2020 09:22:27</t>
  </si>
  <si>
    <t>pedrohab</t>
  </si>
  <si>
    <t>\\acsfs\profiles$\PEDROHAB\Downloads\</t>
  </si>
  <si>
    <t>6a4558fc-a5f6-4237-8cdc-cddb73fad398.tmp</t>
  </si>
  <si>
    <t>\\acsfs\profiles$\PEDROHAB\Downloads\6a4558fc-a5f6-4237-8cdc-cddb73fad398.tmp</t>
  </si>
  <si>
    <t>01/13/2020 09:21:13</t>
  </si>
  <si>
    <t>ac72aada-aa70-45ec-a3f0-cc1f14bec9cb.tmp</t>
  </si>
  <si>
    <t>\\acsfs\profiles$\inarajst\Downloads\ac72aada-aa70-45ec-a3f0-cc1f14bec9cb.tmp</t>
  </si>
  <si>
    <t>01/13/2020 09:23:27</t>
  </si>
  <si>
    <t>01/13/2020 09:22:13</t>
  </si>
  <si>
    <t>\\acsfs\ACS\Gabriel da Silva\Contemporânea\NPS\C6493423.tmp\</t>
  </si>
  <si>
    <t>:Zone.Identifier:$DATA</t>
  </si>
  <si>
    <t>\\acsfs\ACS\Gabriel da Silva\Contemporânea\NPS\C6493423.tmp\:Zone.Identifier:$DATA</t>
  </si>
  <si>
    <t>01/13/2020 09:22:16</t>
  </si>
  <si>
    <t>01/13/2020 09:24:28</t>
  </si>
  <si>
    <t>hdphoto1.wdp</t>
  </si>
  <si>
    <t>\\acsfs\ACS\Gabriel da Silva\Contemporânea\NPS\C6493423.tmp</t>
  </si>
  <si>
    <t>\\acsfs\ACS\Gabriel da Silva\Contemporânea\NPS\</t>
  </si>
  <si>
    <t>C6493423.tmp</t>
  </si>
  <si>
    <t>01/13/2020 09:23:11</t>
  </si>
  <si>
    <t>~$NPS SAC_Base.xlsx</t>
  </si>
  <si>
    <t>\\acsfs\ACS\Gabriel da Silva\Contemporânea\NPS\~$NPS SAC_Base.xlsx</t>
  </si>
  <si>
    <t>\\acsfs\ACS\Gabriel da Silva\Contemporânea\NPS\3A7EA1F.tmp\</t>
  </si>
  <si>
    <t>\\acsfs\ACS\Gabriel da Silva\Contemporânea\NPS\3A7EA1F.tmp</t>
  </si>
  <si>
    <t>3A7EA1F.tmp</t>
  </si>
  <si>
    <t>01/13/2020 09:23:13</t>
  </si>
  <si>
    <t>~$NPS SAC.xlsx</t>
  </si>
  <si>
    <t>\\acsfs\ACS\Gabriel da Silva\Contemporânea\NPS\~$NPS SAC.xlsx</t>
  </si>
  <si>
    <t>01/13/2020 09:19:00</t>
  </si>
  <si>
    <t>15604c86-6ae0-4235-a032-83c298f15361.tmp</t>
  </si>
  <si>
    <t>\\acsfs\profiles$\gabrielaff\Downloads\15604c86-6ae0-4235-a032-83c298f15361.tmp</t>
  </si>
  <si>
    <t>01/13/2020 09:20:41</t>
  </si>
  <si>
    <t>nathaliarmr</t>
  </si>
  <si>
    <t>\\acsfs\profiles$\nathaliarmr\Downloads\</t>
  </si>
  <si>
    <t>19a634c4-996b-4fee-bd8f-e3e61b052e9a.tmp</t>
  </si>
  <si>
    <t>\\acsfs\profiles$\nathaliarmr\Downloads\19a634c4-996b-4fee-bd8f-e3e61b052e9a.tmp</t>
  </si>
  <si>
    <t>01/13/2020 09:18:58</t>
  </si>
  <si>
    <t>bedd4e62-cdca-4f55-b963-4704094db260.tmp</t>
  </si>
  <si>
    <t>\\acsfs\profiles$\quindaizaagds\Downloads\bedd4e62-cdca-4f55-b963-4704094db260.tmp</t>
  </si>
  <si>
    <t>01/13/2020 09:19:29</t>
  </si>
  <si>
    <t>37b10ade-7ffb-4c90-a10c-a2325503f4a1.tmp</t>
  </si>
  <si>
    <t>\\acsfs\profiles$\quindaizaagds\Downloads\37b10ade-7ffb-4c90-a10c-a2325503f4a1.tmp</t>
  </si>
  <si>
    <t>01/13/2020 09:19:52</t>
  </si>
  <si>
    <t>44d38bf9-a69c-4ca4-a230-0ecff2389fad.tmp</t>
  </si>
  <si>
    <t>\\acsfs\profiles$\quindaizaagds\Downloads\44d38bf9-a69c-4ca4-a230-0ecff2389fad.tmp</t>
  </si>
  <si>
    <t>01/13/2020 09:20:55</t>
  </si>
  <si>
    <t>4462b86d-fbb1-42fa-8bc2-6fdd52dd4097.tmp</t>
  </si>
  <si>
    <t>\\acsfs\profiles$\nathaliarmr\Downloads\4462b86d-fbb1-42fa-8bc2-6fdd52dd4097.tmp</t>
  </si>
  <si>
    <t>01/13/2020 09:21:03</t>
  </si>
  <si>
    <t>99c7ced8-0bde-40cf-bd8c-4cff63a620bb.tmp</t>
  </si>
  <si>
    <t>\\acsfs\profiles$\quindaizaagds\Downloads\99c7ced8-0bde-40cf-bd8c-4cff63a620bb.tmp</t>
  </si>
  <si>
    <t>01/13/2020 09:22:11</t>
  </si>
  <si>
    <t>10.200.67.150</t>
  </si>
  <si>
    <t>74-86-7A-FB-17-6D</t>
  </si>
  <si>
    <t>VOTORANT-MB010</t>
  </si>
  <si>
    <t>leticiala</t>
  </si>
  <si>
    <t>\\acsfs\profiles$\leticiala\Downloads\</t>
  </si>
  <si>
    <t>0096ce63-f97d-4b57-a8bd-59bc19f1e174.tmp</t>
  </si>
  <si>
    <t>\\acsfs\profiles$\leticiala\Downloads\0096ce63-f97d-4b57-a8bd-59bc19f1e174.tmp</t>
  </si>
  <si>
    <t>01/13/2020 09:23:28</t>
  </si>
  <si>
    <t>48187832-8b83-434b-9ddc-f5ee0dcc6a94.tmp</t>
  </si>
  <si>
    <t>\\acsfs\profiles$\felipetds\Downloads\48187832-8b83-434b-9ddc-f5ee0dcc6a94.tmp</t>
  </si>
  <si>
    <t>01/13/2020 09:25:27</t>
  </si>
  <si>
    <t>01/13/2020 09:23:49</t>
  </si>
  <si>
    <t>https://bvcartes-supervisores@algarnet.onmicrosoft.com,joaogvc@algartech.com,leonardoao@algartech.com,marianadjc@algartech.com,paulacn@algartech.com,ricardodfm@algartech.com.br,taysdss@algartech.com</t>
  </si>
  <si>
    <t>01/13/2020 09:24:04</t>
  </si>
  <si>
    <t>\\acsfs\profiles$\websondsa\My Documents\</t>
  </si>
  <si>
    <t>Bloco.txt</t>
  </si>
  <si>
    <t>\\acsfs\profiles$\websondsa\My Documents\Bloco.txt</t>
  </si>
  <si>
    <t>01/13/2020 09:20:13</t>
  </si>
  <si>
    <t>mail.google.com/sync/u/0/i/s?hl=pt-BR&amp;c=687</t>
  </si>
  <si>
    <t>01/13/2020 09:20:18</t>
  </si>
  <si>
    <t>mail.google.com/sync/u/0/i/s?hl=pt-BR&amp;c=689</t>
  </si>
  <si>
    <t>01/13/2020 09:20:50</t>
  </si>
  <si>
    <t>mail.google.com/sync/u/0/i/s?hl=pt-BR&amp;c=694</t>
  </si>
  <si>
    <t>01/13/2020 09:20:52</t>
  </si>
  <si>
    <t>01/13/2020 09:20:53</t>
  </si>
  <si>
    <t>01/13/2020 09:20:59</t>
  </si>
  <si>
    <t>01/13/2020 09:21:08</t>
  </si>
  <si>
    <t>01/13/2020 09:21:24</t>
  </si>
  <si>
    <t>\\acsfs\deptos\Operacao\PCP\5 - Comum\PLANEJAMENTO BV\14 - ACOMPANHAMENTO\1 - REPORT ACOMPANHAMENTO\2020\1 - JANEIRO\FINANCEIRA\</t>
  </si>
  <si>
    <t>REPORT ACOMPANHAMENTO - BV - JANEIRO2.xlsb</t>
  </si>
  <si>
    <t>\\acsfs\deptos\Operacao\PCP\5 - Comum\PLANEJAMENTO BV\14 - ACOMPANHAMENTO\1 - REPORT ACOMPANHAMENTO\2020\1 - JANEIRO\FINANCEIRA\REPORT ACOMPANHAMENTO - BV - JANEIRO2.xlsb</t>
  </si>
  <si>
    <t>01/13/2020 09:22:21</t>
  </si>
  <si>
    <t>mail.google.com/sync/u/0/i/s?hl=pt-BR&amp;c=709</t>
  </si>
  <si>
    <t>01/13/2020 09:25:06</t>
  </si>
  <si>
    <t>\\udpavonfs01\AVON\00 - ACOMPANHAMENTO AVON\04 - BACKOFFICE CORNERSTONE\2020\01.2020\MÁSCARA\</t>
  </si>
  <si>
    <t>Acompanhamento Backoffice Cornerstone JAN.20.xlsx</t>
  </si>
  <si>
    <t>\\udpavonfs01\AVON\00 - ACOMPANHAMENTO AVON\04 - BACKOFFICE CORNERSTONE\2020\01.2020\RELATORIO\11.01.2020\Acompanhamento Backoffice Cornerstone JAN.20.xlsx</t>
  </si>
  <si>
    <t>01/13/2020 09:26:27</t>
  </si>
  <si>
    <t>01/13/2020 09:21:50</t>
  </si>
  <si>
    <t>01/13/2020 09:22:20</t>
  </si>
  <si>
    <t>01/13/2020 09:22:50</t>
  </si>
  <si>
    <t>01/13/2020 09:23:20</t>
  </si>
  <si>
    <t>01/13/2020 09:22:51</t>
  </si>
  <si>
    <t>01/13/2020 09:27:27</t>
  </si>
  <si>
    <t>fff42d24-6a23-494b-acc7-deec151ea188.tmp</t>
  </si>
  <si>
    <t>\\acsfs\profiles$\PEDROHAB\Downloads\fff42d24-6a23-494b-acc7-deec151ea188.tmp</t>
  </si>
  <si>
    <t>01/13/2020 09:24:35</t>
  </si>
  <si>
    <t>http:///batch?%24ct=multipart%2Fmixed%3B%20boundary%3D%22%3D%3D%3D%3D%3De7ynhs1du14b%3D%3D%3D%3D%3D%22&amp;key=AIzaSyAy9VVXHSpS2IJpptzYtGbLP3-3_l0aBk4</t>
  </si>
  <si>
    <t>01/13/2020 09:24:36</t>
  </si>
  <si>
    <t>http:///batch?%24ct=multipart%2Fmixed%3B%20boundary%3D%22%3D%3D%3D%3D%3D29gofxph87x2%3D%3D%3D%3D%3D%22&amp;key=AIzaSyAy9VVXHSpS2IJpptzYtGbLP3-3_l0aBk4</t>
  </si>
  <si>
    <t>01/13/2020 09:24:37</t>
  </si>
  <si>
    <t>http:///batch?%24ct=multipart%2Fmixed%3B%20boundary%3D%22%3D%3D%3D%3D%3Daqrajslw0wxa%3D%3D%3D%3D%3D%22&amp;key=AIzaSyAy9VVXHSpS2IJpptzYtGbLP3-3_l0aBk4</t>
  </si>
  <si>
    <t>01/13/2020 09:27:04</t>
  </si>
  <si>
    <t>01/13/2020 09:26:39</t>
  </si>
  <si>
    <t>01/13/2020 09:28:27</t>
  </si>
  <si>
    <t>c13fe6be-7b28-4452-a9e0-ce706d8bc4c9.tmp</t>
  </si>
  <si>
    <t>\\acsfs\profiles$\maxmillianosv\Downloads\c13fe6be-7b28-4452-a9e0-ce706d8bc4c9.tmp</t>
  </si>
  <si>
    <t>01/13/2020 09:27:37</t>
  </si>
  <si>
    <t>\\acsfs\DEPTOS\Operacao\Banco_Votorantim\Qualidade\Anderson\Jose\</t>
  </si>
  <si>
    <t>Check List - BV CARTOES_.xlsx</t>
  </si>
  <si>
    <t>\\acsfs\DEPTOS\Operacao\Banco_Votorantim\Qualidade\Anderson\Jose\Check List - BV CARTOES_.xlsx</t>
  </si>
  <si>
    <t>01/13/2020 09:24:31</t>
  </si>
  <si>
    <t>9f062aca-48fb-453f-942c-d82c14926873.tmp</t>
  </si>
  <si>
    <t>\\acsfs\profiles$\rafaelamsv\Downloads\9f062aca-48fb-453f-942c-d82c14926873.tmp</t>
  </si>
  <si>
    <t>01/13/2020 09:29:28</t>
  </si>
  <si>
    <t>\\acsfs\ACS\Gabriel da Silva\Contemporânea\Comissão e Incentivo\</t>
  </si>
  <si>
    <t>~$Incentivo BV - Consignado.xlsx</t>
  </si>
  <si>
    <t>\\acsfs\ACS\Gabriel da Silva\Contemporânea\Comissão e Incentivo\~$Incentivo BV - Consignado.xlsx</t>
  </si>
  <si>
    <t>01/13/2020 09:27:57</t>
  </si>
  <si>
    <t>\\acsfs\ACS\Gabriel da Silva\Contemporânea\NPS\9C777E5A.tmp\</t>
  </si>
  <si>
    <t>\\acsfs\ACS\Gabriel da Silva\Contemporânea\NPS\9C777E5A.tmp\:Zone.Identifier:$DATA</t>
  </si>
  <si>
    <t>01/13/2020 09:28:01</t>
  </si>
  <si>
    <t>\\acsfs\ACS\Gabriel da Silva\Contemporânea\NPS\9C777E5A.tmp</t>
  </si>
  <si>
    <t>9C777E5A.tmp</t>
  </si>
  <si>
    <t>01/13/2020 09:28:11</t>
  </si>
  <si>
    <t>~$NPS CONSIGNADO_Base.xlsx</t>
  </si>
  <si>
    <t>\\acsfs\ACS\Gabriel da Silva\Contemporânea\NPS\~$NPS CONSIGNADO_Base.xlsx</t>
  </si>
  <si>
    <t>01/13/2020 09:26:46</t>
  </si>
  <si>
    <t>94bbd0d5-834a-450b-bdfd-e3cfe46fde9b.tmp</t>
  </si>
  <si>
    <t>\\acsfs\profiles$\larissaad\Downloads\94bbd0d5-834a-450b-bdfd-e3cfe46fde9b.tmp</t>
  </si>
  <si>
    <t>01/13/2020 09:25:14</t>
  </si>
  <si>
    <t>6d331170-5cfa-4e4d-9818-419a9601bc2a.tmp</t>
  </si>
  <si>
    <t>\\acsfs\profiles$\nathaliarmr\Downloads\6d331170-5cfa-4e4d-9818-419a9601bc2a.tmp</t>
  </si>
  <si>
    <t>01/13/2020 09:27:12</t>
  </si>
  <si>
    <t>e6d57974-71f2-4182-9a2a-b11974449967.tmp</t>
  </si>
  <si>
    <t>\\acsfs\profiles$\leticiala\Downloads\e6d57974-71f2-4182-9a2a-b11974449967.tmp</t>
  </si>
  <si>
    <t>acc4dae1-40d6-4ca3-b21f-599f44a83ad9.tmp</t>
  </si>
  <si>
    <t>\\acsfs\profiles$\leticiala\Downloads\acc4dae1-40d6-4ca3-b21f-599f44a83ad9.tmp</t>
  </si>
  <si>
    <t>WHIRLPOOL SAC</t>
  </si>
  <si>
    <t>Cloud Storage (Google Drive)</t>
  </si>
  <si>
    <t>Google Drive</t>
  </si>
  <si>
    <t>01/13/2020 09:30:27</t>
  </si>
  <si>
    <t>01/13/2020 09:29:48</t>
  </si>
  <si>
    <t>http://qlikview/qvajaxzfc/accesspoint.aspx?mark=&amp;platform=browser.chrome&amp;dpi=96</t>
  </si>
  <si>
    <t>01/13/2020 09:26:20</t>
  </si>
  <si>
    <t>01/13/2020 09:31:27</t>
  </si>
  <si>
    <t>01/13/2020 09:27:50</t>
  </si>
  <si>
    <t>01/13/2020 09:29:51</t>
  </si>
  <si>
    <t>01/13/2020 09:25:57</t>
  </si>
  <si>
    <t>10.200.66.141</t>
  </si>
  <si>
    <t>74-86-7A-FC-CF-64</t>
  </si>
  <si>
    <t>VOTORANT-YB007</t>
  </si>
  <si>
    <t>gabriellalpr</t>
  </si>
  <si>
    <t>\\acsfs\profiles$\gabriellalpr\Contacts\</t>
  </si>
  <si>
    <t>GABRIELLA LEMES PEREIRA REIS (27481).contact</t>
  </si>
  <si>
    <t>\\acsfs\profiles$\gabriellalpr\Contacts\GABRIELLA LEMES PEREIRA REIS (27481).contact</t>
  </si>
  <si>
    <t>01/13/2020 09:26:14</t>
  </si>
  <si>
    <t>\\acsfs\profiles$\gabriellalpr\My Documents\My Videos\</t>
  </si>
  <si>
    <t>\\acsfs\profiles$\gabriellalpr\My Documents\My Videos\desktop.ini</t>
  </si>
  <si>
    <t>01/13/2020 09:26:15</t>
  </si>
  <si>
    <t>01/13/2020 09:26:16</t>
  </si>
  <si>
    <t>\\acsfs\profiles$\gabriellalpr\My Documents\My Pictures\</t>
  </si>
  <si>
    <t>\\acsfs\profiles$\gabriellalpr\My Documents\My Pictures\desktop.ini</t>
  </si>
  <si>
    <t>01/13/2020 09:26:17</t>
  </si>
  <si>
    <t>\\acsfs\profiles$\gabriellalpr\Contacts\desktop.ini</t>
  </si>
  <si>
    <t>01/13/2020 09:26:18</t>
  </si>
  <si>
    <t>\\acsfs\profiles$\gabriellalpr\Favorites\</t>
  </si>
  <si>
    <t>\\acsfs\profiles$\gabriellalpr\Favorites\desktop.ini</t>
  </si>
  <si>
    <t>\\acsfs\profiles$\gabriellalpr\My Documents\My Music\</t>
  </si>
  <si>
    <t>\\acsfs\profiles$\gabriellalpr\My Documents\My Music\desktop.ini</t>
  </si>
  <si>
    <t>01/13/2020 09:26:19</t>
  </si>
  <si>
    <t>\\acsfs\profiles$\gabriellalpr\Searches\</t>
  </si>
  <si>
    <t>\\acsfs\profiles$\gabriellalpr\Searches\desktop.ini</t>
  </si>
  <si>
    <t>01/13/2020 09:26:21</t>
  </si>
  <si>
    <t>\\acsfs\profiles$\gabriellalpr\Downloads\</t>
  </si>
  <si>
    <t>\\acsfs\profiles$\gabriellalpr\Downloads\desktop.ini</t>
  </si>
  <si>
    <t>01/13/2020 09:26:22</t>
  </si>
  <si>
    <t>\\acsfs\profiles$\gabriellalpr\My Documents\</t>
  </si>
  <si>
    <t>\\acsfs\profiles$\gabriellalpr\My Documents\desktop.ini</t>
  </si>
  <si>
    <t>01/13/2020 09:26:23</t>
  </si>
  <si>
    <t>01/13/2020 09:26:24</t>
  </si>
  <si>
    <t>\\acsfs\profiles$\gabriellalpr\Saved Games\</t>
  </si>
  <si>
    <t>\\acsfs\profiles$\gabriellalpr\Saved Games\desktop.ini</t>
  </si>
  <si>
    <t>01/13/2020 09:26:57</t>
  </si>
  <si>
    <t>\\acsfs\profiles$\gabriellalpr\Favorites\Links for Brasil\</t>
  </si>
  <si>
    <t>\\acsfs\profiles$\gabriellalpr\Favorites\Links for Brasil\desktop.ini</t>
  </si>
  <si>
    <t>\\acsfs\profiles$\gabriellalpr\Favorites\Links for Brasil\Microsoft Brasil.url</t>
  </si>
  <si>
    <t>\\acsfs\profiles$\gabriellalpr\Favorites\Links for Brasil\Windows Brasil.url</t>
  </si>
  <si>
    <t>\\acsfs\profiles$\gabriellalpr\Favorites\Links for Brasil\MSN Brasil.url</t>
  </si>
  <si>
    <t>01/13/2020 09:26:58</t>
  </si>
  <si>
    <t>01/13/2020 09:28:33</t>
  </si>
  <si>
    <t>6d54be4a-dc35-4651-abbf-9114a411d442.tmp</t>
  </si>
  <si>
    <t>\\acsfs\profiles$\gabriellalpr\Downloads\6d54be4a-dc35-4651-abbf-9114a411d442.tmp</t>
  </si>
  <si>
    <t>01/13/2020 09:32:27</t>
  </si>
  <si>
    <t>01/13/2020 09:28:41</t>
  </si>
  <si>
    <t>055be141-a93f-4257-8bf8-cca163e66afa.tmp</t>
  </si>
  <si>
    <t>\\acsfs\profiles$\inarajst\Downloads\055be141-a93f-4257-8bf8-cca163e66afa.tmp</t>
  </si>
  <si>
    <t>01/13/2020 09:29:12</t>
  </si>
  <si>
    <t>3a3d48d9-3853-4f93-895a-35356ff37489.tmp</t>
  </si>
  <si>
    <t>\\acsfs\profiles$\inarajst\Downloads\3a3d48d9-3853-4f93-895a-35356ff37489.tmp</t>
  </si>
  <si>
    <t>01/13/2020 09:29:46</t>
  </si>
  <si>
    <t>01/13/2020 09:33:27</t>
  </si>
  <si>
    <t>10.200.66.34</t>
  </si>
  <si>
    <t>74-86-7A-FB-18-7E</t>
  </si>
  <si>
    <t>VOTORANT-ZB008</t>
  </si>
  <si>
    <t>rafaeldsn</t>
  </si>
  <si>
    <t>https://udpwfmniceap02/pt_br/web/guest/home?p_auth=p0zsjvlg&amp;p_p_id=58&amp;p_p_lifecycle=1&amp;p_p_state=maximized&amp;p_p_mode=view&amp;savelastpath=0&amp;_58_struts_action=/login/forgot_password</t>
  </si>
  <si>
    <t>01/13/2020 09:29:57</t>
  </si>
  <si>
    <t>01/13/2020 09:30:35</t>
  </si>
  <si>
    <t>10.200.66.6</t>
  </si>
  <si>
    <t>78-2B-CB-C1-05-A0</t>
  </si>
  <si>
    <t>VOTORANT-IB016</t>
  </si>
  <si>
    <t>joaoval</t>
  </si>
  <si>
    <t>\\acsfs\profiles$\JOAOVAL\Contacts\</t>
  </si>
  <si>
    <t>JOAO VITOR ALVES LIMA (22).contact</t>
  </si>
  <si>
    <t>\\acsfs\profiles$\JOAOVAL\Contacts\JOAO VITOR ALVES LIMA (22).contact</t>
  </si>
  <si>
    <t>01/13/2020 09:30:41</t>
  </si>
  <si>
    <t>\\acsfs\profiles$\JOAOVAL\My Documents\My Videos\</t>
  </si>
  <si>
    <t>\\acsfs\profiles$\JOAOVAL\My Documents\My Videos\desktop.ini</t>
  </si>
  <si>
    <t>01/13/2020 09:30:42</t>
  </si>
  <si>
    <t>\\acsfs\profiles$\JOAOVAL\My Documents\My Pictures\</t>
  </si>
  <si>
    <t>\\acsfs\profiles$\JOAOVAL\My Documents\My Pictures\desktop.ini</t>
  </si>
  <si>
    <t>\\acsfs\profiles$\JOAOVAL\Contacts\desktop.ini</t>
  </si>
  <si>
    <t>01/13/2020 09:30:43</t>
  </si>
  <si>
    <t>\\acsfs\profiles$\JOAOVAL\Favorites\</t>
  </si>
  <si>
    <t>\\acsfs\profiles$\JOAOVAL\Favorites\desktop.ini</t>
  </si>
  <si>
    <t>\\acsfs\profiles$\JOAOVAL\My Documents\My Music\</t>
  </si>
  <si>
    <t>\\acsfs\profiles$\JOAOVAL\My Documents\My Music\desktop.ini</t>
  </si>
  <si>
    <t>01/13/2020 09:30:44</t>
  </si>
  <si>
    <t>\\acsfs\profiles$\JOAOVAL\Searches\</t>
  </si>
  <si>
    <t>\\acsfs\profiles$\JOAOVAL\Searches\desktop.ini</t>
  </si>
  <si>
    <t>\\acsfs\profiles$\JOAOVAL\Downloads\</t>
  </si>
  <si>
    <t>\\acsfs\profiles$\JOAOVAL\Downloads\desktop.ini</t>
  </si>
  <si>
    <t>01/13/2020 09:30:45</t>
  </si>
  <si>
    <t>\\acsfs\profiles$\JOAOVAL\My Documents\</t>
  </si>
  <si>
    <t>\\acsfs\profiles$\JOAOVAL\My Documents\desktop.ini</t>
  </si>
  <si>
    <t>\\acsfs\profiles$\JOAOVAL\Saved Games\</t>
  </si>
  <si>
    <t>\\acsfs\profiles$\JOAOVAL\Saved Games\desktop.ini</t>
  </si>
  <si>
    <t>01/13/2020 09:30:46</t>
  </si>
  <si>
    <t>01/13/2020 09:30:57</t>
  </si>
  <si>
    <t>\\acsfs\profiles$\JOAOVAL\Favorites\Links for Brasil\</t>
  </si>
  <si>
    <t>\\acsfs\profiles$\JOAOVAL\Favorites\Links for Brasil\desktop.ini</t>
  </si>
  <si>
    <t>\\acsfs\profiles$\JOAOVAL\Favorites\Links for Brasil\Microsoft Brasil.url</t>
  </si>
  <si>
    <t>01/13/2020 09:30:58</t>
  </si>
  <si>
    <t>\\acsfs\profiles$\JOAOVAL\Favorites\Links for Brasil\Windows Brasil.url</t>
  </si>
  <si>
    <t>\\acsfs\profiles$\JOAOVAL\Favorites\Links for Brasil\MSN Brasil.url</t>
  </si>
  <si>
    <t>01/13/2020 09:32:51</t>
  </si>
  <si>
    <t>01/13/2020 09:34:27</t>
  </si>
  <si>
    <t>\\acsfs\ACS\Gabriel da Silva\Contemporânea\NPS\3045BFD0.tmp\</t>
  </si>
  <si>
    <t>\\acsfs\ACS\Gabriel da Silva\Contemporânea\NPS\3045BFD0.tmp</t>
  </si>
  <si>
    <t>3045BFD0.tmp</t>
  </si>
  <si>
    <t>01/13/2020 09:33:12</t>
  </si>
  <si>
    <t>01/13/2020 09:35:27</t>
  </si>
  <si>
    <t>\\acsfs\profiles$\LUCASNS\</t>
  </si>
  <si>
    <t>VENDAS.txt</t>
  </si>
  <si>
    <t>\\acsfs\profiles$\LUCASNS\VENDAS.txt</t>
  </si>
  <si>
    <t>01/13/2020 09:32:10</t>
  </si>
  <si>
    <t>01/13/2020 09:32:55</t>
  </si>
  <si>
    <t>10.200.32.194</t>
  </si>
  <si>
    <t>D4-AE-52-FC-96-E4</t>
  </si>
  <si>
    <t>VOTORANT-CA069</t>
  </si>
  <si>
    <t>\\acsfs\ACS\001 - Qualidade Lilian\PAULO\Pasta Tainara\</t>
  </si>
  <si>
    <t>Erro fatal ALINE GUALBERTO SOARES.PNG</t>
  </si>
  <si>
    <t>\\acsfs\ACS\001 - Qualidade Lilian\PAULO\Pasta Tainara\Erro fatal ALINE GUALBERTO SOARES.PNG</t>
  </si>
  <si>
    <t>01/13/2020 09:36:28</t>
  </si>
  <si>
    <t>01/13/2020 09:33:22</t>
  </si>
  <si>
    <t>10.200.32.20</t>
  </si>
  <si>
    <t>78-2B-CB-C1-07-01</t>
  </si>
  <si>
    <t>VOTORANT-CB015</t>
  </si>
  <si>
    <t>kesiadof</t>
  </si>
  <si>
    <t>kesiadof@algartech.com</t>
  </si>
  <si>
    <t>mail.google.com/sync/u/0/i/s?hl=pt-BR&amp;c=66</t>
  </si>
  <si>
    <t>fernandaab@algartech.com;larisacc@algartech.com;marianerdo@algartech.com;talmaiardo@algartech.com;thiagordu@algartech.com;</t>
  </si>
  <si>
    <t>fernandaab@algartech.com,larisacc@algartech.com,marianerdo@algartech.com,talmaiardo@algartech.com,thiagordu@algartech.com</t>
  </si>
  <si>
    <t>01/13/2020 09:33:38</t>
  </si>
  <si>
    <t>mail.google.com/sync/u/0/i/s?hl=pt-BR&amp;c=68</t>
  </si>
  <si>
    <t>01/13/2020 09:32:21</t>
  </si>
  <si>
    <t>01/13/2020 09:33:51</t>
  </si>
  <si>
    <t>01/13/2020 09:34:21</t>
  </si>
  <si>
    <t>01/13/2020 09:34:51</t>
  </si>
  <si>
    <t>01/13/2020 09:33:03</t>
  </si>
  <si>
    <t>5f10b3bd-f5e5-47e1-b5be-a1941d3bef01.tmp</t>
  </si>
  <si>
    <t>\\acsfs\profiles$\sarahbal\Downloads\5f10b3bd-f5e5-47e1-b5be-a1941d3bef01.tmp</t>
  </si>
  <si>
    <t>01/13/2020 09:33:09</t>
  </si>
  <si>
    <t>327ab6cf-43fa-4765-8202-701fb95ec900.tmp</t>
  </si>
  <si>
    <t>\\acsfs\profiles$\sarahbal\Downloads\327ab6cf-43fa-4765-8202-701fb95ec900.tmp</t>
  </si>
  <si>
    <t>01/13/2020 09:32:25</t>
  </si>
  <si>
    <t>486a9bb6-b3e6-410a-a029-dd35f1347305.tmp</t>
  </si>
  <si>
    <t>\\acsfs\profiles$\gabriellalpr\Downloads\486a9bb6-b3e6-410a-a029-dd35f1347305.tmp</t>
  </si>
  <si>
    <t>01/13/2020 09:33:05</t>
  </si>
  <si>
    <t>3da47ac7-1622-47fd-98a1-319a56ae12af.tmp</t>
  </si>
  <si>
    <t>\\acsfs\profiles$\gabriellalpr\Downloads\3da47ac7-1622-47fd-98a1-319a56ae12af.tmp</t>
  </si>
  <si>
    <t>01/13/2020 09:34:01</t>
  </si>
  <si>
    <t>16a11b85-1fcd-4fc3-a8bf-ce456533d7e3.tmp</t>
  </si>
  <si>
    <t>\\acsfs\profiles$\gabriellalpr\Downloads\16a11b85-1fcd-4fc3-a8bf-ce456533d7e3.tmp</t>
  </si>
  <si>
    <t>01/13/2020 09:32:06</t>
  </si>
  <si>
    <t>10.200.66.139</t>
  </si>
  <si>
    <t>64-1C-67-9D-1E-D9</t>
  </si>
  <si>
    <t>VOTORANT-LB018</t>
  </si>
  <si>
    <t>jhonatadss</t>
  </si>
  <si>
    <t>\\acsfs\profiles$\jhonatadss\Downloads\</t>
  </si>
  <si>
    <t>6b52aa13-6a24-4b21-9ac4-891d77d09e3c.tmp</t>
  </si>
  <si>
    <t>\\acsfs\profiles$\jhonatadss\Downloads\6b52aa13-6a24-4b21-9ac4-891d77d09e3c.tmp</t>
  </si>
  <si>
    <t>01/13/2020 09:32:23</t>
  </si>
  <si>
    <t>Não confirmado 487722.crdownload</t>
  </si>
  <si>
    <t>\\acsfs\profiles$\jhonatadss\Downloads\Não confirmado 487722.crdownload</t>
  </si>
  <si>
    <t>00a5e16f-90af-4f88-b487-117af202ab8e.tmp</t>
  </si>
  <si>
    <t>\\acsfs\profiles$\jhonatadss\Downloads\00a5e16f-90af-4f88-b487-117af202ab8e.tmp</t>
  </si>
  <si>
    <t>b81dbb2a-5b9f-42d3-89f7-19b49b47972e.tmp</t>
  </si>
  <si>
    <t>\\acsfs\profiles$\jhonatadss\Downloads\b81dbb2a-5b9f-42d3-89f7-19b49b47972e.tmp</t>
  </si>
  <si>
    <t>01/13/2020 09:32:32</t>
  </si>
  <si>
    <t>Não confirmado 352392.crdownload</t>
  </si>
  <si>
    <t>\\acsfs\profiles$\jhonatadss\Downloads\Não confirmado 352392.crdownload</t>
  </si>
  <si>
    <t>bfa0ff20-bfa3-4067-8280-8fe64a97d8d8.tmp</t>
  </si>
  <si>
    <t>\\acsfs\profiles$\jhonatadss\Downloads\bfa0ff20-bfa3-4067-8280-8fe64a97d8d8.tmp</t>
  </si>
  <si>
    <t>01/13/2020 09:33:00</t>
  </si>
  <si>
    <t>01/13/2020 09:38:28</t>
  </si>
  <si>
    <t>ae92b4e4-ba8f-4e64-bb09-0a8406c83e2c.tmp</t>
  </si>
  <si>
    <t>\\acsfs\profiles$\JOAOVAL\Downloads\ae92b4e4-ba8f-4e64-bb09-0a8406c83e2c.tmp</t>
  </si>
  <si>
    <t>e52f4091-9c4e-42cb-b84e-89bd0b9fb18f.tmp</t>
  </si>
  <si>
    <t>\\acsfs\profiles$\JOAOVAL\Downloads\e52f4091-9c4e-42cb-b84e-89bd0b9fb18f.tmp</t>
  </si>
  <si>
    <t>e1319ec6-108a-49ad-acd1-c63f1a0ca0ec.tmp</t>
  </si>
  <si>
    <t>\\acsfs\profiles$\JOAOVAL\Downloads\e1319ec6-108a-49ad-acd1-c63f1a0ca0ec.tmp</t>
  </si>
  <si>
    <t>01/13/2020 09:34:31</t>
  </si>
  <si>
    <t>29bfa392-af04-45f1-aab2-b432aeee4afd.tmp</t>
  </si>
  <si>
    <t>\\acsfs\profiles$\JOAOVAL\Downloads\29bfa392-af04-45f1-aab2-b432aeee4afd.tmp</t>
  </si>
  <si>
    <t>01/13/2020 09:39:27</t>
  </si>
  <si>
    <t>~$Pesquisa_Satisfação_0801.xlsx</t>
  </si>
  <si>
    <t>\\acsfs\ACS\Gabriel da Silva\Contemporânea\NPS\NPS_Voz\Janeiro.20\~$Pesquisa_Satisfação_0801.xlsx</t>
  </si>
  <si>
    <t>01/13/2020 09:37:40</t>
  </si>
  <si>
    <t>\\acsfs\Deptos\Operacao\Banco_Votorantim\Supervisao\SUPERS BV CARTÕES\ADILSON\</t>
  </si>
  <si>
    <t>\\acsfs\Deptos\Operacao\Banco_Votorantim\Supervisao\SUPERS BV CARTÕES\ADILSON\Controle Equipe Adilson BV.xls</t>
  </si>
  <si>
    <t>01/13/2020 09:38:48</t>
  </si>
  <si>
    <t>01/13/2020 09:40:28</t>
  </si>
  <si>
    <t>01/13/2020 09:36:19</t>
  </si>
  <si>
    <t>5937622c-700d-4749-952b-2f39cca52a03.tmp</t>
  </si>
  <si>
    <t>\\acsfs\profiles$\vivianalds\Downloads\5937622c-700d-4749-952b-2f39cca52a03.tmp</t>
  </si>
  <si>
    <t>01/13/2020 09:38:13</t>
  </si>
  <si>
    <t>10.200.66.127</t>
  </si>
  <si>
    <t>74-86-7A-FB-1B-28</t>
  </si>
  <si>
    <t>VOTORANT-YB004</t>
  </si>
  <si>
    <t>\\acsfs\profiles$\wedersonbadr\Contacts\</t>
  </si>
  <si>
    <t>WEDERSON BRUNO ALVES DOS REIS (30413).contact</t>
  </si>
  <si>
    <t>\\acsfs\profiles$\wedersonbadr\Contacts\WEDERSON BRUNO ALVES DOS REIS (30413).contact</t>
  </si>
  <si>
    <t>01/13/2020 09:38:30</t>
  </si>
  <si>
    <t>\\acsfs\profiles$\wedersonbadr\My Documents\My Videos\</t>
  </si>
  <si>
    <t>\\acsfs\profiles$\wedersonbadr\My Documents\My Videos\desktop.ini</t>
  </si>
  <si>
    <t>01/13/2020 09:38:31</t>
  </si>
  <si>
    <t>\\acsfs\profiles$\wedersonbadr\My Documents\My Pictures\</t>
  </si>
  <si>
    <t>\\acsfs\profiles$\wedersonbadr\My Documents\My Pictures\desktop.ini</t>
  </si>
  <si>
    <t>01/13/2020 09:38:32</t>
  </si>
  <si>
    <t>01/13/2020 09:38:33</t>
  </si>
  <si>
    <t>\\acsfs\profiles$\wedersonbadr\Contacts\desktop.ini</t>
  </si>
  <si>
    <t>01/13/2020 09:38:34</t>
  </si>
  <si>
    <t>\\acsfs\profiles$\wedersonbadr\Favorites\</t>
  </si>
  <si>
    <t>\\acsfs\profiles$\wedersonbadr\Favorites\desktop.ini</t>
  </si>
  <si>
    <t>01/13/2020 09:38:35</t>
  </si>
  <si>
    <t>\\acsfs\profiles$\wedersonbadr\My Documents\My Music\desktop.ini</t>
  </si>
  <si>
    <t>01/13/2020 09:38:36</t>
  </si>
  <si>
    <t>01/13/2020 09:38:37</t>
  </si>
  <si>
    <t>\\acsfs\profiles$\wedersonbadr\Searches\</t>
  </si>
  <si>
    <t>\\acsfs\profiles$\wedersonbadr\Searches\desktop.ini</t>
  </si>
  <si>
    <t>01/13/2020 09:38:38</t>
  </si>
  <si>
    <t>\\acsfs\profiles$\wedersonbadr\Downloads\</t>
  </si>
  <si>
    <t>\\acsfs\profiles$\wedersonbadr\Downloads\desktop.ini</t>
  </si>
  <si>
    <t>01/13/2020 09:38:39</t>
  </si>
  <si>
    <t>\\acsfs\profiles$\wedersonbadr\My Documents\</t>
  </si>
  <si>
    <t>\\acsfs\profiles$\wedersonbadr\My Documents\desktop.ini</t>
  </si>
  <si>
    <t>01/13/2020 09:36:40</t>
  </si>
  <si>
    <t>\\acsfs\ACS\001 - Qualidade Lilian\PAULO\Pasta Tainara\Thumbs.db</t>
  </si>
  <si>
    <t>01/13/2020 09:38:40</t>
  </si>
  <si>
    <t>\\acsfs\profiles$\wedersonbadr\Saved Games\</t>
  </si>
  <si>
    <t>\\acsfs\profiles$\wedersonbadr\Saved Games\desktop.ini</t>
  </si>
  <si>
    <t>01/13/2020 09:39:35</t>
  </si>
  <si>
    <t>\\acsfs\profiles$\wedersonbadr\Favorites\Links for Brasil\</t>
  </si>
  <si>
    <t>\\acsfs\profiles$\wedersonbadr\Favorites\Links for Brasil\desktop.ini</t>
  </si>
  <si>
    <t>\\acsfs\profiles$\wedersonbadr\Favorites\Links for Brasil\Microsoft Brasil.url</t>
  </si>
  <si>
    <t>\\acsfs\profiles$\wedersonbadr\Favorites\Links for Brasil\Windows Brasil.url</t>
  </si>
  <si>
    <t>01/13/2020 09:39:36</t>
  </si>
  <si>
    <t>\\acsfs\profiles$\wedersonbadr\Favorites\Links for Brasil\MSN Brasil.url</t>
  </si>
  <si>
    <t>01/13/2020 09:40:21</t>
  </si>
  <si>
    <t>01/13/2020 09:41:27</t>
  </si>
  <si>
    <t>01/13/2020 09:40:19</t>
  </si>
  <si>
    <t>01/13/2020 09:42:28</t>
  </si>
  <si>
    <t>10.200.67.153</t>
  </si>
  <si>
    <t>74-86-7A-FD-D1-B6</t>
  </si>
  <si>
    <t>VOTORANT-VB020</t>
  </si>
  <si>
    <t>adelvinsonle</t>
  </si>
  <si>
    <t>\\acsfs\profiles$\adelvinsonle\Downloads\</t>
  </si>
  <si>
    <t>a27f43bd-737a-44f7-8a6d-c9cd0e344b3e.tmp</t>
  </si>
  <si>
    <t>\\acsfs\profiles$\adelvinsonle\Downloads\a27f43bd-737a-44f7-8a6d-c9cd0e344b3e.tmp</t>
  </si>
  <si>
    <t>01/13/2020 09:40:27</t>
  </si>
  <si>
    <t>Q29udHJvbGxlci5DYWxjdWxhZG9yYURlVmVuY2lt (10).ica</t>
  </si>
  <si>
    <t>\\acsfs\profiles$\adelvinsonle\Downloads\Q29udHJvbGxlci5DYWxjdWxhZG9yYURlVmVuY2lt (10).ica</t>
  </si>
  <si>
    <t>01/13/2020 09:44:28</t>
  </si>
  <si>
    <t>\\acsfs\ACS\Gabriel da Silva\Contemporânea\NPS\781221C.tmp\</t>
  </si>
  <si>
    <t>\\acsfs\ACS\Gabriel da Silva\Contemporânea\NPS\781221C.tmp</t>
  </si>
  <si>
    <t>781221C.tmp</t>
  </si>
  <si>
    <t>01/13/2020 09:39:09</t>
  </si>
  <si>
    <t>\\acsfs\ACS\Gabriel da Silva\Contemporânea\NPS\5ECBB503.tmp\</t>
  </si>
  <si>
    <t>\\acsfs\ACS\Gabriel da Silva\Contemporânea\NPS\5ECBB503.tmp</t>
  </si>
  <si>
    <t>5ECBB503.tmp</t>
  </si>
  <si>
    <t>01/13/2020 09:39:58</t>
  </si>
  <si>
    <t>~$NPS CRBV_Base.xlsb</t>
  </si>
  <si>
    <t>\\acsfs\ACS\Gabriel da Silva\Contemporânea\NPS\~$NPS CRBV_Base.xlsb</t>
  </si>
  <si>
    <t>\\acsfs\ACS\Gabriel da Silva\Contemporânea\NPS\F1BD08FF.tmp\</t>
  </si>
  <si>
    <t>\\acsfs\ACS\Gabriel da Silva\Contemporânea\NPS\F1BD08FF.tmp</t>
  </si>
  <si>
    <t>F1BD08FF.tmp</t>
  </si>
  <si>
    <t>01/13/2020 09:40:06</t>
  </si>
  <si>
    <t>~$NPS CRBV.xlsb</t>
  </si>
  <si>
    <t>\\acsfs\ACS\Gabriel da Silva\Contemporânea\NPS\~$NPS CRBV.xlsb</t>
  </si>
  <si>
    <t>01/13/2020 09:40:07</t>
  </si>
  <si>
    <t>\\acsfs\ACS\Gabriel da Silva\Contemporânea\NPS\7D51FEBB.tmp\</t>
  </si>
  <si>
    <t>\\acsfs\ACS\Gabriel da Silva\Contemporânea\NPS\7D51FEBB.tmp</t>
  </si>
  <si>
    <t>7D51FEBB.tmp</t>
  </si>
  <si>
    <t>01/13/2020 09:40:08</t>
  </si>
  <si>
    <t>~$NPS CRBV.xlsx</t>
  </si>
  <si>
    <t>\\acsfs\ACS\Gabriel da Silva\Contemporânea\NPS\~$NPS CRBV.xlsx</t>
  </si>
  <si>
    <t>01/13/2020 09:40:36</t>
  </si>
  <si>
    <t>\\acsfs\ACS\Gabriel da Silva\Contemporânea\NPS\NPS_Voz\</t>
  </si>
  <si>
    <t>B451538E.tmp</t>
  </si>
  <si>
    <t>\\acsfs\ACS\Gabriel da Silva\Contemporânea\NPS\NPS_Voz\B451538E.tmp</t>
  </si>
  <si>
    <t>~$trataBaseVoz.xlsm</t>
  </si>
  <si>
    <t>\\acsfs\ACS\Gabriel da Silva\Contemporânea\NPS\NPS_Voz\~$trataBaseVoz.xlsm</t>
  </si>
  <si>
    <t>01/13/2020 09:40:37</t>
  </si>
  <si>
    <t>\\acsfs\ACS\Gabriel da Silva\Contemporânea\</t>
  </si>
  <si>
    <t>TMO - Cópia.xlsm</t>
  </si>
  <si>
    <t>\\acsfs\ACS\Gabriel da Silva\Contemporânea\TMO - Cópia.xlsm</t>
  </si>
  <si>
    <t>01/13/2020 09:41:58</t>
  </si>
  <si>
    <t>10197F73.tmp</t>
  </si>
  <si>
    <t>\\acsfs\ACS\Gabriel da Silva\Contemporânea\10197F73.tmp</t>
  </si>
  <si>
    <t>~$TMO_Jan.20.xlsm</t>
  </si>
  <si>
    <t>\\acsfs\ACS\Gabriel da Silva\Contemporânea\~$TMO_Jan.20.xlsm</t>
  </si>
  <si>
    <t>01/13/2020 09:41:59</t>
  </si>
  <si>
    <t>~$Agent_Utilization_Report.xlsx</t>
  </si>
  <si>
    <t>\\acsfs\ACS\Gabriel da Silva\Contemporânea\Gen\~$Agent_Utilization_Report.xlsx</t>
  </si>
  <si>
    <t>01/13/2020 09:42:00</t>
  </si>
  <si>
    <t>~$BDBV.xlsm</t>
  </si>
  <si>
    <t>\\acsfs\ACS\Gabriel da Silva\Contemporânea\~$BDBV.xlsm</t>
  </si>
  <si>
    <t>01/13/2020 09:42:44</t>
  </si>
  <si>
    <t>TMO_Jan.20.xlsm</t>
  </si>
  <si>
    <t>\\acsfs\ACS\Gabriel da Silva\Contemporânea\TMO_Jan.20.xlsm</t>
  </si>
  <si>
    <t>01/13/2020 09:40:12</t>
  </si>
  <si>
    <t>a2773d30-c69e-4115-bc9e-e9635415abf2.tmp</t>
  </si>
  <si>
    <t>\\acsfs\profiles$\nayarasds\Downloads\a2773d30-c69e-4115-bc9e-e9635415abf2.tmp</t>
  </si>
  <si>
    <t>10.200.66.193</t>
  </si>
  <si>
    <t>D0-94-66-B5-4A-FC</t>
  </si>
  <si>
    <t>VOTORANT-YB016</t>
  </si>
  <si>
    <t>01/13/2020 09:41:14</t>
  </si>
  <si>
    <t>10.200.66.3</t>
  </si>
  <si>
    <t>74-86-7A-FB-1B-4A</t>
  </si>
  <si>
    <t>VOTORANT-SB009</t>
  </si>
  <si>
    <t>lorenabmc</t>
  </si>
  <si>
    <t>\\acsfs\profiles$\lorenabmc\Downloads\</t>
  </si>
  <si>
    <t>919e5d78-1e28-46f7-aa10-61cd816562a8.tmp</t>
  </si>
  <si>
    <t>\\acsfs\profiles$\lorenabmc\Downloads\919e5d78-1e28-46f7-aa10-61cd816562a8.tmp</t>
  </si>
  <si>
    <t>01/13/2020 09:42:55</t>
  </si>
  <si>
    <t>227bfde1-7604-48ba-a6d5-17855de28afe.tmp</t>
  </si>
  <si>
    <t>\\acsfs\profiles$\lorenabmc\Downloads\227bfde1-7604-48ba-a6d5-17855de28afe.tmp</t>
  </si>
  <si>
    <t>01/13/2020 09:43:10</t>
  </si>
  <si>
    <t>3fa8f2ac-32d7-4faf-87a1-cada31972541.tmp</t>
  </si>
  <si>
    <t>\\acsfs\profiles$\lorenabmc\Downloads\3fa8f2ac-32d7-4faf-87a1-cada31972541.tmp</t>
  </si>
  <si>
    <t>01/13/2020 09:43:54</t>
  </si>
  <si>
    <t>laislg</t>
  </si>
  <si>
    <t>\\acsfs\profiles$\LAISLG\Downloads\</t>
  </si>
  <si>
    <t>5adf4690-40bb-4df0-b225-045b8365dac8.tmp</t>
  </si>
  <si>
    <t>\\acsfs\profiles$\LAISLG\Downloads\5adf4690-40bb-4df0-b225-045b8365dac8.tmp</t>
  </si>
  <si>
    <t>01/13/2020 09:39:46</t>
  </si>
  <si>
    <t>01/13/2020 09:45:27</t>
  </si>
  <si>
    <t>\\acsfs\DEPTOS\Operacao\PCP\5 - Comum\PLANEJAMENTO BV\14 - ACOMPANHAMENTO\1 - REPORT ACOMPANHAMENTO\2020\1 - JANEIRO\FINANCEIRA\</t>
  </si>
  <si>
    <t>Pausas - FINANCEIRA.xlsb</t>
  </si>
  <si>
    <t>\\acsfs\DEPTOS\Operacao\PCP\5 - Comum\PLANEJAMENTO BV\14 - ACOMPANHAMENTO\1 - REPORT ACOMPANHAMENTO\2020\1 - JANEIRO\FINANCEIRA\Pausas - FINANCEIRA.xlsb</t>
  </si>
  <si>
    <t>01/13/2020 09:42:41</t>
  </si>
  <si>
    <t>mail.google.com/sync/u/0/i/s?hl=pt-BR&amp;c=962</t>
  </si>
  <si>
    <t>joaogvc@algartech.com,marianadjc@algartech.com,planejamentodeoperacoesetrafego@bv.com.br,raphaelmco@algartech.com.br,ricardodfm@algartech.com.br,taysdss@algartech.com,viniciussg@algartech.com</t>
  </si>
  <si>
    <t>01/13/2020 09:42:47</t>
  </si>
  <si>
    <t>mail.google.com/sync/u/0/i/s?hl=pt-BR&amp;c=964</t>
  </si>
  <si>
    <t>01/13/2020 09:42:59</t>
  </si>
  <si>
    <t>mail.google.com/sync/u/0/i/s?hl=pt-BR&amp;c=966</t>
  </si>
  <si>
    <t>01/13/2020 09:43:04</t>
  </si>
  <si>
    <t>mail.google.com/sync/u/0/i/s?hl=pt-BR&amp;c=968</t>
  </si>
  <si>
    <t>01/13/2020 09:43:08</t>
  </si>
  <si>
    <t>mail.google.com/sync/u/0/i/s?hl=pt-BR&amp;c=970</t>
  </si>
  <si>
    <t>01/13/2020 09:43:15</t>
  </si>
  <si>
    <t>mail.google.com/sync/u/0/i/s?hl=pt-BR&amp;c=972</t>
  </si>
  <si>
    <t>01/13/2020 09:43:21</t>
  </si>
  <si>
    <t>mail.google.com/sync/u/0/i/s?hl=pt-BR&amp;c=974</t>
  </si>
  <si>
    <t>01/13/2020 09:43:28</t>
  </si>
  <si>
    <t>mail.google.com/sync/u/0/i/s?hl=pt-BR&amp;c=976</t>
  </si>
  <si>
    <t>01/13/2020 09:43:35</t>
  </si>
  <si>
    <t>mail.google.com/sync/u/0/i/s?hl=pt-BR&amp;c=980</t>
  </si>
  <si>
    <t>01/13/2020 09:43:43</t>
  </si>
  <si>
    <t>mail.google.com/sync/u/0/i/s?hl=pt-BR&amp;c=982</t>
  </si>
  <si>
    <t>01/13/2020 09:44:03</t>
  </si>
  <si>
    <t>mail.google.com/sync/u/0/i/s?hl=pt-BR&amp;c=984</t>
  </si>
  <si>
    <t>01/13/2020 09:44:10</t>
  </si>
  <si>
    <t>mail.google.com/sync/u/0/i/s?hl=pt-BR&amp;c=986</t>
  </si>
  <si>
    <t>01/13/2020 09:44:11</t>
  </si>
  <si>
    <t>01/13/2020 09:44:14</t>
  </si>
  <si>
    <t>mail.google.com/sync/u/0/i/s?hl=pt-BR&amp;c=988</t>
  </si>
  <si>
    <t>01/13/2020 09:44:26</t>
  </si>
  <si>
    <t>01/13/2020 09:40:51</t>
  </si>
  <si>
    <t>01/13/2020 09:46:28</t>
  </si>
  <si>
    <t>01/13/2020 09:44:02</t>
  </si>
  <si>
    <t>10.200.67.20</t>
  </si>
  <si>
    <t>74-86-7A-FC-CF-AB</t>
  </si>
  <si>
    <t>VOTORANT-GB004</t>
  </si>
  <si>
    <t>stefaniasdf</t>
  </si>
  <si>
    <t>\\acsfs\profiles$\stefaniasdf\Favorites\TTV.url\</t>
  </si>
  <si>
    <t>\\acsfs\profiles$\stefaniasdf\Favorites\TTV.url\:favicon:$DATA</t>
  </si>
  <si>
    <t>\\acsfs\profiles$\stefaniasdf\Favorites\</t>
  </si>
  <si>
    <t>TTV.url</t>
  </si>
  <si>
    <t>\\acsfs\profiles$\stefaniasdf\Favorites\TTV.url</t>
  </si>
  <si>
    <t>01/13/2020 09:41:55</t>
  </si>
  <si>
    <t>01/13/2020 09:47:27</t>
  </si>
  <si>
    <t>acb5dbb2-d20a-45c7-b8a6-f046d9f23851.tmp</t>
  </si>
  <si>
    <t>\\acsfs\profiles$\adelvinsonle\Downloads\acb5dbb2-d20a-45c7-b8a6-f046d9f23851.tmp</t>
  </si>
  <si>
    <t>01/13/2020 09:48:27</t>
  </si>
  <si>
    <t>01/13/2020 09:48:05</t>
  </si>
  <si>
    <t>01/13/2020 09:48:07</t>
  </si>
  <si>
    <t>01/13/2020 09:49:27</t>
  </si>
  <si>
    <t>01/13/2020 09:43:57</t>
  </si>
  <si>
    <t>01/13/2020 09:45:34</t>
  </si>
  <si>
    <t>01/13/2020 09:45:43</t>
  </si>
  <si>
    <t>01/13/2020 09:46:10</t>
  </si>
  <si>
    <t>01/13/2020 09:48:22</t>
  </si>
  <si>
    <t>5ec94b25-185b-4423-adc6-2805e9a26462.tmp</t>
  </si>
  <si>
    <t>\\acsfs\profiles$\gabrielsma\Downloads\5ec94b25-185b-4423-adc6-2805e9a26462.tmp</t>
  </si>
  <si>
    <t>01/13/2020 09:46:09</t>
  </si>
  <si>
    <t>it.manager</t>
  </si>
  <si>
    <t>C:\Users\</t>
  </si>
  <si>
    <t>C:\</t>
  </si>
  <si>
    <t>auto-install.xml</t>
  </si>
  <si>
    <t>01/13/2020 09:46:11</t>
  </si>
  <si>
    <t>C:\Users\Public\</t>
  </si>
  <si>
    <t>01/13/2020 09:46:12</t>
  </si>
  <si>
    <t>C:\Users\adilsonloj\Contacts\</t>
  </si>
  <si>
    <t>C:\Users\adilsonloj\Desktop\</t>
  </si>
  <si>
    <t>C:\Users\adilsonloj\Documents\</t>
  </si>
  <si>
    <t>C:\Users\adilsonloj\Downloads\</t>
  </si>
  <si>
    <t>C:\Users\adilsonloj\Favorites\</t>
  </si>
  <si>
    <t>01/13/2020 09:47:18</t>
  </si>
  <si>
    <t>4f9aec8a-689c-47d6-837c-1d5ea07b1660.tmp</t>
  </si>
  <si>
    <t>\\acsfs\profiles$\lorenabmc\Downloads\4f9aec8a-689c-47d6-837c-1d5ea07b1660.tmp</t>
  </si>
  <si>
    <t>C:\Users\adilsonloj\Links\</t>
  </si>
  <si>
    <t>C:\Users\adilsonloj\Music\</t>
  </si>
  <si>
    <t>C:\Users\adilsonloj\Pictures\</t>
  </si>
  <si>
    <t>C:\Users\adilsonloj\Saved Games\</t>
  </si>
  <si>
    <t>C:\Users\adilsonloj\Searches\</t>
  </si>
  <si>
    <t>C:\Users\adilsonloj\Videos\</t>
  </si>
  <si>
    <t>C:\Users\adilsonloj\Favorites\Links\</t>
  </si>
  <si>
    <t>01/13/2020 09:44:12</t>
  </si>
  <si>
    <t>e7e16a7f-c30c-409d-bb4b-9eb7ac8caf26.tmp</t>
  </si>
  <si>
    <t>\\acsfs\profiles$\LAISLG\Downloads\e7e16a7f-c30c-409d-bb4b-9eb7ac8caf26.tmp</t>
  </si>
  <si>
    <t>C:\Users\adilsonloj\Favorites\Links for Brasil\</t>
  </si>
  <si>
    <t>01/13/2020 09:46:13</t>
  </si>
  <si>
    <t>C:\Users\alefgdo\Contacts\</t>
  </si>
  <si>
    <t>C:\Users\alefgdo\Desktop\</t>
  </si>
  <si>
    <t>01/13/2020 09:45:05</t>
  </si>
  <si>
    <t>8334251c-b29f-41d1-84d1-e484fc8e1ed4.tmp</t>
  </si>
  <si>
    <t>\\acsfs\profiles$\LAISLG\Downloads\8334251c-b29f-41d1-84d1-e484fc8e1ed4.tmp</t>
  </si>
  <si>
    <t>C:\Users\alefgdo\Documents\</t>
  </si>
  <si>
    <t>C:\Users\alefgdo\Downloads\</t>
  </si>
  <si>
    <t>C:\Windows\Fonts\</t>
  </si>
  <si>
    <t>C:\Users\alefgdo\Favorites\</t>
  </si>
  <si>
    <t>C:\Users\alefgdo\Links\</t>
  </si>
  <si>
    <t>C:\Users\alefgdo\Music\</t>
  </si>
  <si>
    <t>C:\Users\alefgdo\Pictures\</t>
  </si>
  <si>
    <t>C:\Users\alefgdo\Saved Games\</t>
  </si>
  <si>
    <t>C:\Users\alefgdo\Searches\</t>
  </si>
  <si>
    <t>C:\Users\alefgdo\Videos\</t>
  </si>
  <si>
    <t>C:\Users\alefgdo\Favorites\Links\</t>
  </si>
  <si>
    <t>C:\Users\alefgdo\Favorites\Links for Brasil\</t>
  </si>
  <si>
    <t>C:\Windows\</t>
  </si>
  <si>
    <t>bfsvc.exe</t>
  </si>
  <si>
    <t>C:\Windows\pt-BR\</t>
  </si>
  <si>
    <t>bfsvc.exe.mui</t>
  </si>
  <si>
    <t>01/13/2020 09:46:14</t>
  </si>
  <si>
    <t>_default.pif</t>
  </si>
  <si>
    <t>C:\Users\anapn\Contacts\</t>
  </si>
  <si>
    <t>C:\Users\anapn\Desktop\</t>
  </si>
  <si>
    <t>C:\Users\anapn\Documents\</t>
  </si>
  <si>
    <t>C:\Users\anapn\Downloads\</t>
  </si>
  <si>
    <t>C:\Users\anapn\Favorites\</t>
  </si>
  <si>
    <t>C:\Users\anapn\Links\</t>
  </si>
  <si>
    <t>C:\Users\anapn\Music\</t>
  </si>
  <si>
    <t>C:\Users\anapn\Pictures\</t>
  </si>
  <si>
    <t>01/13/2020 09:46:15</t>
  </si>
  <si>
    <t>C:\Users\anapn\Saved Games\</t>
  </si>
  <si>
    <t>C:\Users\anapn\Searches\</t>
  </si>
  <si>
    <t>C:\Users\anapn\Videos\</t>
  </si>
  <si>
    <t>01/13/2020 09:46:18</t>
  </si>
  <si>
    <t>C:\Windows\System32\</t>
  </si>
  <si>
    <t>AdapterTroubleshooter.exe</t>
  </si>
  <si>
    <t>01/13/2020 09:46:17</t>
  </si>
  <si>
    <t>C:\Windows\System32\pt-BR\</t>
  </si>
  <si>
    <t>AdapterTroubleshooter.exe.mui</t>
  </si>
  <si>
    <t>01/13/2020 09:46:35</t>
  </si>
  <si>
    <t>C:\Windows\System32\drivers\etc\</t>
  </si>
  <si>
    <t>hosts</t>
  </si>
  <si>
    <t>01/13/2020 09:45:32</t>
  </si>
  <si>
    <t>a3334b84-968f-4ae1-be54-afc48f78a410.tmp</t>
  </si>
  <si>
    <t>\\acsfs\profiles$\leticiala\Downloads\a3334b84-968f-4ae1-be54-afc48f78a410.tmp</t>
  </si>
  <si>
    <t>01/13/2020 09:46:03</t>
  </si>
  <si>
    <t>25ce6d51-1966-4673-b74c-86fe5a217a14.tmp</t>
  </si>
  <si>
    <t>\\acsfs\profiles$\leticiala\Downloads\25ce6d51-1966-4673-b74c-86fe5a217a14.tmp</t>
  </si>
  <si>
    <t>01/13/2020 09:47:30</t>
  </si>
  <si>
    <t>01/13/2020 09:47:49</t>
  </si>
  <si>
    <t>01/13/2020 09:50:27</t>
  </si>
  <si>
    <t>e3d9bb8f-3c46-4c67-b721-2a9bd9f585a8.tmp</t>
  </si>
  <si>
    <t>\\acsfs\profiles$\cintiadcf\Downloads\e3d9bb8f-3c46-4c67-b721-2a9bd9f585a8.tmp</t>
  </si>
  <si>
    <t>01/13/2020 09:44:51</t>
  </si>
  <si>
    <t>mail.google.com/sync/u/0/i/s?hl=pt-BR&amp;c=992</t>
  </si>
  <si>
    <t>01/13/2020 09:44:53</t>
  </si>
  <si>
    <t>mail.google.com/sync/u/0/i/s?hl=pt-BR&amp;c=994</t>
  </si>
  <si>
    <t>01/13/2020 09:44:56</t>
  </si>
  <si>
    <t>mail.google.com/sync/u/0/i/s?hl=pt-BR&amp;c=996</t>
  </si>
  <si>
    <t>01/13/2020 09:45:03</t>
  </si>
  <si>
    <t>mail.google.com/sync/u/0/i/s?hl=pt-BR&amp;c=998</t>
  </si>
  <si>
    <t>01/13/2020 09:45:08</t>
  </si>
  <si>
    <t>mail.google.com/sync/u/0/i/s?hl=pt-BR&amp;c=1000</t>
  </si>
  <si>
    <t>01/13/2020 09:45:47</t>
  </si>
  <si>
    <t>mail.google.com/sync/u/0/i/s?hl=pt-BR&amp;c=1003</t>
  </si>
  <si>
    <t>01/13/2020 09:45:57</t>
  </si>
  <si>
    <t>mail.google.com/sync/u/0/i/s?hl=pt-BR&amp;c=1005</t>
  </si>
  <si>
    <t>01/13/2020 09:46:04</t>
  </si>
  <si>
    <t>mail.google.com/sync/u/0/i/s?hl=pt-BR&amp;c=1007</t>
  </si>
  <si>
    <t>andrelpsa@algartech.com;joaogvc@algartech.com;leonardoao@algartech.com;marianadjc@algartech.com;maristelavodq@bv.algartech.com;paulacn@algartech.com;planejamentodeoperacoesetrafego@bv.com.br;rafaelggs@algartech.com;raphaelmco@algartech.com.br;ricardodfm@algartech.com.br;taysdss@algartech.com;viniciussg@algartech.com;</t>
  </si>
  <si>
    <t>andrelpsa@algartech.com,joaogvc@algartech.com,leonardoao@algartech.com,marianadjc@algartech.com,maristelavodq@bv.algartech.com,paulacn@algartech.com,planejamentodeoperacoesetrafego@bv.com.br,rafaelggs@algartech.com,raphaelmco@algartech.com.br,ricardodfm@algartech.com.br,taysdss@algartech.com,viniciussg@algartech.com</t>
  </si>
  <si>
    <t>mail.google.com/sync/u/0/i/s?hl=pt-BR&amp;c=1009</t>
  </si>
  <si>
    <t>mail.google.com/sync/u/0/i/s?hl=pt-BR&amp;c=1011</t>
  </si>
  <si>
    <t>01/13/2020 09:46:20</t>
  </si>
  <si>
    <t>mail.google.com/sync/u/0/i/s?hl=pt-BR&amp;c=1013</t>
  </si>
  <si>
    <t>01/13/2020 09:47:02</t>
  </si>
  <si>
    <t>mail.google.com/sync/u/0/i/s?hl=pt-BR&amp;c=1018</t>
  </si>
  <si>
    <t>01/13/2020 09:47:44</t>
  </si>
  <si>
    <t>01/13/2020 09:47:46</t>
  </si>
  <si>
    <t>01/13/2020 09:47:51</t>
  </si>
  <si>
    <t>01/13/2020 09:51:27</t>
  </si>
  <si>
    <t>01/13/2020 09:48:21</t>
  </si>
  <si>
    <t>01/13/2020 09:49:41</t>
  </si>
  <si>
    <t>01/13/2020 09:47:34</t>
  </si>
  <si>
    <t>fcbfc539-690d-4f12-b069-219b5e33349a.tmp</t>
  </si>
  <si>
    <t>\\acsfs\profiles$\gabriellalpr\Downloads\fcbfc539-690d-4f12-b069-219b5e33349a.tmp</t>
  </si>
  <si>
    <t>f7d7bcc1-0023-4e9f-9691-b0b4b5de2ff2.tmp</t>
  </si>
  <si>
    <t>\\acsfs\profiles$\jhonatadss\Downloads\f7d7bcc1-0023-4e9f-9691-b0b4b5de2ff2.tmp</t>
  </si>
  <si>
    <t>01/13/2020 09:48:02</t>
  </si>
  <si>
    <t>01/13/2020 09:52:27</t>
  </si>
  <si>
    <t>f18e3013-47d9-44db-9b14-219ec27d5fa8.tmp</t>
  </si>
  <si>
    <t>\\acsfs\profiles$\lucasgpe\Downloads\f18e3013-47d9-44db-9b14-219ec27d5fa8.tmp</t>
  </si>
  <si>
    <t>10.200.66.77</t>
  </si>
  <si>
    <t>D0-94-66-B5-4E-6C</t>
  </si>
  <si>
    <t>VOTORANT-YB014</t>
  </si>
  <si>
    <t>01/13/2020 09:51:45</t>
  </si>
  <si>
    <t>mariagsg</t>
  </si>
  <si>
    <t>\\acsfs\profiles$\mariagsg\Downloads\</t>
  </si>
  <si>
    <t>41a73c96-9424-47f1-9f69-ffedfce709ea.tmp</t>
  </si>
  <si>
    <t>\\acsfs\profiles$\mariagsg\Downloads\41a73c96-9424-47f1-9f69-ffedfce709ea.tmp</t>
  </si>
  <si>
    <t>01/13/2020 09:51:47</t>
  </si>
  <si>
    <t>c5fc7a94-7feb-4510-a746-524a9610aaf0.tmp</t>
  </si>
  <si>
    <t>\\acsfs\profiles$\mariagsg\Downloads\c5fc7a94-7feb-4510-a746-524a9610aaf0.tmp</t>
  </si>
  <si>
    <t>01/13/2020 09:48:42</t>
  </si>
  <si>
    <t>01/13/2020 09:54:28</t>
  </si>
  <si>
    <t>Não confirmado 633681.crdownload</t>
  </si>
  <si>
    <t>\\acsfs\ACS\Gabriel da Silva\Contemporânea\Comissão e Incentivo\Histórico\Não confirmado 633681.crdownload</t>
  </si>
  <si>
    <t>01/13/2020 09:50:40</t>
  </si>
  <si>
    <t>\\acsfs\ACS\Gabriel da Silva\Contemporânea\Comissão e Incentivo\Histórico\Thumbs.db</t>
  </si>
  <si>
    <t>01/13/2020 09:51:13</t>
  </si>
  <si>
    <t>9c1fcbd2-d91f-4025-a779-f106d447d372.tmp</t>
  </si>
  <si>
    <t>\\acsfs\profiles$\lorraynevam\Downloads\9c1fcbd2-d91f-4025-a779-f106d447d372.tmp</t>
  </si>
  <si>
    <t>01/13/2020 09:54:07</t>
  </si>
  <si>
    <t>01/13/2020 09:55:28</t>
  </si>
  <si>
    <t>01/13/2020 09:51:51</t>
  </si>
  <si>
    <t>01/13/2020 09:56:28</t>
  </si>
  <si>
    <t>01/13/2020 09:52:21</t>
  </si>
  <si>
    <t>01/13/2020 09:52:52</t>
  </si>
  <si>
    <t>01/13/2020 09:53:22</t>
  </si>
  <si>
    <t>01/13/2020 09:53:52</t>
  </si>
  <si>
    <t>01/13/2020 09:54:52</t>
  </si>
  <si>
    <t>01/13/2020 09:52:47</t>
  </si>
  <si>
    <t>dd8a471d-5237-4e4e-8981-89ebd08f0acc.tmp</t>
  </si>
  <si>
    <t>\\acsfs\profiles$\jhonatadss\Downloads\dd8a471d-5237-4e4e-8981-89ebd08f0acc.tmp</t>
  </si>
  <si>
    <t>https://cscatende.algarnet.com.br/html/ad/adform/request/openticket.php</t>
  </si>
  <si>
    <t>01/13/2020 09:51:58</t>
  </si>
  <si>
    <t>01/13/2020 09:57:28</t>
  </si>
  <si>
    <t>10.200.67.52</t>
  </si>
  <si>
    <t>74-86-7A-FB-1A-B0</t>
  </si>
  <si>
    <t>VOTORANT-GB007</t>
  </si>
  <si>
    <t>kamilamrc</t>
  </si>
  <si>
    <t>\\acsfs\profiles$\kamilamrc\Downloads\</t>
  </si>
  <si>
    <t>79664663-46a8-40c6-87a4-73536da09300.tmp</t>
  </si>
  <si>
    <t>\\acsfs\profiles$\kamilamrc\Downloads\79664663-46a8-40c6-87a4-73536da09300.tmp</t>
  </si>
  <si>
    <t>01/13/2020 09:53:15</t>
  </si>
  <si>
    <t>c27445af-1f27-4e4f-aefa-dd2760897525.tmp</t>
  </si>
  <si>
    <t>\\acsfs\profiles$\kamilamrc\Downloads\c27445af-1f27-4e4f-aefa-dd2760897525.tmp</t>
  </si>
  <si>
    <t>01/13/2020 09:53:37</t>
  </si>
  <si>
    <t>20068fdc-cf65-47b7-8695-a054496e76d8.tmp</t>
  </si>
  <si>
    <t>\\acsfs\profiles$\kamilamrc\Downloads\20068fdc-cf65-47b7-8695-a054496e76d8.tmp</t>
  </si>
  <si>
    <t>01/13/2020 09:53:50</t>
  </si>
  <si>
    <t>a6e5c7c9-d004-4ba4-82cf-3ea2baefc988.tmp</t>
  </si>
  <si>
    <t>\\acsfs\profiles$\kamilamrc\Downloads\a6e5c7c9-d004-4ba4-82cf-3ea2baefc988.tmp</t>
  </si>
  <si>
    <t>01/13/2020 09:53:55</t>
  </si>
  <si>
    <t>1556ac60-9bc8-4735-b247-a0b0578995f8.tmp</t>
  </si>
  <si>
    <t>\\acsfs\profiles$\kamilamrc\Downloads\1556ac60-9bc8-4735-b247-a0b0578995f8.tmp</t>
  </si>
  <si>
    <t>01/13/2020 09:54:02</t>
  </si>
  <si>
    <t>1de5f213-aa91-4eca-90ce-7497cac49beb.tmp</t>
  </si>
  <si>
    <t>\\acsfs\profiles$\kamilamrc\Downloads\1de5f213-aa91-4eca-90ce-7497cac49beb.tmp</t>
  </si>
  <si>
    <t>01/13/2020 09:53:11</t>
  </si>
  <si>
    <t>b6750e88-7473-4096-b256-85a03539c148.tmp</t>
  </si>
  <si>
    <t>\\acsfs\profiles$\mariagsg\Downloads\b6750e88-7473-4096-b256-85a03539c148.tmp</t>
  </si>
  <si>
    <t>01/13/2020 09:53:12</t>
  </si>
  <si>
    <t>b782c98b-080b-4ccf-97e7-33f94afeab3f.tmp</t>
  </si>
  <si>
    <t>\\acsfs\profiles$\mariagsg\Downloads\b782c98b-080b-4ccf-97e7-33f94afeab3f.tmp</t>
  </si>
  <si>
    <t>01/13/2020 09:57:10</t>
  </si>
  <si>
    <t>mail.google.com/sync/u/0/i/s?hl=pt-BR&amp;c=162</t>
  </si>
  <si>
    <t>andrelpsa@algartech.com;</t>
  </si>
  <si>
    <t>andrelpsa@algartech.com</t>
  </si>
  <si>
    <t>01/13/2020 09:54:33</t>
  </si>
  <si>
    <t>01/13/2020 09:58:28</t>
  </si>
  <si>
    <t>7b8b2ca5-d85d-48bc-ac46-38afb9f5349b.tmp</t>
  </si>
  <si>
    <t>\\acsfs\profiles$\ROZENCAM\Downloads\7b8b2ca5-d85d-48bc-ac46-38afb9f5349b.tmp</t>
  </si>
  <si>
    <t>01/13/2020 09:55:23</t>
  </si>
  <si>
    <t>10.200.66.36</t>
  </si>
  <si>
    <t>74-86-7A-FD-D8-75</t>
  </si>
  <si>
    <t>VOTORANT-VB013</t>
  </si>
  <si>
    <t>francislayneads</t>
  </si>
  <si>
    <t>\\acsfs\profiles$\francislayneads\Downloads\</t>
  </si>
  <si>
    <t>201d3055-5cb1-4f9b-85b8-4c1708cc8ff6.tmp</t>
  </si>
  <si>
    <t>\\acsfs\profiles$\francislayneads\Downloads\201d3055-5cb1-4f9b-85b8-4c1708cc8ff6.tmp</t>
  </si>
  <si>
    <t>01/13/2020 09:55:52</t>
  </si>
  <si>
    <t>b4d76b5e-60ba-4925-b209-7cff0d652856.tmp</t>
  </si>
  <si>
    <t>\\acsfs\profiles$\francislayneads\Downloads\b4d76b5e-60ba-4925-b209-7cff0d652856.tmp</t>
  </si>
  <si>
    <t>01/13/2020 09:55:00</t>
  </si>
  <si>
    <t>01/13/2020 09:59:28</t>
  </si>
  <si>
    <t>Comissão BV - CRBV CDC Vendas.xlsx</t>
  </si>
  <si>
    <t>\\acsfs\ACS\Gabriel da Silva\Contemporânea\Comissão e Incentivo\Comissão BV - CRBV CDC Vendas.xlsx</t>
  </si>
  <si>
    <t>01/13/2020 09:55:11</t>
  </si>
  <si>
    <t>71868939-4900-443f-bb04-7d61c9e1a0e5.tmp</t>
  </si>
  <si>
    <t>\\acsfs\profiles$\gabrielsma\Downloads\71868939-4900-443f-bb04-7d61c9e1a0e5.tmp</t>
  </si>
  <si>
    <t>01/13/2020 09:58:40</t>
  </si>
  <si>
    <t>10.200.67.2</t>
  </si>
  <si>
    <t>78-2B-CB-C1-04-88</t>
  </si>
  <si>
    <t>VOTORANT-LB005</t>
  </si>
  <si>
    <t>gabrielafs</t>
  </si>
  <si>
    <t>\\acsfs\profiles$\gabrielafs\Downloads\</t>
  </si>
  <si>
    <t>e6d76d4c-09b4-4528-bfa4-8c26d0afaad5.tmp</t>
  </si>
  <si>
    <t>\\acsfs\profiles$\gabrielafs\Downloads\e6d76d4c-09b4-4528-bfa4-8c26d0afaad5.tmp</t>
  </si>
  <si>
    <t>a6530847-51b5-48b4-a7bb-4a7aa561638d.tmp</t>
  </si>
  <si>
    <t>\\acsfs\profiles$\gabrielafs\Downloads\a6530847-51b5-48b4-a7bb-4a7aa561638d.tmp</t>
  </si>
  <si>
    <t>01/13/2020 09:58:41</t>
  </si>
  <si>
    <t>7f27d988-f03e-402f-92fc-425c1c435e6c.tmp</t>
  </si>
  <si>
    <t>\\acsfs\profiles$\gabrielafs\Downloads\7f27d988-f03e-402f-92fc-425c1c435e6c.tmp</t>
  </si>
  <si>
    <t>01/13/2020 09:56:17</t>
  </si>
  <si>
    <t>16759aed-148e-453a-a9aa-51a338a51d8a.tmp</t>
  </si>
  <si>
    <t>\\acsfs\profiles$\leticiala\Downloads\16759aed-148e-453a-a9aa-51a338a51d8a.tmp</t>
  </si>
  <si>
    <t>01/13/2020 09:59:02</t>
  </si>
  <si>
    <t>.~lock.Controle de vendas (1).ods#</t>
  </si>
  <si>
    <t>\\acsfs\profiles$\lorraynevam\Downloads\.~lock.Controle de vendas (1).ods#</t>
  </si>
  <si>
    <t>01/13/2020 09:58:01</t>
  </si>
  <si>
    <t>01/13/2020 10:00:28</t>
  </si>
  <si>
    <t>01/13/2020 09:58:22</t>
  </si>
  <si>
    <t>01/13/2020 10:01:29</t>
  </si>
  <si>
    <t>01/13/2020 09:58:52</t>
  </si>
  <si>
    <t>01/13/2020 09:59:22</t>
  </si>
  <si>
    <t>01/13/2020 09:59:52</t>
  </si>
  <si>
    <t>01/13/2020 10:00:22</t>
  </si>
  <si>
    <t>01/13/2020 09:57:06</t>
  </si>
  <si>
    <t>01/13/2020 10:02:28</t>
  </si>
  <si>
    <t>\\acsfs\profiles$\kamilamrc\My Documents\xworkcenter\lex\</t>
  </si>
  <si>
    <t>\\acsfs\profiles$\kamilamrc\My Documents\xworkcenter\lex\temp.tlx</t>
  </si>
  <si>
    <t>01/13/2020 09:57:07</t>
  </si>
  <si>
    <t>01/13/2020 09:57:08</t>
  </si>
  <si>
    <t>01/13/2020 09:57:09</t>
  </si>
  <si>
    <t>01/13/2020 09:57:12</t>
  </si>
  <si>
    <t>01/13/2020 09:57:13</t>
  </si>
  <si>
    <t>01/13/2020 09:57:14</t>
  </si>
  <si>
    <t>01/13/2020 09:57:15</t>
  </si>
  <si>
    <t>01/13/2020 09:57:16</t>
  </si>
  <si>
    <t>01/13/2020 09:57:17</t>
  </si>
  <si>
    <t>01/13/2020 09:57:18</t>
  </si>
  <si>
    <t>01/13/2020 09:57:19</t>
  </si>
  <si>
    <t>01/13/2020 09:57:20</t>
  </si>
  <si>
    <t>01/13/2020 09:57:21</t>
  </si>
  <si>
    <t>01/13/2020 09:57:22</t>
  </si>
  <si>
    <t>01/13/2020 09:57:23</t>
  </si>
  <si>
    <t>01/13/2020 09:57:24</t>
  </si>
  <si>
    <t>01/13/2020 09:57:25</t>
  </si>
  <si>
    <t>01/13/2020 09:57:26</t>
  </si>
  <si>
    <t>01/13/2020 09:57:27</t>
  </si>
  <si>
    <t>01/13/2020 09:57:29</t>
  </si>
  <si>
    <t>01/13/2020 09:57:30</t>
  </si>
  <si>
    <t>01/13/2020 09:57:31</t>
  </si>
  <si>
    <t>01/13/2020 09:57:32</t>
  </si>
  <si>
    <t>01/13/2020 09:57:33</t>
  </si>
  <si>
    <t>01/13/2020 09:59:53</t>
  </si>
  <si>
    <t>10.200.66.28</t>
  </si>
  <si>
    <t>78-2B-CB-C1-06-76</t>
  </si>
  <si>
    <t>VOTORANT-GB040</t>
  </si>
  <si>
    <t>matheushds</t>
  </si>
  <si>
    <t>\\acsfs\profiles$\matheushds\Contacts\</t>
  </si>
  <si>
    <t>MATHEUS HENRIQUE DOS SANTOS (23702).contact</t>
  </si>
  <si>
    <t>\\acsfs\profiles$\matheushds\Contacts\MATHEUS HENRIQUE DOS SANTOS (23702).contact</t>
  </si>
  <si>
    <t>01/13/2020 10:00:07</t>
  </si>
  <si>
    <t>\\acsfs\profiles$\matheushds\My Documents\My Videos\</t>
  </si>
  <si>
    <t>\\acsfs\profiles$\matheushds\My Documents\My Videos\desktop.ini</t>
  </si>
  <si>
    <t>01/13/2020 10:00:08</t>
  </si>
  <si>
    <t>\\acsfs\profiles$\matheushds\My Documents\My Pictures\</t>
  </si>
  <si>
    <t>\\acsfs\profiles$\matheushds\My Documents\My Pictures\desktop.ini</t>
  </si>
  <si>
    <t>01/13/2020 10:00:09</t>
  </si>
  <si>
    <t>\\acsfs\profiles$\matheushds\Contacts\desktop.ini</t>
  </si>
  <si>
    <t>01/13/2020 10:00:10</t>
  </si>
  <si>
    <t>01/13/2020 10:00:11</t>
  </si>
  <si>
    <t>\\acsfs\profiles$\matheushds\Favorites\</t>
  </si>
  <si>
    <t>\\acsfs\profiles$\matheushds\Favorites\desktop.ini</t>
  </si>
  <si>
    <t>\\acsfs\profiles$\matheushds\My Documents\My Music\</t>
  </si>
  <si>
    <t>\\acsfs\profiles$\matheushds\My Documents\My Music\desktop.ini</t>
  </si>
  <si>
    <t>01/13/2020 10:00:12</t>
  </si>
  <si>
    <t>\\acsfs\profiles$\matheushds\Searches\</t>
  </si>
  <si>
    <t>\\acsfs\profiles$\matheushds\Searches\desktop.ini</t>
  </si>
  <si>
    <t>01/13/2020 10:00:13</t>
  </si>
  <si>
    <t>\\acsfs\profiles$\matheushds\Downloads\</t>
  </si>
  <si>
    <t>\\acsfs\profiles$\matheushds\Downloads\desktop.ini</t>
  </si>
  <si>
    <t>01/13/2020 10:00:14</t>
  </si>
  <si>
    <t>\\acsfs\profiles$\matheushds\My Documents\</t>
  </si>
  <si>
    <t>\\acsfs\profiles$\matheushds\My Documents\desktop.ini</t>
  </si>
  <si>
    <t>01/13/2020 10:00:15</t>
  </si>
  <si>
    <t>\\acsfs\profiles$\matheushds\Saved Games\</t>
  </si>
  <si>
    <t>\\acsfs\profiles$\matheushds\Saved Games\desktop.ini</t>
  </si>
  <si>
    <t>01/13/2020 10:00:33</t>
  </si>
  <si>
    <t>\\acsfs\profiles$\matheushds\Favorites\Links for Brasil\</t>
  </si>
  <si>
    <t>\\acsfs\profiles$\matheushds\Favorites\Links for Brasil\desktop.ini</t>
  </si>
  <si>
    <t>01/13/2020 10:00:34</t>
  </si>
  <si>
    <t>\\acsfs\profiles$\matheushds\Favorites\Links for Brasil\Microsoft Brasil.url</t>
  </si>
  <si>
    <t>01/13/2020 10:00:35</t>
  </si>
  <si>
    <t>\\acsfs\profiles$\matheushds\Favorites\Links for Brasil\Windows Brasil.url</t>
  </si>
  <si>
    <t>01/13/2020 10:00:36</t>
  </si>
  <si>
    <t>01/13/2020 10:00:37</t>
  </si>
  <si>
    <t>\\acsfs\profiles$\matheushds\Favorites\Links for Brasil\MSN Brasil.url</t>
  </si>
  <si>
    <t>mail.google.com/sync/u/0/i/s?hl=pt-BR&amp;c=164</t>
  </si>
  <si>
    <t>mail.google.com/sync/u/0/i/s?hl=pt-BR&amp;c=167</t>
  </si>
  <si>
    <t>01/13/2020 09:57:45</t>
  </si>
  <si>
    <t>mail.google.com/sync/u/0/i/s?hl=pt-BR&amp;c=169</t>
  </si>
  <si>
    <t>ancestorhasaugmentedpermissions;andrelpsa@algartech.com;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ancestorhasaugmentedpermissions,andrelpsa@algartech.com,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01/13/2020 09:58:03</t>
  </si>
  <si>
    <t>mail.google.com/sync/u/0/i/s?hl=pt-BR&amp;c=171</t>
  </si>
  <si>
    <t>01/13/2020 09:58:05</t>
  </si>
  <si>
    <t>mail.google.com/sync/u/0/i/s?hl=pt-BR&amp;c=173</t>
  </si>
  <si>
    <t>01/13/2020 09:58:06</t>
  </si>
  <si>
    <t>01/13/2020 09:58:08</t>
  </si>
  <si>
    <t>mail.google.com/sync/u/0/i/s?hl=pt-BR&amp;c=175</t>
  </si>
  <si>
    <t>01/13/2020 10:00:05</t>
  </si>
  <si>
    <t>01/13/2020 10:03:29</t>
  </si>
  <si>
    <t>\\acsfs\DEPTOS\Operacao\Banco_Votorantim\Qualidade\Eliane\Monitoria JANEIRO 2020\</t>
  </si>
  <si>
    <t>2° Ciclo Janeiro.txt</t>
  </si>
  <si>
    <t>\\acsfs\DEPTOS\Operacao\Banco_Votorantim\Qualidade\Eliane\Monitoria JANEIRO 2020\2° Ciclo Janeiro.txt</t>
  </si>
  <si>
    <t>01/13/2020 10:02:51</t>
  </si>
  <si>
    <t>98c4d948-d910-49a4-8a99-1ac8a559cb66.tmp</t>
  </si>
  <si>
    <t>\\acsfs\profiles$\nataliacsl\Downloads\98c4d948-d910-49a4-8a99-1ac8a559cb66.tmp</t>
  </si>
  <si>
    <t>01/13/2020 10:02:40</t>
  </si>
  <si>
    <t>01/13/2020 10:04:28</t>
  </si>
  <si>
    <t>635656d2-8ac4-4ac4-9432-f12eda5ec0d2.tmp</t>
  </si>
  <si>
    <t>\\acsfs\profiles$\ALYNYA\Downloads\635656d2-8ac4-4ac4-9432-f12eda5ec0d2.tmp</t>
  </si>
  <si>
    <t>4eacb67b-9ff4-42b2-b392-1720c5ee1322.tmp</t>
  </si>
  <si>
    <t>\\acsfs\profiles$\gabrielafs\Downloads\4eacb67b-9ff4-42b2-b392-1720c5ee1322.tmp</t>
  </si>
  <si>
    <t>03b2010a-9882-408f-9553-5c0ddf7f2ae6.tmp</t>
  </si>
  <si>
    <t>\\acsfs\profiles$\gabrielafs\Downloads\03b2010a-9882-408f-9553-5c0ddf7f2ae6.tmp</t>
  </si>
  <si>
    <t>01/13/2020 10:01:45</t>
  </si>
  <si>
    <t>01/13/2020 10:05:29</t>
  </si>
  <si>
    <t>\\acsfs\DEPTOS\Operacao\PCP\5 - Comum\PLANEJAMENTO BV\14 - ACOMPANHAMENTO\1 - REPORT ACOMPANHAMENTO\2020\1 - JANEIRO\FINANCEIRA\Login Logout Financeira\</t>
  </si>
  <si>
    <t>RELATORIO DE LOGIN - FINANCEIRA - 09-01 - Cópia.xlsm</t>
  </si>
  <si>
    <t>\\acsfs\DEPTOS\Operacao\PCP\5 - Comum\PLANEJAMENTO BV\14 - ACOMPANHAMENTO\1 - REPORT ACOMPANHAMENTO\2020\1 - JANEIRO\FINANCEIRA\Login Logout Financeira\RELATORIO DE LOGIN - FINANCEIRA - 09-01 - Cópia.xlsm</t>
  </si>
  <si>
    <t>01/13/2020 10:01:49</t>
  </si>
  <si>
    <t>\\acsfs\deptos\Operacao\PCP\5 - Comum\PLANEJAMENTO BV\14 - ACOMPANHAMENTO\Report whatsapp\Vendas\2020\</t>
  </si>
  <si>
    <t>Atualiza VENDAS_JANEIRO.xlsm</t>
  </si>
  <si>
    <t>\\acsfs\deptos\Operacao\PCP\5 - Comum\PLANEJAMENTO BV\14 - ACOMPANHAMENTO\Report whatsapp\Vendas\2020\Atualiza VENDAS_JANEIRO.xlsm</t>
  </si>
  <si>
    <t>01/13/2020 10:00:52</t>
  </si>
  <si>
    <t>01/13/2020 10:06:28</t>
  </si>
  <si>
    <t>01/13/2020 10:03:52</t>
  </si>
  <si>
    <t>01/13/2020 10:04:22</t>
  </si>
  <si>
    <t>01/13/2020 10:04:52</t>
  </si>
  <si>
    <t>01/13/2020 10:02:09</t>
  </si>
  <si>
    <t>https://algar.folhasinergyrh.com.br/dependente/upload?id=0&amp;idsolicitacao=20492&amp;nomedependente=caua marques janini</t>
  </si>
  <si>
    <t>C:\Users\robsonams\Desktop\</t>
  </si>
  <si>
    <t>CARLA ALVES.7z</t>
  </si>
  <si>
    <t>C:\Users\robsonams\Desktop\CARLA ALVES.7z\</t>
  </si>
  <si>
    <t>image2020-01-09-172844.pdf</t>
  </si>
  <si>
    <t>01/13/2020 10:03:44</t>
  </si>
  <si>
    <t>https://algar.folhasinergyrh.com.br/dependente/upload?id=0&amp;idsolicitacao=20494&amp;nomedependente=rafael marques janini</t>
  </si>
  <si>
    <t>01/13/2020 10:03:23</t>
  </si>
  <si>
    <t>01/13/2020 10:07:28</t>
  </si>
  <si>
    <t>\\acsfs\profiles$\angelicacldr\Usuários\</t>
  </si>
  <si>
    <t>Usuários.txt</t>
  </si>
  <si>
    <t>\\acsfs\profiles$\angelicacldr\Usuários\Usuários.txt</t>
  </si>
  <si>
    <t>01/13/2020 10:02:49</t>
  </si>
  <si>
    <t>7d501de2-6307-4c0d-9bb6-29d744b179d3.tmp</t>
  </si>
  <si>
    <t>\\acsfs\profiles$\matheushds\Downloads\7d501de2-6307-4c0d-9bb6-29d744b179d3.tmp</t>
  </si>
  <si>
    <t>01/13/2020 10:04:33</t>
  </si>
  <si>
    <t>84cbc199-2cff-40d7-924d-71dd173b20ed.tmp</t>
  </si>
  <si>
    <t>\\acsfs\profiles$\matheushds\Downloads\84cbc199-2cff-40d7-924d-71dd173b20ed.tmp</t>
  </si>
  <si>
    <t>01/13/2020 10:05:11</t>
  </si>
  <si>
    <t>a3c79ac1-cc40-42dd-9c38-89299d70ccd5.tmp</t>
  </si>
  <si>
    <t>\\acsfs\profiles$\matheushds\Downloads\a3c79ac1-cc40-42dd-9c38-89299d70ccd5.tmp</t>
  </si>
  <si>
    <t>01/13/2020 10:05:58</t>
  </si>
  <si>
    <t>7fea9a88-f548-4b33-9997-3a011365bae4.tmp</t>
  </si>
  <si>
    <t>\\acsfs\profiles$\matheushds\Downloads\7fea9a88-f548-4b33-9997-3a011365bae4.tmp</t>
  </si>
  <si>
    <t>01/13/2020 10:05:44</t>
  </si>
  <si>
    <t>c:\users\raicdf\downloads\</t>
  </si>
  <si>
    <t>kit_pre_deslig_disp_sem_justa_causa_ind_100377_lays costa braga (2).pdf</t>
  </si>
  <si>
    <t>Printer</t>
  </si>
  <si>
    <t>01/13/2020 10:08:29</t>
  </si>
  <si>
    <t>01/13/2020 10:06:23</t>
  </si>
  <si>
    <t>mail.google.com/sync/u/0/i/s?hl=pt-BR&amp;c=855</t>
  </si>
  <si>
    <t>01/13/2020 10:06:32</t>
  </si>
  <si>
    <t>mail.google.com/sync/u/0/i/s?hl=pt-BR&amp;c=859</t>
  </si>
  <si>
    <t>01/13/2020 10:06:36</t>
  </si>
  <si>
    <t>mail.google.com/sync/u/0/i/s?hl=pt-BR&amp;c=861</t>
  </si>
  <si>
    <t>01/13/2020 10:07:02</t>
  </si>
  <si>
    <t>mail.google.com/sync/u/0/i/s?hl=pt-BR&amp;c=864</t>
  </si>
  <si>
    <t>01/13/2020 10:07:32</t>
  </si>
  <si>
    <t>mail.google.com/sync/u/0/i/s?hl=pt-BR&amp;c=866</t>
  </si>
  <si>
    <t>01/13/2020 10:07:53</t>
  </si>
  <si>
    <t>mail.google.com/sync/u/0/i/s?hl=pt-BR&amp;c=870</t>
  </si>
  <si>
    <t>01/13/2020 10:07:57</t>
  </si>
  <si>
    <t>mail.google.com/sync/u/0/i/s?hl=pt-BR&amp;c=872</t>
  </si>
  <si>
    <t>01/13/2020 10:08:02</t>
  </si>
  <si>
    <t>mail.google.com/sync/u/0/i/s?hl=pt-BR&amp;c=874</t>
  </si>
  <si>
    <t>01/13/2020 10:09:02</t>
  </si>
  <si>
    <t>01/13/2020 10:09:28</t>
  </si>
  <si>
    <t>01/13/2020 10:09:03</t>
  </si>
  <si>
    <t>lu16756236ot2.tmp</t>
  </si>
  <si>
    <t>\\acsfs\profiles$\lorraynevam\Downloads\lu16756236ot2.tmp</t>
  </si>
  <si>
    <t>01/13/2020 10:09:16</t>
  </si>
  <si>
    <t>01/13/2020 10:10:29</t>
  </si>
  <si>
    <t>VENDAS 01.txt</t>
  </si>
  <si>
    <t>\\acsfs\profiles$\HENRIQUEHMDO\VENDAS 01.txt</t>
  </si>
  <si>
    <t>01/13/2020 10:07:01</t>
  </si>
  <si>
    <t>LOGIN LOGOUT FINANCEIRA - EXTRAÇÂO.xlsx</t>
  </si>
  <si>
    <t>\\acsfs\DEPTOS\Operacao\PCP\5 - Comum\PLANEJAMENTO BV\14 - ACOMPANHAMENTO\1 - REPORT ACOMPANHAMENTO\2020\1 - JANEIRO\FINANCEIRA\Login Logout Financeira\LOGIN LOGOUT FINANCEIRA - EXTRAÇÂO.xlsx</t>
  </si>
  <si>
    <t>01/13/2020 10:10:04</t>
  </si>
  <si>
    <t>https://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viniciussg@algartech.com</t>
  </si>
  <si>
    <t>01/13/2020 10:08:23</t>
  </si>
  <si>
    <t>01/13/2020 10:11:28</t>
  </si>
  <si>
    <t>01/13/2020 10:13:28</t>
  </si>
  <si>
    <t>01/13/2020 10:08:24</t>
  </si>
  <si>
    <t>c0dadc40-8099-456a-93dd-5884a54ae463.tmp</t>
  </si>
  <si>
    <t>\\acsfs\profiles$\rafaelamsv\Downloads\c0dadc40-8099-456a-93dd-5884a54ae463.tmp</t>
  </si>
  <si>
    <t>01/13/2020 10:08:05</t>
  </si>
  <si>
    <t>mail.google.com/sync/u/0/i/s?hl=pt-BR&amp;c=876</t>
  </si>
  <si>
    <t>01/13/2020 10:08:26</t>
  </si>
  <si>
    <t>mail.google.com/sync/u/0/i/s?hl=pt-BR&amp;c=879</t>
  </si>
  <si>
    <t>01/13/2020 10:08:31</t>
  </si>
  <si>
    <t>mail.google.com/sync/u/0/i/s?hl=pt-BR&amp;c=881</t>
  </si>
  <si>
    <t>01/13/2020 10:11:35</t>
  </si>
  <si>
    <t>01/13/2020 10:14:28</t>
  </si>
  <si>
    <t>01/13/2020 10:11:53</t>
  </si>
  <si>
    <t>e651fe25-cf8b-4406-ae2a-cec4c097d887.tmp</t>
  </si>
  <si>
    <t>\\acsfs\profiles$\anafsb\Downloads\e651fe25-cf8b-4406-ae2a-cec4c097d887.tmp</t>
  </si>
  <si>
    <t>01/13/2020 10:13:15</t>
  </si>
  <si>
    <t>26cf347a-72ee-44de-a9fc-65821234398d.tmp</t>
  </si>
  <si>
    <t>\\acsfs\profiles$\anafsb\Downloads\26cf347a-72ee-44de-a9fc-65821234398d.tmp</t>
  </si>
  <si>
    <t>01/13/2020 10:12:00</t>
  </si>
  <si>
    <t>mail.google.com/sync/u/0/i/s?hl=pt-BR&amp;c=64</t>
  </si>
  <si>
    <t>01/13/2020 10:12:14</t>
  </si>
  <si>
    <t>01/13/2020 10:12:18</t>
  </si>
  <si>
    <t>mail.google.com/sync/u/0/i/s?hl=pt-BR&amp;c=72</t>
  </si>
  <si>
    <t>01/13/2020 10:13:02</t>
  </si>
  <si>
    <t>mail.google.com/sync/u/0/i/s?hl=pt-BR&amp;c=74</t>
  </si>
  <si>
    <t>01/13/2020 10:13:07</t>
  </si>
  <si>
    <t>mail.google.com/sync/u/0/i/s?hl=pt-BR&amp;c=76</t>
  </si>
  <si>
    <t>bvs-centralcartoes@bv.com.br;</t>
  </si>
  <si>
    <t>bvs-centralcartoes@bv.com.br</t>
  </si>
  <si>
    <t>mail.google.com/sync/u/0/i/s?hl=pt-BR&amp;c=78</t>
  </si>
  <si>
    <t>01/13/2020 10:13:34</t>
  </si>
  <si>
    <t>mail.google.com/sync/u/0/i/s?hl=pt-BR&amp;c=81</t>
  </si>
  <si>
    <t>01/13/2020 10:13:48</t>
  </si>
  <si>
    <t>mail.google.com/sync/u/0/i/s?hl=pt-BR&amp;c=83</t>
  </si>
  <si>
    <t>01/13/2020 10:13:56</t>
  </si>
  <si>
    <t>mail.google.com/sync/u/0/i/s?hl=pt-BR&amp;c=86</t>
  </si>
  <si>
    <t>\\acsfs\profiles$\lorraynevam\Downloads\lu16756236ot2.tmp\</t>
  </si>
  <si>
    <t>\\acsfs\profiles$\lorraynevam\Downloads\lu16756236ot2.tmp\META-INF\</t>
  </si>
  <si>
    <t>\\acsfs\profiles$\lorraynevam\Downloads\lu16756236ot2.tmp\Thumbnails\</t>
  </si>
  <si>
    <t>01/13/2020 10:09:43</t>
  </si>
  <si>
    <t>\\acsfs\profiles$\lorraynevam\</t>
  </si>
  <si>
    <t>.~lock.CONTROLE DE VENDAS JANEIRO.ods#</t>
  </si>
  <si>
    <t>\\acsfs\profiles$\lorraynevam\.~lock.CONTROLE DE VENDAS JANEIRO.ods#</t>
  </si>
  <si>
    <t>lu16756236ot6.tmp</t>
  </si>
  <si>
    <t>\\acsfs\profiles$\lorraynevam\lu16756236ot6.tmp</t>
  </si>
  <si>
    <t>\\acsfs\profiles$\lorraynevam\lu16756236ot6.tmp\</t>
  </si>
  <si>
    <t>\\acsfs\profiles$\lorraynevam\lu16756236ot6.tmp\META-INF\</t>
  </si>
  <si>
    <t>\\acsfs\profiles$\lorraynevam\lu16756236ot6.tmp\Thumbnails\</t>
  </si>
  <si>
    <t>01/13/2020 10:10:11</t>
  </si>
  <si>
    <t>01/13/2020 10:15:28</t>
  </si>
  <si>
    <t>8b671575-eb20-48b3-af7a-70b8bac0d0aa.tmp</t>
  </si>
  <si>
    <t>\\acsfs\profiles$\henriquehmdo\Downloads\8b671575-eb20-48b3-af7a-70b8bac0d0aa.tmp</t>
  </si>
  <si>
    <t>01/13/2020 10:11:23</t>
  </si>
  <si>
    <t>cffa061d-8299-4df2-b363-15ae95d98cbd.tmp</t>
  </si>
  <si>
    <t>\\acsfs\profiles$\BRUNAAR\Downloads\cffa061d-8299-4df2-b363-15ae95d98cbd.tmp</t>
  </si>
  <si>
    <t>01/13/2020 10:12:48</t>
  </si>
  <si>
    <t>\\acsfs\deptos\Operacao\PCP\5 - Comum\PLANEJAMENTO BV\14 - ACOMPANHAMENTO\Report whatsapp\</t>
  </si>
  <si>
    <t>Report WhatsApp - JANEIRO.xlsx</t>
  </si>
  <si>
    <t>\\acsfs\deptos\Operacao\PCP\5 - Comum\PLANEJAMENTO BV\14 - ACOMPANHAMENTO\Report whatsapp\Report WhatsApp - JANEIRO.xlsx</t>
  </si>
  <si>
    <t>01/13/2020 10:16:28</t>
  </si>
  <si>
    <t>01/13/2020 10:12:23</t>
  </si>
  <si>
    <t>01/13/2020 10:12:17</t>
  </si>
  <si>
    <t>ace1f1f5-27a9-4a1f-baec-7fcf990cfde9.tmp</t>
  </si>
  <si>
    <t>\\acsfs\profiles$\sarahbal\Downloads\ace1f1f5-27a9-4a1f-baec-7fcf990cfde9.tmp</t>
  </si>
  <si>
    <t>01/13/2020 10:14:20</t>
  </si>
  <si>
    <t>058e5f2b-9d9f-474c-a4a2-908846c92a35.tmp</t>
  </si>
  <si>
    <t>\\acsfs\profiles$\sarahbal\Downloads\058e5f2b-9d9f-474c-a4a2-908846c92a35.tmp</t>
  </si>
  <si>
    <t>01/13/2020 10:16:53</t>
  </si>
  <si>
    <t>01/13/2020 10:19:28</t>
  </si>
  <si>
    <t>01/13/2020 10:14:14</t>
  </si>
  <si>
    <t>mail.google.com/sync/u/0/i/s?hl=pt-BR&amp;c=88</t>
  </si>
  <si>
    <t>01/13/2020 10:14:39</t>
  </si>
  <si>
    <t>mail.google.com/sync/u/0/i/s?hl=pt-BR&amp;c=91</t>
  </si>
  <si>
    <t>01/13/2020 10:14:46</t>
  </si>
  <si>
    <t>mail.google.com/sync/u/0/i/s?hl=pt-BR&amp;c=93</t>
  </si>
  <si>
    <t>01/13/2020 10:15:08</t>
  </si>
  <si>
    <t>mail.google.com/sync/u/0/i/s?hl=pt-BR&amp;c=95</t>
  </si>
  <si>
    <t>01/13/2020 10:15:21</t>
  </si>
  <si>
    <t>mail.google.com/sync/u/0/i/s?hl=pt-BR&amp;c=98</t>
  </si>
  <si>
    <t>01/13/2020 10:15:37</t>
  </si>
  <si>
    <t>mail.google.com/sync/u/0/i/s?hl=pt-BR&amp;c=100</t>
  </si>
  <si>
    <t>01/13/2020 10:15:49</t>
  </si>
  <si>
    <t>mail.google.com/sync/u/0/i/s?hl=pt-BR&amp;c=102</t>
  </si>
  <si>
    <t>01/13/2020 10:15:55</t>
  </si>
  <si>
    <t>01/13/2020 10:16:02</t>
  </si>
  <si>
    <t>mail.google.com/sync/u/0/i/s?hl=pt-BR&amp;c=108</t>
  </si>
  <si>
    <t>01/13/2020 10:17:09</t>
  </si>
  <si>
    <t>01/13/2020 10:20:28</t>
  </si>
  <si>
    <t>01/13/2020 10:17:10</t>
  </si>
  <si>
    <t>01/13/2020 10:16:23</t>
  </si>
  <si>
    <t>01/13/2020 10:21:28</t>
  </si>
  <si>
    <t>01/13/2020 10:17:53</t>
  </si>
  <si>
    <t>01/13/2020 10:18:23</t>
  </si>
  <si>
    <t>01/13/2020 10:18:54</t>
  </si>
  <si>
    <t>01/13/2020 10:19:24</t>
  </si>
  <si>
    <t>01/13/2020 10:19:54</t>
  </si>
  <si>
    <t>01/13/2020 10:20:25</t>
  </si>
  <si>
    <t>lu564844brpb5.tmp</t>
  </si>
  <si>
    <t>\\acsfs\profiles$\ALEXANDREMM\lu564844brpb5.tmp</t>
  </si>
  <si>
    <t>\\acsfs\profiles$\ALEXANDREMM\lu564844brpb5.tmp\</t>
  </si>
  <si>
    <t>\\acsfs\profiles$\ALEXANDREMM\lu564844brpb5.tmp\META-INF\</t>
  </si>
  <si>
    <t>\\acsfs\profiles$\ALEXANDREMM\lu564844brpb5.tmp\Thumbnails\</t>
  </si>
  <si>
    <t>01/13/2020 10:20:02</t>
  </si>
  <si>
    <t>01/13/2020 10:22:28</t>
  </si>
  <si>
    <t>01/13/2020 10:20:15</t>
  </si>
  <si>
    <t>1333a2e7-b2c8-4dbc-a2c3-c82dc56eff43.tmp</t>
  </si>
  <si>
    <t>\\acsfs\profiles$\ayalabfi\Downloads\1333a2e7-b2c8-4dbc-a2c3-c82dc56eff43.tmp</t>
  </si>
  <si>
    <t>01/13/2020 10:21:17</t>
  </si>
  <si>
    <t>01/13/2020 10:23:28</t>
  </si>
  <si>
    <t>ebab3ac3-23fe-48d7-8be6-36f7b4a97e29.tmp</t>
  </si>
  <si>
    <t>\\acsfs\profiles$\maxmillianosv\Downloads\ebab3ac3-23fe-48d7-8be6-36f7b4a97e29.tmp</t>
  </si>
  <si>
    <t>01/13/2020 10:22:03</t>
  </si>
  <si>
    <t>25027013-8e1f-4a94-b302-4c8a97a66778.tmp</t>
  </si>
  <si>
    <t>\\acsfs\profiles$\maxmillianosv\Downloads\25027013-8e1f-4a94-b302-4c8a97a66778.tmp</t>
  </si>
  <si>
    <t>01/13/2020 10:22:08</t>
  </si>
  <si>
    <t>3a853a66-1453-4c19-a8d3-a477efe8a3e2.tmp</t>
  </si>
  <si>
    <t>\\acsfs\profiles$\maxmillianosv\Downloads\3a853a66-1453-4c19-a8d3-a477efe8a3e2.tmp</t>
  </si>
  <si>
    <t>01/13/2020 10:22:13</t>
  </si>
  <si>
    <t>0ac87fbf-01e0-417e-a4e2-9710a087b16d.tmp</t>
  </si>
  <si>
    <t>\\acsfs\profiles$\maxmillianosv\Downloads\0ac87fbf-01e0-417e-a4e2-9710a087b16d.tmp</t>
  </si>
  <si>
    <t>01/13/2020 10:24:28</t>
  </si>
  <si>
    <t>01/13/2020 10:20:46</t>
  </si>
  <si>
    <t>544e7d51-24be-4b5d-aafd-a80db55ccfd0.tmp</t>
  </si>
  <si>
    <t>\\acsfs\profiles$\THYAGOSP\Downloads\544e7d51-24be-4b5d-aafd-a80db55ccfd0.tmp</t>
  </si>
  <si>
    <t>01/13/2020 10:25:28</t>
  </si>
  <si>
    <t>01/13/2020 10:22:48</t>
  </si>
  <si>
    <t>Cópia de REPORT ACOMPANHAMENTO - BV - JANEIRO2.xlsb</t>
  </si>
  <si>
    <t>\\acsfs\deptos\Operacao\PCP\5 - Comum\PLANEJAMENTO BV\14 - ACOMPANHAMENTO\1 - REPORT ACOMPANHAMENTO\2020\1 - JANEIRO\FINANCEIRA\Cópia de REPORT ACOMPANHAMENTO - BV - JANEIRO2.xlsb</t>
  </si>
  <si>
    <t>mail.google.com/sync/u/0/i/s?hl=pt-BR&amp;c=718</t>
  </si>
  <si>
    <t>01/13/2020 10:23:34</t>
  </si>
  <si>
    <t>mail.google.com/sync/u/0/i/s?hl=pt-BR&amp;c=724</t>
  </si>
  <si>
    <t>01/13/2020 10:24:53</t>
  </si>
  <si>
    <t>mail.google.com/sync/u/0/i/s?hl=pt-BR&amp;c=728</t>
  </si>
  <si>
    <t>01/13/2020 10:21:54</t>
  </si>
  <si>
    <t>01/13/2020 10:26:28</t>
  </si>
  <si>
    <t>01/13/2020 10:22:24</t>
  </si>
  <si>
    <t>01/13/2020 10:22:54</t>
  </si>
  <si>
    <t>01/13/2020 10:23:54</t>
  </si>
  <si>
    <t>01/13/2020 10:24:24</t>
  </si>
  <si>
    <t>01/13/2020 10:24:54</t>
  </si>
  <si>
    <t>01/13/2020 10:26:44</t>
  </si>
  <si>
    <t>01/13/2020 10:27:28</t>
  </si>
  <si>
    <t>1c12e064-2de9-40b1-9777-616dc8adecba.tmp</t>
  </si>
  <si>
    <t>\\acsfs\profiles$\ayalabfi\Downloads\1c12e064-2de9-40b1-9777-616dc8adecba.tmp</t>
  </si>
  <si>
    <t>01/13/2020 10:23:00</t>
  </si>
  <si>
    <t>01/13/2020 10:28:28</t>
  </si>
  <si>
    <t>6e34fbc4-fa90-4112-bfc6-45632cc63109.tmp</t>
  </si>
  <si>
    <t>\\acsfs\profiles$\maxmillianosv\Downloads\6e34fbc4-fa90-4112-bfc6-45632cc63109.tmp</t>
  </si>
  <si>
    <t>01/13/2020 10:24:04</t>
  </si>
  <si>
    <t>eddaf673-6019-43b5-82e9-e88b5f39c3e3.tmp</t>
  </si>
  <si>
    <t>\\acsfs\profiles$\maxmillianosv\Downloads\eddaf673-6019-43b5-82e9-e88b5f39c3e3.tmp</t>
  </si>
  <si>
    <t>01/13/2020 10:25:03</t>
  </si>
  <si>
    <t>35672c46-9b15-4a1b-a023-d3003b56ee0c.tmp</t>
  </si>
  <si>
    <t>\\acsfs\profiles$\maxmillianosv\Downloads\35672c46-9b15-4a1b-a023-d3003b56ee0c.tmp</t>
  </si>
  <si>
    <t>01/13/2020 10:29:27</t>
  </si>
  <si>
    <t>01/13/2020 10:23:53</t>
  </si>
  <si>
    <t>Incentivo BV - CHAT.xlsx</t>
  </si>
  <si>
    <t>\\acsfs\ACS\Gabriel da Silva\Contemporânea\Comissão e Incentivo\Incentivo BV - CHAT.xlsx</t>
  </si>
  <si>
    <t>01/13/2020 10:24:26</t>
  </si>
  <si>
    <t>01/13/2020 10:24:41</t>
  </si>
  <si>
    <t>01/13/2020 10:25:50</t>
  </si>
  <si>
    <t>4216accf-8df5-4b44-9077-44b4d89815f9.tmp</t>
  </si>
  <si>
    <t>\\acsfs\profiles$\larissaad\Downloads\4216accf-8df5-4b44-9077-44b4d89815f9.tmp</t>
  </si>
  <si>
    <t>01/13/2020 10:23:56</t>
  </si>
  <si>
    <t>84286e3c-adbc-402d-aeee-fcd6d7b93c09.tmp</t>
  </si>
  <si>
    <t>\\acsfs\profiles$\gabrielafs\Downloads\84286e3c-adbc-402d-aeee-fcd6d7b93c09.tmp</t>
  </si>
  <si>
    <t>74640c33-9d83-4ba9-9567-cefc4f690f8f.tmp</t>
  </si>
  <si>
    <t>\\acsfs\profiles$\gabrielafs\Downloads\74640c33-9d83-4ba9-9567-cefc4f690f8f.tmp</t>
  </si>
  <si>
    <t>01/13/2020 10:28:56</t>
  </si>
  <si>
    <t>01/13/2020 10:24:55</t>
  </si>
  <si>
    <t>01/13/2020 10:30:28</t>
  </si>
  <si>
    <t>01/13/2020 10:24:56</t>
  </si>
  <si>
    <t>01/13/2020 10:25:31</t>
  </si>
  <si>
    <t>01/13/2020 10:26:25</t>
  </si>
  <si>
    <t>https://joaogvc@algartech.com,marianadjc@algartech.com,planejamentodeoperacoesetrafego@bv.com.br,rafaelggs@algartech.com,ricardodfm@algartech.com.br,taysdss@algartech.com,viniciussg@algartech.com</t>
  </si>
  <si>
    <t>01/13/2020 10:26:39</t>
  </si>
  <si>
    <t>01/13/2020 10:26:57</t>
  </si>
  <si>
    <t>01/13/2020 10:25:20</t>
  </si>
  <si>
    <t>mail.google.com/sync/u/0/i/s?hl=pt-BR&amp;c=731</t>
  </si>
  <si>
    <t>01/13/2020 10:25:53</t>
  </si>
  <si>
    <t>mail.google.com/sync/u/0/i/s?hl=pt-BR&amp;c=734</t>
  </si>
  <si>
    <t>01/13/2020 10:26:03</t>
  </si>
  <si>
    <t>mail.google.com/sync/u/0/i/s?hl=pt-BR&amp;c=736</t>
  </si>
  <si>
    <t>01/13/2020 10:26:08</t>
  </si>
  <si>
    <t>mail.google.com/sync/u/0/i/s?hl=pt-BR&amp;c=738</t>
  </si>
  <si>
    <t>01/13/2020 10:26:35</t>
  </si>
  <si>
    <t>01/13/2020 10:26:56</t>
  </si>
  <si>
    <t>01/13/2020 10:27:00</t>
  </si>
  <si>
    <t>01/13/2020 10:27:04</t>
  </si>
  <si>
    <t>01/13/2020 10:27:09</t>
  </si>
  <si>
    <t>mail.google.com/sync/u/0/i/s?hl=pt-BR&amp;c=750</t>
  </si>
  <si>
    <t>01/13/2020 10:27:23</t>
  </si>
  <si>
    <t>mail.google.com/sync/u/0/i/s?hl=pt-BR&amp;c=752</t>
  </si>
  <si>
    <t>01/13/2020 10:27:31</t>
  </si>
  <si>
    <t>mail.google.com/sync/u/0/i/s?hl=pt-BR&amp;c=754</t>
  </si>
  <si>
    <t>01/13/2020 10:27:36</t>
  </si>
  <si>
    <t>01/13/2020 10:27:52</t>
  </si>
  <si>
    <t>01/13/2020 10:28:01</t>
  </si>
  <si>
    <t>mail.google.com/sync/u/0/i/s?hl=pt-BR&amp;c=761</t>
  </si>
  <si>
    <t>01/13/2020 10:28:18</t>
  </si>
  <si>
    <t>mail.google.com/sync/u/0/i/s?hl=pt-BR&amp;c=763</t>
  </si>
  <si>
    <t>01/13/2020 10:28:22</t>
  </si>
  <si>
    <t>01/13/2020 10:28:23</t>
  </si>
  <si>
    <t>01/13/2020 10:28:27</t>
  </si>
  <si>
    <t>mail.google.com/sync/u/0/i/s?hl=pt-BR&amp;c=767</t>
  </si>
  <si>
    <t>01/13/2020 10:28:32</t>
  </si>
  <si>
    <t>mail.google.com/sync/u/0/i/s?hl=pt-BR&amp;c=769</t>
  </si>
  <si>
    <t>01/13/2020 10:28:35</t>
  </si>
  <si>
    <t>mail.google.com/sync/u/0/i/s?hl=pt-BR&amp;c=771</t>
  </si>
  <si>
    <t>01/13/2020 10:28:52</t>
  </si>
  <si>
    <t>mail.google.com/sync/u/0/i/s?hl=pt-BR&amp;c=773</t>
  </si>
  <si>
    <t>01/13/2020 10:29:00</t>
  </si>
  <si>
    <t>01/13/2020 10:29:08</t>
  </si>
  <si>
    <t>01/13/2020 10:26:55</t>
  </si>
  <si>
    <t>01/13/2020 10:31:28</t>
  </si>
  <si>
    <t>01/13/2020 10:27:55</t>
  </si>
  <si>
    <t>01/13/2020 10:28:25</t>
  </si>
  <si>
    <t>01/13/2020 10:28:55</t>
  </si>
  <si>
    <t>01/13/2020 10:29:25</t>
  </si>
  <si>
    <t>01/13/2020 10:29:55</t>
  </si>
  <si>
    <t>01/13/2020 10:32:28</t>
  </si>
  <si>
    <t>01/13/2020 10:30:44</t>
  </si>
  <si>
    <t>mail.google.com/sync/u/0/i/s?hl=pt-BR&amp;c=222</t>
  </si>
  <si>
    <t>01/13/2020 10:30:51</t>
  </si>
  <si>
    <t>mail.google.com/sync/u/0/i/s?hl=pt-BR&amp;c=224</t>
  </si>
  <si>
    <t>4repet0scaaaa4liaaaanmqf2kz44sg1npvhrp5ya-eah9mzpvg6kl9izriwjk97h6v_kcjh4sw2rf_itsulvo-3l6-wytsybqsmi4xv23fkeay8qmocdpcm6u6mkhgpg1ycp4mktrb_yi4ruhaswq2li4w3ybymavyxxvltnranpmk;</t>
  </si>
  <si>
    <t>4repet0scaaaa4liaaaanmqf2kz44sg1npvhrp5ya-eah9mzpvg6kl9izriwjk97h6v_kcjh4sw2rf_itsulvo-3l6-wytsybqsmi4xv23fkeay8qmocdpcm6u6mkhgpg1ycp4mktrb_yi4ruhaswq2li4w3ybymavyxxvltnranpmk</t>
  </si>
  <si>
    <t>01/13/2020 10:29:54</t>
  </si>
  <si>
    <t>01/13/2020 10:34:28</t>
  </si>
  <si>
    <t>Incentivo BV - Consignado.xlsx</t>
  </si>
  <si>
    <t>\\acsfs\ACS\Gabriel da Silva\Contemporânea\Comissão e Incentivo\Incentivo BV - Consignado.xlsx</t>
  </si>
  <si>
    <t>01/13/2020 10:33:17</t>
  </si>
  <si>
    <t>0b9f95f9-49bf-4f14-b7f4-b77e734aca30.tmp</t>
  </si>
  <si>
    <t>\\acsfs\profiles$\quindaizaagds\Downloads\0b9f95f9-49bf-4f14-b7f4-b77e734aca30.tmp</t>
  </si>
  <si>
    <t>01/13/2020 10:33:35</t>
  </si>
  <si>
    <t>fcac54fe-bd70-4744-ac37-2781920dc4a3.tmp</t>
  </si>
  <si>
    <t>\\acsfs\profiles$\quindaizaagds\Downloads\fcac54fe-bd70-4744-ac37-2781920dc4a3.tmp</t>
  </si>
  <si>
    <t>01/13/2020 10:33:42</t>
  </si>
  <si>
    <t>fbec0d2a-139a-426d-b0b5-400fc76dd30e.tmp</t>
  </si>
  <si>
    <t>\\acsfs\profiles$\quindaizaagds\Downloads\fbec0d2a-139a-426d-b0b5-400fc76dd30e.tmp</t>
  </si>
  <si>
    <t>10.200.66.128</t>
  </si>
  <si>
    <t>78-2B-CB-C1-07-10</t>
  </si>
  <si>
    <t>VOTORANT-FB041</t>
  </si>
  <si>
    <t>01/13/2020 10:34:46</t>
  </si>
  <si>
    <t>01/13/2020 10:35:28</t>
  </si>
  <si>
    <t>\\acsfs\deptos\Operacao\PCP\5 - Comum\PLANEJAMENTO BV\23 - EXTRAÇÕES\Agent State Details\2020\JANEIRO\</t>
  </si>
  <si>
    <t>Agent State Details 10.01.2020.xlsx</t>
  </si>
  <si>
    <t>\\acsfs\deptos\Operacao\PCP\5 - Comum\PLANEJAMENTO BV\23 - EXTRAÇÕES\Agent State Details\2020\JANEIRO\Agent State Details 10.01.2020.xlsx</t>
  </si>
  <si>
    <t>01/13/2020 10:32:34</t>
  </si>
  <si>
    <t>10.200.67.195</t>
  </si>
  <si>
    <t>74-86-7A-FB-1A-B8</t>
  </si>
  <si>
    <t>VOTORANT-MB004</t>
  </si>
  <si>
    <t>leonardobb</t>
  </si>
  <si>
    <t>\\acsfs\profiles$\leonardobb\Downloads\</t>
  </si>
  <si>
    <t>6ba478d4-0b45-4fc0-975c-8d5b8187086b.tmp</t>
  </si>
  <si>
    <t>\\acsfs\profiles$\leonardobb\Downloads\6ba478d4-0b45-4fc0-975c-8d5b8187086b.tmp</t>
  </si>
  <si>
    <t>01/13/2020 10:32:35</t>
  </si>
  <si>
    <t>a5fb9a1c-34da-4d67-9b0f-1d41d2871702.tmp</t>
  </si>
  <si>
    <t>\\acsfs\profiles$\leonardobb\Downloads\a5fb9a1c-34da-4d67-9b0f-1d41d2871702.tmp</t>
  </si>
  <si>
    <t>01/13/2020 10:33:24</t>
  </si>
  <si>
    <t>aa207cd8-29d6-494e-9182-a52eaa4cebe8.tmp</t>
  </si>
  <si>
    <t>\\acsfs\profiles$\leonardobb\Downloads\aa207cd8-29d6-494e-9182-a52eaa4cebe8.tmp</t>
  </si>
  <si>
    <t>01/13/2020 10:34:04</t>
  </si>
  <si>
    <t>0b420dcc-01f9-4987-a025-83de0475a71d.tmp</t>
  </si>
  <si>
    <t>\\acsfs\profiles$\leonardobb\Downloads\0b420dcc-01f9-4987-a025-83de0475a71d.tmp</t>
  </si>
  <si>
    <t>01/13/2020 10:33:56</t>
  </si>
  <si>
    <t>01/13/2020 10:36:28</t>
  </si>
  <si>
    <t>01/13/2020 10:34:26</t>
  </si>
  <si>
    <t>01/13/2020 10:35:26</t>
  </si>
  <si>
    <t>01/13/2020 10:35:07</t>
  </si>
  <si>
    <t>01/13/2020 10:35:08</t>
  </si>
  <si>
    <t>lu564844brpbc.tmp</t>
  </si>
  <si>
    <t>\\acsfs\profiles$\ALEXANDREMM\lu564844brpbc.tmp</t>
  </si>
  <si>
    <t>\\acsfs\profiles$\ALEXANDREMM\lu564844brpbc.tmp\</t>
  </si>
  <si>
    <t>\\acsfs\profiles$\ALEXANDREMM\lu564844brpbc.tmp\META-INF\</t>
  </si>
  <si>
    <t>\\acsfs\profiles$\ALEXANDREMM\lu564844brpbc.tmp\Thumbnails\</t>
  </si>
  <si>
    <t>01/13/2020 10:34:48</t>
  </si>
  <si>
    <t>01/13/2020 10:37:28</t>
  </si>
  <si>
    <t>\\acsfs\profiles$\victoriaksr\My Documents\</t>
  </si>
  <si>
    <t>.~lock.Filas.xlsx#</t>
  </si>
  <si>
    <t>\\acsfs\profiles$\victoriaksr\My Documents\.~lock.Filas.xlsx#</t>
  </si>
  <si>
    <t>01/13/2020 10:34:49</t>
  </si>
  <si>
    <t>lu16208215igy.tmp</t>
  </si>
  <si>
    <t>\\acsfs\profiles$\victoriaksr\My Documents\lu16208215igy.tmp</t>
  </si>
  <si>
    <t>01/13/2020 10:32:54</t>
  </si>
  <si>
    <t>3515584f-714f-4fc1-8eba-a0914e9aec5f.tmp</t>
  </si>
  <si>
    <t>\\acsfs\profiles$\ayalabfi\Downloads\3515584f-714f-4fc1-8eba-a0914e9aec5f.tmp</t>
  </si>
  <si>
    <t>01/13/2020 10:33:44</t>
  </si>
  <si>
    <t>01/13/2020 10:38:28</t>
  </si>
  <si>
    <t>PRINT INFO METLIFE.png</t>
  </si>
  <si>
    <t>\\acsfs\DEPTOS\Operacao\Banco_Votorantim\Qualidade\Anderson\Jose\anderson\PRINT INFO METLIFE.png</t>
  </si>
  <si>
    <t>01/13/2020 10:34:09</t>
  </si>
  <si>
    <t>PRINT INFO METLIFE 2.png</t>
  </si>
  <si>
    <t>\\acsfs\DEPTOS\Operacao\Banco_Votorantim\Qualidade\Anderson\Jose\anderson\PRINT INFO METLIFE 2.png</t>
  </si>
  <si>
    <t>01/13/2020 10:39:28</t>
  </si>
  <si>
    <t>01/13/2020 10:35:04</t>
  </si>
  <si>
    <t>01/13/2020 10:38:29</t>
  </si>
  <si>
    <t>https://parceiro.metlife.com.br/cotadorml/cotacoes/cadcotacao.aspx?novo=1</t>
  </si>
  <si>
    <t>__/__/____;</t>
  </si>
  <si>
    <t>https://__/__/____</t>
  </si>
  <si>
    <t>01/13/2020 10:35:24</t>
  </si>
  <si>
    <t>01/13/2020 10:40:28</t>
  </si>
  <si>
    <t>mail.google.com/sync/u/0/i/s?hl=pt-BR&amp;c=1060</t>
  </si>
  <si>
    <t>mail.google.com/sync/u/0/i/s?hl=pt-BR&amp;c=1062</t>
  </si>
  <si>
    <t>01/13/2020 10:35:36</t>
  </si>
  <si>
    <t>mail.google.com/sync/u/0/i/s?hl=pt-BR&amp;c=1064</t>
  </si>
  <si>
    <t>01/13/2020 10:35:43</t>
  </si>
  <si>
    <t>mail.google.com/sync/u/0/i/s?hl=pt-BR&amp;c=1068</t>
  </si>
  <si>
    <t>01/13/2020 10:35:51</t>
  </si>
  <si>
    <t>mail.google.com/sync/u/0/i/s?hl=pt-BR&amp;c=1070</t>
  </si>
  <si>
    <t>01/13/2020 10:36:11</t>
  </si>
  <si>
    <t>mail.google.com/sync/u/0/i/s?hl=pt-BR&amp;c=1072</t>
  </si>
  <si>
    <t>01/13/2020 10:36:17</t>
  </si>
  <si>
    <t>mail.google.com/sync/u/0/i/s?hl=pt-BR&amp;c=1074</t>
  </si>
  <si>
    <t>01/13/2020 10:36:20</t>
  </si>
  <si>
    <t>mail.google.com/sync/u/0/i/s?hl=pt-BR&amp;c=1076</t>
  </si>
  <si>
    <t>01/13/2020 10:36:24</t>
  </si>
  <si>
    <t>mail.google.com/sync/u/0/i/s?hl=pt-BR&amp;c=1078</t>
  </si>
  <si>
    <t>01/13/2020 10:36:37</t>
  </si>
  <si>
    <t>mail.google.com/sync/u/0/i/s?hl=pt-BR&amp;c=1080</t>
  </si>
  <si>
    <t>joaogvc@algartech.com;leonardoao@algartech.com;marianadjc@algartech.com;paulacn@algartech.com;rafaelggs@algartech.com;ricardodfm@algartech.com.br;robsonams@algartech.com;taysdss@algartech.com;thiagordu@algartech.com;viniciussg@algartech.com;</t>
  </si>
  <si>
    <t>joaogvc@algartech.com,leonardoao@algartech.com,marianadjc@algartech.com,paulacn@algartech.com,rafaelggs@algartech.com,ricardodfm@algartech.com.br,robsonams@algartech.com,taysdss@algartech.com,thiagordu@algartech.com,viniciussg@algartech.com</t>
  </si>
  <si>
    <t>01/13/2020 10:37:18</t>
  </si>
  <si>
    <t>mail.google.com/sync/u/0/i/s?hl=pt-BR&amp;c=1084</t>
  </si>
  <si>
    <t>joaogvc@algartech.com;katia.cardoso@bv.com.br;leonardoao@algartech.com;paulacn@algartech.com;ricardodfm@algartech.com.br;robsonams@algartech.com;taysdss@algartech.com;viniciussg@algartech.com;</t>
  </si>
  <si>
    <t>joaogvc@algartech.com,katia.cardoso@bv.com.br,leonardoao@algartech.com,paulacn@algartech.com,ricardodfm@algartech.com.br,robsonams@algartech.com,taysdss@algartech.com,viniciussg@algartech.com</t>
  </si>
  <si>
    <t>01/13/2020 10:37:36</t>
  </si>
  <si>
    <t>mail.google.com/sync/u/0/i/s?hl=pt-BR&amp;c=1086</t>
  </si>
  <si>
    <t>01/13/2020 10:39:44</t>
  </si>
  <si>
    <t>mail.google.com/sync/u/0/i/s?hl=pt-BR&amp;c=1090</t>
  </si>
  <si>
    <t>bvcartes-supervisores@algarnet.onmicrosoft.com;joaogvc@algartech.com;leonardoao@algartech.com;marianadjc@algartech.com;paulacn@algartech.com;ricardodfm@algartech.com.br;robsonams@algartech.com;taysdss@algartech.com;</t>
  </si>
  <si>
    <t>bvcartes-supervisores@algarnet.onmicrosoft.com,joaogvc@algartech.com,leonardoao@algartech.com,marianadjc@algartech.com,paulacn@algartech.com,ricardodfm@algartech.com.br,robsonams@algartech.com,taysdss@algartech.com</t>
  </si>
  <si>
    <t>01/13/2020 10:37:39</t>
  </si>
  <si>
    <t>Agent State Details 11.01.2020.xlsx</t>
  </si>
  <si>
    <t>\\acsfs\deptos\Operacao\PCP\5 - Comum\PLANEJAMENTO BV\23 - EXTRAÇÕES\Agent State Details\2020\JANEIRO\Agent State Details 11.01.2020.xlsx</t>
  </si>
  <si>
    <t>01/13/2020 10:38:43</t>
  </si>
  <si>
    <t>Agent State Details 12.01.2020.xlsx</t>
  </si>
  <si>
    <t>\\acsfs\deptos\Operacao\PCP\5 - Comum\PLANEJAMENTO BV\23 - EXTRAÇÕES\Agent State Details\2020\JANEIRO\Agent State Details 12.01.2020.xlsx</t>
  </si>
  <si>
    <t>01/13/2020 10:37:26</t>
  </si>
  <si>
    <t>01/13/2020 10:41:29</t>
  </si>
  <si>
    <t>01/13/2020 10:37:27</t>
  </si>
  <si>
    <t>01/13/2020 10:37:57</t>
  </si>
  <si>
    <t>01/13/2020 10:42:14</t>
  </si>
  <si>
    <t>01/13/2020 10:43:28</t>
  </si>
  <si>
    <t>dc5f2a0c-d9a3-48c7-8273-aed76bf93e55.tmp</t>
  </si>
  <si>
    <t>\\acsfs\profiles$\ROZENCAM\Downloads\dc5f2a0c-d9a3-48c7-8273-aed76bf93e55.tmp</t>
  </si>
  <si>
    <t>01/13/2020 10:39:27</t>
  </si>
  <si>
    <t>01/13/2020 10:42:49</t>
  </si>
  <si>
    <t>mail.google.com/sync/u/0/i/s?hl=pt-BR&amp;c=924</t>
  </si>
  <si>
    <t>01/13/2020 10:42:51</t>
  </si>
  <si>
    <t>mail.google.com/sync/u/0/i/s?hl=pt-BR&amp;c=928</t>
  </si>
  <si>
    <t>01/13/2020 10:39:36</t>
  </si>
  <si>
    <t>01/13/2020 10:44:29</t>
  </si>
  <si>
    <t>320c4c8e-1ce1-4b77-94f5-94f4a6cf454f.tmp</t>
  </si>
  <si>
    <t>\\acsfs\profiles$\danielac\Downloads\320c4c8e-1ce1-4b77-94f5-94f4a6cf454f.tmp</t>
  </si>
  <si>
    <t>01/13/2020 10:39:14</t>
  </si>
  <si>
    <t>\\acsfs\ACS\Gabriel da Silva\Contemporânea\Comissão e Incentivo\6DAFAF77.tmp\</t>
  </si>
  <si>
    <t>\\acsfs\ACS\Gabriel da Silva\Contemporânea\Comissão e Incentivo\6DAFAF77.tmp\:Zone.Identifier:$DATA</t>
  </si>
  <si>
    <t>Incentivo BV - CRBV.xlsx</t>
  </si>
  <si>
    <t>\\acsfs\ACS\Gabriel da Silva\Contemporânea\Comissão e Incentivo\Incentivo BV - CRBV.xlsx</t>
  </si>
  <si>
    <t>01/13/2020 10:41:37</t>
  </si>
  <si>
    <t>50d15729-0668-4d5d-879c-1a851354869a.tmp</t>
  </si>
  <si>
    <t>\\acsfs\profiles$\larissaad\Downloads\50d15729-0668-4d5d-879c-1a851354869a.tmp</t>
  </si>
  <si>
    <t>01/13/2020 10:43:53</t>
  </si>
  <si>
    <t>01/13/2020 10:41:06</t>
  </si>
  <si>
    <t>01/13/2020 10:45:28</t>
  </si>
  <si>
    <t>01/13/2020 10:40:24</t>
  </si>
  <si>
    <t>\\acsfs\profiles$\ERICALSR\My Documents\</t>
  </si>
  <si>
    <t>VENDA 01 2020.txt</t>
  </si>
  <si>
    <t>\\acsfs\profiles$\ERICALSR\My Documents\VENDA 01 2020.txt</t>
  </si>
  <si>
    <t>01/13/2020 10:39:53</t>
  </si>
  <si>
    <t>mail.google.com/sync/u/0/i/s?hl=pt-BR&amp;c=1092</t>
  </si>
  <si>
    <t>joaogvc@algartech.com;leonardoao@algartech.com;paulacn@algartech.com;ricardodfm@algartech.com.br;robsonams@algartech.com;taysdss@algartech.com;</t>
  </si>
  <si>
    <t>joaogvc@algartech.com,leonardoao@algartech.com,paulacn@algartech.com,ricardodfm@algartech.com.br,robsonams@algartech.com,taysdss@algartech.com</t>
  </si>
  <si>
    <t>01/13/2020 10:40:22</t>
  </si>
  <si>
    <t>mail.google.com/sync/u/0/i/s?hl=pt-BR&amp;c=1094</t>
  </si>
  <si>
    <t>01/13/2020 10:40:25</t>
  </si>
  <si>
    <t>mail.google.com/sync/u/0/i/s?hl=pt-BR&amp;c=1096</t>
  </si>
  <si>
    <t>01/13/2020 10:40:39</t>
  </si>
  <si>
    <t>mail.google.com/sync/u/0/i/s?hl=pt-BR&amp;c=1099</t>
  </si>
  <si>
    <t>joaogvc@algartech.com;leonardoao@algartech.com;marianadjc@algartech.com;paulacn@algartech.com;rafaelggs@algartech.com;ricardodfm@algartech.com.br;robsonams@algartech.com;taysdss@algartech.com;viniciussg@algartech.com;</t>
  </si>
  <si>
    <t>joaogvc@algartech.com,leonardoao@algartech.com,marianadjc@algartech.com,paulacn@algartech.com,rafaelggs@algartech.com,ricardodfm@algartech.com.br,robsonams@algartech.com,taysdss@algartech.com,viniciussg@algartech.com</t>
  </si>
  <si>
    <t>01/13/2020 10:40:55</t>
  </si>
  <si>
    <t>mail.google.com/sync/u/0/i/s?hl=pt-BR&amp;c=1101</t>
  </si>
  <si>
    <t>mail.google.com/sync/u/0/i/s?hl=pt-BR&amp;c=1103</t>
  </si>
  <si>
    <t>01/13/2020 10:41:15</t>
  </si>
  <si>
    <t>mail.google.com/sync/u/0/i/s?hl=pt-BR&amp;c=1105</t>
  </si>
  <si>
    <t>01/13/2020 10:41:38</t>
  </si>
  <si>
    <t>mail.google.com/sync/u/0/i/s?hl=pt-BR&amp;c=1110</t>
  </si>
  <si>
    <t>joaogvc@algartech.com;leonardoao@algartech.com;marianadjc@algartech.com;paulacn@algartech.com;planejamentodeoperacoesetrafego@bv.com.br;raphaelmco@algartech.com.br;ricardodfm@algartech.com.br;robsonams@algartech.com;taysdss@algartech.com;viniciussg@algartech.com;</t>
  </si>
  <si>
    <t>joaogvc@algartech.com,leonardoao@algartech.com,marianadjc@algartech.com,paulacn@algartech.com,planejamentodeoperacoesetrafego@bv.com.br,raphaelmco@algartech.com.br,ricardodfm@algartech.com.br,robsonams@algartech.com,taysdss@algartech.com,viniciussg@algartech.com</t>
  </si>
  <si>
    <t>01/13/2020 10:41:48</t>
  </si>
  <si>
    <t>mail.google.com/sync/u/0/i/s?hl=pt-BR&amp;c=1113</t>
  </si>
  <si>
    <t>01/13/2020 10:41:59</t>
  </si>
  <si>
    <t>RELATORIO DE LOGIN - FINANCEIRA - 10-01.xlsm</t>
  </si>
  <si>
    <t>\\acsfs\DEPTOS\Operacao\PCP\5 - Comum\PLANEJAMENTO BV\14 - ACOMPANHAMENTO\1 - REPORT ACOMPANHAMENTO\2020\1 - JANEIRO\FINANCEIRA\Login Logout Financeira\RELATORIO DE LOGIN - FINANCEIRA - 10-01.xlsm</t>
  </si>
  <si>
    <t>01/13/2020 10:42:18</t>
  </si>
  <si>
    <t>mail.google.com/sync/u/0/i/s?hl=pt-BR&amp;c=1115</t>
  </si>
  <si>
    <t>01/13/2020 10:42:29</t>
  </si>
  <si>
    <t>mail.google.com/sync/u/0/i/s?hl=pt-BR&amp;c=1117</t>
  </si>
  <si>
    <t>01/13/2020 10:42:34</t>
  </si>
  <si>
    <t>mail.google.com/sync/u/0/i/s?hl=pt-BR&amp;c=1119</t>
  </si>
  <si>
    <t>01/13/2020 10:44:28</t>
  </si>
  <si>
    <t>01/13/2020 10:46:29</t>
  </si>
  <si>
    <t>01/13/2020 10:44:58</t>
  </si>
  <si>
    <t>01/13/2020 10:47:28</t>
  </si>
  <si>
    <t>01/13/2020 10:45:24</t>
  </si>
  <si>
    <t>mail.google.com/sync/u/0/i/s?hl=pt-BR&amp;c=269</t>
  </si>
  <si>
    <t>01/13/2020 10:45:30</t>
  </si>
  <si>
    <t>https://sb-ssl.google.com/safebrowsing/clientreport/login?key=aizasyboti4mm-6x9wdnzijieyeu21opbxqwbgw</t>
  </si>
  <si>
    <t>01/13/2020 10:45:34</t>
  </si>
  <si>
    <t>mail.google.com/sync/u/0/i/s?hl=pt-BR&amp;c=272</t>
  </si>
  <si>
    <t>01/13/2020 10:45:37</t>
  </si>
  <si>
    <t>mail.google.com/sync/u/0/i/s?hl=pt-BR&amp;c=277</t>
  </si>
  <si>
    <t>01/13/2020 10:45:41</t>
  </si>
  <si>
    <t>mail.google.com/sync/u/0/i/s?hl=pt-BR&amp;c=279</t>
  </si>
  <si>
    <t>01/13/2020 10:45:49</t>
  </si>
  <si>
    <t>mail.google.com/sync/u/0/i/s?hl=pt-BR&amp;c=281</t>
  </si>
  <si>
    <t>01/13/2020 10:45:52</t>
  </si>
  <si>
    <t>mail.google.com/sync/u/0/i/s?hl=pt-BR&amp;c=284</t>
  </si>
  <si>
    <t>01/13/2020 10:45:59</t>
  </si>
  <si>
    <t>mail.google.com/sync/u/0/i/s?hl=pt-BR&amp;c=287</t>
  </si>
  <si>
    <t>01/13/2020 10:46:07</t>
  </si>
  <si>
    <t>mail.google.com/sync/u/0/i/s?hl=pt-BR&amp;c=289</t>
  </si>
  <si>
    <t>01/13/2020 10:46:12</t>
  </si>
  <si>
    <t>mail.google.com/sync/u/0/i/s?hl=pt-BR&amp;c=291</t>
  </si>
  <si>
    <t>01/13/2020 10:46:17</t>
  </si>
  <si>
    <t>mail.google.com/sync/u/0/i/s?hl=pt-BR&amp;c=293</t>
  </si>
  <si>
    <t>01/13/2020 10:46:19</t>
  </si>
  <si>
    <t>mail.google.com/sync/u/0/i/s?hl=pt-BR&amp;c=295</t>
  </si>
  <si>
    <t>flaviacno@algartech.com;</t>
  </si>
  <si>
    <t>flaviacno@algartech.com</t>
  </si>
  <si>
    <t>01/13/2020 10:46:24</t>
  </si>
  <si>
    <t>mail.google.com/sync/u/0/i/s?hl=pt-BR&amp;c=297</t>
  </si>
  <si>
    <t>01/13/2020 10:48:28</t>
  </si>
  <si>
    <t>01/13/2020 10:43:24</t>
  </si>
  <si>
    <t>\\acsfs\DEPTOS\Operacao\Banco_Votorantim\Qualidade\Anderson\Jose\anderson\Thumbs.db</t>
  </si>
  <si>
    <t>01/13/2020 10:45:10</t>
  </si>
  <si>
    <t>LINK INFO METLIFE.txt</t>
  </si>
  <si>
    <t>\\acsfs\DEPTOS\Operacao\Banco_Votorantim\Qualidade\Anderson\Jose\anderson\LINK INFO METLIFE.txt</t>
  </si>
  <si>
    <t>01/13/2020 10:43:30</t>
  </si>
  <si>
    <t>mail.google.com/sync/u/0/i/s?hl=pt-BR&amp;c=930</t>
  </si>
  <si>
    <t>01/13/2020 10:43:50</t>
  </si>
  <si>
    <t>mail.google.com/sync/u/0/i/s?hl=pt-BR&amp;c=935</t>
  </si>
  <si>
    <t>01/13/2020 10:43:57</t>
  </si>
  <si>
    <t>mail.google.com/sync/u/0/i/s?hl=pt-BR&amp;c=937</t>
  </si>
  <si>
    <t>01/13/2020 10:44:03</t>
  </si>
  <si>
    <t>mail.google.com/sync/u/0/i/s?hl=pt-BR&amp;c=939</t>
  </si>
  <si>
    <t>01/13/2020 10:44:18</t>
  </si>
  <si>
    <t>mail.google.com/sync/u/0/i/s?hl=pt-BR&amp;c=941</t>
  </si>
  <si>
    <t>01/13/2020 10:44:47</t>
  </si>
  <si>
    <t>mail.google.com/sync/u/0/i/s?hl=pt-BR&amp;c=943</t>
  </si>
  <si>
    <t>01/13/2020 10:44:56</t>
  </si>
  <si>
    <t>mail.google.com/sync/u/0/i/s?hl=pt-BR&amp;c=946</t>
  </si>
  <si>
    <t>01/13/2020 10:45:13</t>
  </si>
  <si>
    <t>mail.google.com/sync/u/0/i/s?hl=pt-BR&amp;c=948</t>
  </si>
  <si>
    <t>01/13/2020 10:45:22</t>
  </si>
  <si>
    <t>mail.google.com/sync/u/0/i/s?hl=pt-BR&amp;c=951</t>
  </si>
  <si>
    <t>01/13/2020 10:45:29</t>
  </si>
  <si>
    <t>mail.google.com/sync/u/0/i/s?hl=pt-BR&amp;c=953</t>
  </si>
  <si>
    <t>01/13/2020 10:46:10</t>
  </si>
  <si>
    <t>mail.google.com/sync/u/0/i/s?hl=pt-BR&amp;c=956</t>
  </si>
  <si>
    <t>01/13/2020 10:46:22</t>
  </si>
  <si>
    <t>mail.google.com/sync/u/0/i/s?hl=pt-BR&amp;c=960</t>
  </si>
  <si>
    <t>01/13/2020 10:46:30</t>
  </si>
  <si>
    <t>01/13/2020 10:49:28</t>
  </si>
  <si>
    <t>01/13/2020 10:46:49</t>
  </si>
  <si>
    <t>01/13/2020 10:50:28</t>
  </si>
  <si>
    <t>01/13/2020 10:45:47</t>
  </si>
  <si>
    <t>a9ec56fd-8795-4fe1-b6c2-a503acfcf7d1.tmp</t>
  </si>
  <si>
    <t>\\acsfs\profiles$\BRUNAAR\Downloads\a9ec56fd-8795-4fe1-b6c2-a503acfcf7d1.tmp</t>
  </si>
  <si>
    <t>01/13/2020 10:47:42</t>
  </si>
  <si>
    <t>https://joaogvc@algartech.com,leonardoao@algartech.com,marianadjc@algartech.com,paulacn@algartech.com,rafaelggs@algartech.com,ricardodfm@algartech.com.br,robsonams@algartech.com,taysdss@algartech.com,thiagordu@algartech.com,viniciussg@algartech.com</t>
  </si>
  <si>
    <t>Erro fatal ANA FLAVIA SOARES BARBOSA.PNG</t>
  </si>
  <si>
    <t>\\acsfs\ACS\001 - Qualidade Lilian\PAULO\Pasta Tainara\Erro fatal ANA FLAVIA SOARES BARBOSA.PNG</t>
  </si>
  <si>
    <t>01/13/2020 10:49:46</t>
  </si>
  <si>
    <t>01/13/2020 10:46:28</t>
  </si>
  <si>
    <t>01/13/2020 10:51:29</t>
  </si>
  <si>
    <t>01/13/2020 10:46:58</t>
  </si>
  <si>
    <t>01/13/2020 10:47:58</t>
  </si>
  <si>
    <t>01/13/2020 10:48:59</t>
  </si>
  <si>
    <t>01/13/2020 10:49:29</t>
  </si>
  <si>
    <t>01/13/2020 10:46:21</t>
  </si>
  <si>
    <t>55d3e4ab-5538-4e4f-a773-f06c11dbee5c.tmp</t>
  </si>
  <si>
    <t>\\acsfs\profiles$\jhonatadss\Downloads\55d3e4ab-5538-4e4f-a773-f06c11dbee5c.tmp</t>
  </si>
  <si>
    <t>01/13/2020 10:46:20</t>
  </si>
  <si>
    <t>\\acsfs\profiles$\anacdos\My Documents\My Pictures\$RECYCLE.BIN\</t>
  </si>
  <si>
    <t>$IWFQWWI.png</t>
  </si>
  <si>
    <t>\\acsfs\profiles$\anacdos\My Documents\My Pictures\$RECYCLE.BIN\$IWFQWWI.png</t>
  </si>
  <si>
    <t>01/13/2020 10:46:26</t>
  </si>
  <si>
    <t>$IDEIYZ0.PNG</t>
  </si>
  <si>
    <t>\\acsfs\profiles$\anacdos\My Documents\My Pictures\$RECYCLE.BIN\$IDEIYZ0.PNG</t>
  </si>
  <si>
    <t>01/13/2020 10:49:19</t>
  </si>
  <si>
    <t>01/13/2020 10:52:28</t>
  </si>
  <si>
    <t>mail.google.com/sync/u/0/i/s?hl=pt-BR&amp;c=334</t>
  </si>
  <si>
    <t>01/13/2020 10:49:24</t>
  </si>
  <si>
    <t>mail.google.com/sync/u/0/i/s?hl=pt-BR&amp;c=336</t>
  </si>
  <si>
    <t>01/13/2020 10:49:27</t>
  </si>
  <si>
    <t>mail.google.com/sync/u/0/i/s?hl=pt-BR&amp;c=339</t>
  </si>
  <si>
    <t>01/13/2020 10:49:32</t>
  </si>
  <si>
    <t>mail.google.com/sync/u/0/i/s?hl=pt-BR&amp;c=341</t>
  </si>
  <si>
    <t>01/13/2020 10:49:56</t>
  </si>
  <si>
    <t>01/13/2020 10:54:28</t>
  </si>
  <si>
    <t>01/13/2020 10:53:28</t>
  </si>
  <si>
    <t>\\acsfs\ACS\Gabriel da Silva\Contemporânea\Comissão e Incentivo\D902506B.tmp\</t>
  </si>
  <si>
    <t>\\acsfs\ACS\Gabriel da Silva\Contemporânea\Comissão e Incentivo\D902506B.tmp\:Zone.Identifier:$DATA</t>
  </si>
  <si>
    <t>01/13/2020 10:49:16</t>
  </si>
  <si>
    <t>ed5c1a2b-fa22-4576-abc8-d183d0894eb2.tmp</t>
  </si>
  <si>
    <t>\\acsfs\profiles$\KARENDSR\Downloads\ed5c1a2b-fa22-4576-abc8-d183d0894eb2.tmp</t>
  </si>
  <si>
    <t>01/13/2020 10:50:52</t>
  </si>
  <si>
    <t>7a9efc29-8a6f-4c2e-b356-203c3947bf41.tmp</t>
  </si>
  <si>
    <t>\\acsfs\profiles$\felipetds\Downloads\7a9efc29-8a6f-4c2e-b356-203c3947bf41.tmp</t>
  </si>
  <si>
    <t>01/13/2020 10:51:28</t>
  </si>
  <si>
    <t>01/13/2020 10:55:29</t>
  </si>
  <si>
    <t>18f438f9-e2c9-4add-928b-a636d82619af.tmp</t>
  </si>
  <si>
    <t>\\acsfs\profiles$\henriquehmdo\Downloads\18f438f9-e2c9-4add-928b-a636d82619af.tmp</t>
  </si>
  <si>
    <t>01/13/2020 10:50:19</t>
  </si>
  <si>
    <t>\\acsfs\deptos\Operacao\PCP\5 - Comum\PLANEJAMENTO BV\23 - EXTRAÇÕES\Agent utilization\2020\</t>
  </si>
  <si>
    <t>Agent utilization 01.01.2020 a 09.01.2020.xlsx</t>
  </si>
  <si>
    <t>\\acsfs\deptos\Operacao\PCP\5 - Comum\PLANEJAMENTO BV\23 - EXTRAÇÕES\Agent utilization\2020\Agent utilization 01.01.2020 a 09.01.2020.xlsx</t>
  </si>
  <si>
    <t>01/13/2020 10:52:20</t>
  </si>
  <si>
    <t>\\acsfs\deptos\Operacao\PCP\5 - Comum\PLANEJAMENTO BV\23 - EXTRAÇÕES\Agente Login Logout details report\2020\JANEIRO\</t>
  </si>
  <si>
    <t>AGENT LOGIN LOGOUT DETAILS REPORT 10.01.2020.xlsx</t>
  </si>
  <si>
    <t>\\acsfs\deptos\Operacao\PCP\5 - Comum\PLANEJAMENTO BV\23 - EXTRAÇÕES\Agente Login Logout details report\2020\JANEIRO\AGENT LOGIN LOGOUT DETAILS REPORT 10.01.2020.xlsx</t>
  </si>
  <si>
    <t>01/13/2020 10:54:20</t>
  </si>
  <si>
    <t>AGENT LOGIN LOGOUT DETAILS REPORT 11.01.2020.xlsx</t>
  </si>
  <si>
    <t>\\acsfs\deptos\Operacao\PCP\5 - Comum\PLANEJAMENTO BV\23 - EXTRAÇÕES\Agente Login Logout details report\2020\JANEIRO\AGENT LOGIN LOGOUT DETAILS REPORT 11.01.2020.xlsx</t>
  </si>
  <si>
    <t>01/13/2020 10:53:45</t>
  </si>
  <si>
    <t>62f18c4e-3e6f-469d-9e6b-7d7441c6ad92.tmp</t>
  </si>
  <si>
    <t>\\acsfs\profiles$\leonardobb\Downloads\62f18c4e-3e6f-469d-9e6b-7d7441c6ad92.tmp</t>
  </si>
  <si>
    <t>01/13/2020 10:52:29</t>
  </si>
  <si>
    <t>01/13/2020 10:56:28</t>
  </si>
  <si>
    <t>01/13/2020 10:52:59</t>
  </si>
  <si>
    <t>01/13/2020 10:54:30</t>
  </si>
  <si>
    <t>01/13/2020 10:55:00</t>
  </si>
  <si>
    <t>01/13/2020 10:55:30</t>
  </si>
  <si>
    <t>01/13/2020 10:57:29</t>
  </si>
  <si>
    <t>01/13/2020 10:53:29</t>
  </si>
  <si>
    <t>d29d0f74-8582-4ac5-bcb3-f71c9a172bad.tmp</t>
  </si>
  <si>
    <t>\\acsfs\profiles$\lucasgpe\Downloads\d29d0f74-8582-4ac5-bcb3-f71c9a172bad.tmp</t>
  </si>
  <si>
    <t>01/13/2020 10:52:55</t>
  </si>
  <si>
    <t>01/13/2020 10:58:28</t>
  </si>
  <si>
    <t>camillarl</t>
  </si>
  <si>
    <t>camillarl@algartech.com</t>
  </si>
  <si>
    <t>algartechcpcbv@algartech.com;eliane.martins@bv.com.br;joaogvc@algartech.com;marianadjc@algartech.com;paulacn@algartech.com;rafael.ramos@bv.com.br;robsonams@algartech.com;</t>
  </si>
  <si>
    <t>algartechcpcbv@algartech.com,eliane.martins@bv.com.br,joaogvc@algartech.com,marianadjc@algartech.com,paulacn@algartech.com,rafael.ramos@bv.com.br,robsonams@algartech.com</t>
  </si>
  <si>
    <t>01/13/2020 10:53:22</t>
  </si>
  <si>
    <t>01/13/2020 10:53:23</t>
  </si>
  <si>
    <t>01/13/2020 10:54:40</t>
  </si>
  <si>
    <t>01/13/2020 10:54:46</t>
  </si>
  <si>
    <t>mail.google.com/sync/u/0/i/s?hl=pt-BR&amp;c=166</t>
  </si>
  <si>
    <t>01/13/2020 10:54:47</t>
  </si>
  <si>
    <t>mail.google.com/sync/u/0/i/s?hl=pt-BR&amp;c=168</t>
  </si>
  <si>
    <t>01/13/2020 10:55:55</t>
  </si>
  <si>
    <t>6fb403f7-f67c-404e-9818-348e1978d16e.tmp</t>
  </si>
  <si>
    <t>\\acsfs\profiles$\rafaelamsv\Downloads\6fb403f7-f67c-404e-9818-348e1978d16e.tmp</t>
  </si>
  <si>
    <t>01/13/2020 10:59:29</t>
  </si>
  <si>
    <t>01/13/2020 10:54:18</t>
  </si>
  <si>
    <t>2d7a289f-8cab-4fad-abf9-dc8e0201e4d2.tmp</t>
  </si>
  <si>
    <t>\\acsfs\profiles$\quindaizaagds\Downloads\2d7a289f-8cab-4fad-abf9-dc8e0201e4d2.tmp</t>
  </si>
  <si>
    <t>0ccd468d-bbce-48a8-93f5-d1fa2bcf853a.tmp</t>
  </si>
  <si>
    <t>\\acsfs\profiles$\quindaizaagds\Downloads\0ccd468d-bbce-48a8-93f5-d1fa2bcf853a.tmp</t>
  </si>
  <si>
    <t>01/13/2020 10:55:38</t>
  </si>
  <si>
    <t>mail.google.com/sync/u/0/i/s?hl=pt-BR&amp;c=197</t>
  </si>
  <si>
    <t>01/13/2020 10:55:47</t>
  </si>
  <si>
    <t>mail.google.com/sync/u/0/i/s?hl=pt-BR&amp;c=199</t>
  </si>
  <si>
    <t>01/13/2020 10:54:44</t>
  </si>
  <si>
    <t>lu6452104h4g.tmp</t>
  </si>
  <si>
    <t>\\acsfs\profiles$\jonathanwap\lu6452104h4g.tmp</t>
  </si>
  <si>
    <t>\\acsfs\profiles$\jonathanwap\lu6452104h4g.tmp\</t>
  </si>
  <si>
    <t>\\acsfs\profiles$\jonathanwap\lu6452104h4g.tmp\META-INF\</t>
  </si>
  <si>
    <t>\\acsfs\profiles$\jonathanwap\lu6452104h4g.tmp\Thumbnails\</t>
  </si>
  <si>
    <t>01/13/2020 10:59:24</t>
  </si>
  <si>
    <t>01/13/2020 11:00:28</t>
  </si>
  <si>
    <t>\\acsfs\DEPTOS\Operacao\PCP\5 - Comum\PLANEJAMENTO BV\22 - BANCO DE DADOS BV\CARTÕES\</t>
  </si>
  <si>
    <t>ID's para alteração.xlsx</t>
  </si>
  <si>
    <t>\\acsfs\DEPTOS\Operacao\PCP\5 - Comum\PLANEJAMENTO BV\22 - BANCO DE DADOS BV\CARTÕES\ID's para alteração.xlsx</t>
  </si>
  <si>
    <t>01/13/2020 10:56:24</t>
  </si>
  <si>
    <t>AGENT LOGIN LOGOUT DETAILS REPORT 12.01.2020.xlsx</t>
  </si>
  <si>
    <t>\\acsfs\deptos\Operacao\PCP\5 - Comum\PLANEJAMENTO BV\23 - EXTRAÇÕES\Agente Login Logout details report\2020\JANEIRO\AGENT LOGIN LOGOUT DETAILS REPORT 12.01.2020.xlsx</t>
  </si>
  <si>
    <t>01/13/2020 10:57:48</t>
  </si>
  <si>
    <t>\\acsfs\deptos\Operacao\PCP\5 - Comum\PLANEJAMENTO BV\23 - EXTRAÇÕES\Queue Summary Report\2020\</t>
  </si>
  <si>
    <t>Queue Summary Report 01.01.20 a 09.01.2020.xlsx</t>
  </si>
  <si>
    <t>\\acsfs\deptos\Operacao\PCP\5 - Comum\PLANEJAMENTO BV\23 - EXTRAÇÕES\Queue Summary Report\2020\Queue Summary Report 01.01.20 a 09.01.2020.xlsx</t>
  </si>
  <si>
    <t>01/13/2020 10:58:08</t>
  </si>
  <si>
    <t>01/13/2020 10:57:00</t>
  </si>
  <si>
    <t>01/13/2020 11:01:28</t>
  </si>
  <si>
    <t>01/13/2020 10:57:30</t>
  </si>
  <si>
    <t>01/13/2020 10:58:30</t>
  </si>
  <si>
    <t>01/13/2020 10:59:00</t>
  </si>
  <si>
    <t>01/13/2020 10:59:31</t>
  </si>
  <si>
    <t>01/13/2020 11:00:01</t>
  </si>
  <si>
    <t>01/13/2020 11:00:31</t>
  </si>
  <si>
    <t>01/13/2020 10:59:16</t>
  </si>
  <si>
    <t>10.200.67.151</t>
  </si>
  <si>
    <t>74-86-7A-FB-17-9B</t>
  </si>
  <si>
    <t>VOTORANT-00</t>
  </si>
  <si>
    <t>marianerdo</t>
  </si>
  <si>
    <t>\\acsfs\DEPTOS\EDUCACAO EMPRESARIAL\2 - Operações\0.01 BV CARTÕES\</t>
  </si>
  <si>
    <t>Treinamento BV Cartões.xlsx</t>
  </si>
  <si>
    <t>\\acsfs\DEPTOS\EDUCACAO EMPRESARIAL\2 - Operações\0.01 BV CARTÕES\Treinamento BV Cartões.xlsx</t>
  </si>
  <si>
    <t>01/13/2020 11:00:39</t>
  </si>
  <si>
    <t>01/13/2020 11:02:28</t>
  </si>
  <si>
    <t>.~lock.1724 (Tratados).ods#</t>
  </si>
  <si>
    <t>\\acsfs\profiles$\victoriaksr\My Documents\.~lock.1724 (Tratados).ods#</t>
  </si>
  <si>
    <t>01/13/2020 10:58:54</t>
  </si>
  <si>
    <t>f7712248-5c40-4472-87e5-c44b8d1993d9.tmp</t>
  </si>
  <si>
    <t>\\acsfs\profiles$\Angelicacldr\Downloads\f7712248-5c40-4472-87e5-c44b8d1993d9.tmp</t>
  </si>
  <si>
    <t>01/13/2020 11:03:29</t>
  </si>
  <si>
    <t>01/13/2020 10:58:59</t>
  </si>
  <si>
    <t>\\acsfs\profiles$\NATALIACSL\</t>
  </si>
  <si>
    <t>Novo Documento de Texto (3).txt</t>
  </si>
  <si>
    <t>\\acsfs\profiles$\NATALIACSL\Novo Documento de Texto (3).txt</t>
  </si>
  <si>
    <t>01/13/2020 10:59:01</t>
  </si>
  <si>
    <t>01/13/2020 11:04:28</t>
  </si>
  <si>
    <t>01/13/2020 11:00:57</t>
  </si>
  <si>
    <t>01/13/2020 11:05:28</t>
  </si>
  <si>
    <t>mail.google.com/sync/u/0/i/s?hl=pt-BR&amp;c=1149</t>
  </si>
  <si>
    <t>01/13/2020 11:01:02</t>
  </si>
  <si>
    <t>mail.google.com/sync/u/0/i/s?hl=pt-BR&amp;c=1151</t>
  </si>
  <si>
    <t>01/13/2020 11:01:01</t>
  </si>
  <si>
    <t>01/13/2020 11:06:29</t>
  </si>
  <si>
    <t>01/13/2020 11:01:31</t>
  </si>
  <si>
    <t>01/13/2020 11:02:01</t>
  </si>
  <si>
    <t>01/13/2020 11:02:31</t>
  </si>
  <si>
    <t>01/13/2020 11:05:02</t>
  </si>
  <si>
    <t>01/13/2020 11:05:32</t>
  </si>
  <si>
    <t>01/13/2020 11:05:25</t>
  </si>
  <si>
    <t>10.200.66.190</t>
  </si>
  <si>
    <t>64-1C-67-9D-1E-2F</t>
  </si>
  <si>
    <t>VOTORANT-LB040</t>
  </si>
  <si>
    <t>joselrb</t>
  </si>
  <si>
    <t>\\acsfs\profiles$\joselrb\Downloads\</t>
  </si>
  <si>
    <t>aaf083b5-7210-4bd4-b4d6-8dcf97aae80d.tmp</t>
  </si>
  <si>
    <t>\\acsfs\profiles$\joselrb\Downloads\aaf083b5-7210-4bd4-b4d6-8dcf97aae80d.tmp</t>
  </si>
  <si>
    <t>01/13/2020 11:03:02</t>
  </si>
  <si>
    <t>01/13/2020 11:07:28</t>
  </si>
  <si>
    <t>lu1973611kns4.tmp</t>
  </si>
  <si>
    <t>\\acsfs\profiles$\lucasgpe\Desktop\lu1973611kns4.tmp</t>
  </si>
  <si>
    <t>\\acsfs\profiles$\lucasgpe\Desktop\lu1973611kns4.tmp\</t>
  </si>
  <si>
    <t>\\acsfs\profiles$\lucasgpe\Desktop\lu1973611kns4.tmp\META-INF\</t>
  </si>
  <si>
    <t>\\acsfs\profiles$\lucasgpe\Desktop\lu1973611kns4.tmp\Thumbnails\</t>
  </si>
  <si>
    <t>01/13/2020 11:05:08</t>
  </si>
  <si>
    <t>4f833826-520a-4264-9f83-1b40035e3d58.tmp</t>
  </si>
  <si>
    <t>\\acsfs\profiles$\lucasgpe\Downloads\4f833826-520a-4264-9f83-1b40035e3d58.tmp</t>
  </si>
  <si>
    <t>01/13/2020 11:06:14</t>
  </si>
  <si>
    <t>01/13/2020 11:08:28</t>
  </si>
  <si>
    <t>http://erp.algartech.com/techonline/workflow/postupload.aspx?tp=add&amp;info_s=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</t>
  </si>
  <si>
    <t>C:\Users\camillarl\Desktop\</t>
  </si>
  <si>
    <t>horario Brunna.xlsx</t>
  </si>
  <si>
    <t>01/13/2020 11:06:18</t>
  </si>
  <si>
    <t>http://erp.algartech.com/techonline/workflow/gravapost.aspx</t>
  </si>
  <si>
    <t>01/13/2020 11:03:43</t>
  </si>
  <si>
    <t>01/13/2020 11:09:28</t>
  </si>
  <si>
    <t>67f45309-cbee-4c29-9384-705de260ae0f.tmp</t>
  </si>
  <si>
    <t>\\acsfs\profiles$\gabrielsma\Downloads\67f45309-cbee-4c29-9384-705de260ae0f.tmp</t>
  </si>
  <si>
    <t>01/13/2020 11:03:54</t>
  </si>
  <si>
    <t>Não confirmado 197340.crdownload</t>
  </si>
  <si>
    <t>\\acsfs\ACS\Gabriel da Silva\Contemporânea\Comissão e Incentivo\Não confirmado 197340.crdownload</t>
  </si>
  <si>
    <t>01/13/2020 11:08:14</t>
  </si>
  <si>
    <t>Incentivo BV - SAC_VL1.xlsx</t>
  </si>
  <si>
    <t>\\acsfs\ACS\Gabriel da Silva\Contemporânea\Comissão e Incentivo\Incentivo BV - SAC_VL1.xlsx</t>
  </si>
  <si>
    <t>01/13/2020 11:06:17</t>
  </si>
  <si>
    <t>01/13/2020 11:10:28</t>
  </si>
  <si>
    <t>01/13/2020 11:05:07</t>
  </si>
  <si>
    <t>lu263961x8m7c.tmp</t>
  </si>
  <si>
    <t>\\acsfs\profiles$\BRUNAAR\Numero\lu263961x8m7c.tmp</t>
  </si>
  <si>
    <t>01/13/2020 11:07:13</t>
  </si>
  <si>
    <t>daec9218-59cc-4076-ac51-bad33c3b42ab.tmp</t>
  </si>
  <si>
    <t>\\acsfs\profiles$\BRUNAAR\Downloads\daec9218-59cc-4076-ac51-bad33c3b42ab.tmp</t>
  </si>
  <si>
    <t>01/13/2020 11:09:35</t>
  </si>
  <si>
    <t>d0625e5a-cd2c-4ed3-95fc-d271f4baf6e5.tmp</t>
  </si>
  <si>
    <t>\\acsfs\profiles$\BRUNAAR\Downloads\d0625e5a-cd2c-4ed3-95fc-d271f4baf6e5.tmp</t>
  </si>
  <si>
    <t>01/13/2020 11:06:32</t>
  </si>
  <si>
    <t>01/13/2020 11:11:28</t>
  </si>
  <si>
    <t>01/13/2020 11:07:02</t>
  </si>
  <si>
    <t>01/13/2020 11:07:32</t>
  </si>
  <si>
    <t>01/13/2020 11:10:03</t>
  </si>
  <si>
    <t>01/13/2020 11:10:33</t>
  </si>
  <si>
    <t>01/13/2020 11:06:15</t>
  </si>
  <si>
    <t>01/13/2020 11:06:33</t>
  </si>
  <si>
    <t>45fd179e-3c8b-44e3-ab68-b2833a50eb17.tmp</t>
  </si>
  <si>
    <t>\\acsfs\profiles$\joselrb\Downloads\45fd179e-3c8b-44e3-ab68-b2833a50eb17.tmp</t>
  </si>
  <si>
    <t>01/13/2020 11:06:49</t>
  </si>
  <si>
    <t>84ec5e42-cdf0-415b-b978-8a4f850bcba4.tmp</t>
  </si>
  <si>
    <t>\\acsfs\profiles$\joselrb\Downloads\84ec5e42-cdf0-415b-b978-8a4f850bcba4.tmp</t>
  </si>
  <si>
    <t>01/13/2020 11:09:40</t>
  </si>
  <si>
    <t>01/13/2020 11:13:28</t>
  </si>
  <si>
    <t>mail.google.com/sync/u/0/i/s?hl=pt-BR&amp;c=62</t>
  </si>
  <si>
    <t>01/13/2020 11:09:42</t>
  </si>
  <si>
    <t>01/13/2020 11:10:08</t>
  </si>
  <si>
    <t>mail.google.com/sync/u/0/i/s?hl=pt-BR&amp;c=67</t>
  </si>
  <si>
    <t>01/13/2020 11:10:17</t>
  </si>
  <si>
    <t>mail.google.com/sync/u/0/i/s?hl=pt-BR&amp;c=69</t>
  </si>
  <si>
    <t>01/13/2020 11:10:22</t>
  </si>
  <si>
    <t>01/13/2020 11:11:09</t>
  </si>
  <si>
    <t>mail.google.com/sync/u/0/i/s?hl=pt-BR&amp;c=79</t>
  </si>
  <si>
    <t>01/13/2020 11:14:28</t>
  </si>
  <si>
    <t>01/13/2020 11:09:37</t>
  </si>
  <si>
    <t>954bda95-2e26-45b3-893a-876dd88a928b.tmp</t>
  </si>
  <si>
    <t>\\acsfs\profiles$\wedersonbadr\My Documents\My Music\954bda95-2e26-45b3-893a-876dd88a928b.tmp</t>
  </si>
  <si>
    <t>01/13/2020 11:09:44</t>
  </si>
  <si>
    <t>f5457964-2b21-40e6-a4de-4df5c4737ce9.tmp</t>
  </si>
  <si>
    <t>\\acsfs\profiles$\wedersonbadr\My Documents\My Music\f5457964-2b21-40e6-a4de-4df5c4737ce9.tmp</t>
  </si>
  <si>
    <t>01/13/2020 11:10:39</t>
  </si>
  <si>
    <t>01/13/2020 11:15:29</t>
  </si>
  <si>
    <t>c0e61a05-4bae-42bf-aa4f-64339de06e68.tmp</t>
  </si>
  <si>
    <t>\\acsfs\profiles$\BRUNAAR\Downloads\c0e61a05-4bae-42bf-aa4f-64339de06e68.tmp</t>
  </si>
  <si>
    <t>01/13/2020 11:12:15</t>
  </si>
  <si>
    <t>01/13/2020 11:12:44</t>
  </si>
  <si>
    <t>01/13/2020 11:13:54</t>
  </si>
  <si>
    <t>01/13/2020 11:12:24</t>
  </si>
  <si>
    <t>2011cd75-7725-456f-9d07-4479c802c259.tmp</t>
  </si>
  <si>
    <t>\\acsfs\profiles$\ANAPDSB\Downloads\2011cd75-7725-456f-9d07-4479c802c259.tmp</t>
  </si>
  <si>
    <t>01/13/2020 11:11:37</t>
  </si>
  <si>
    <t>2f12819f-232b-45cd-a65a-cd4c44ccb502.tmp</t>
  </si>
  <si>
    <t>\\acsfs\profiles$\mariajra\Downloads\2f12819f-232b-45cd-a65a-cd4c44ccb502.tmp</t>
  </si>
  <si>
    <t>01/13/2020 11:11:03</t>
  </si>
  <si>
    <t>01/13/2020 11:16:28</t>
  </si>
  <si>
    <t>01/13/2020 11:11:33</t>
  </si>
  <si>
    <t>01/13/2020 11:12:04</t>
  </si>
  <si>
    <t>01/13/2020 11:14:34</t>
  </si>
  <si>
    <t>01/13/2020 11:15:04</t>
  </si>
  <si>
    <t>01/13/2020 11:15:35</t>
  </si>
  <si>
    <t>01/13/2020 11:18:28</t>
  </si>
  <si>
    <t>01/13/2020 11:16:14</t>
  </si>
  <si>
    <t>c00e2d02-c382-4cd2-b2b3-c943d333a71a.tmp</t>
  </si>
  <si>
    <t>\\acsfs\profiles$\rafaelahpn\Downloads\c00e2d02-c382-4cd2-b2b3-c943d333a71a.tmp</t>
  </si>
  <si>
    <t>01/13/2020 11:19:28</t>
  </si>
  <si>
    <t>01/13/2020 11:14:59</t>
  </si>
  <si>
    <t>3bbd1cd9-4331-41b6-b328-7fc7b5e0e4b5.tmp</t>
  </si>
  <si>
    <t>\\acsfs\profiles$\nathaliarmr\Downloads\3bbd1cd9-4331-41b6-b328-7fc7b5e0e4b5.tmp</t>
  </si>
  <si>
    <t>01/13/2020 11:14:49</t>
  </si>
  <si>
    <t>04045c55-1323-4702-a4c1-0483870bf266.tmp</t>
  </si>
  <si>
    <t>\\acsfs\profiles$\lorraynevam\Downloads\04045c55-1323-4702-a4c1-0483870bf266.tmp</t>
  </si>
  <si>
    <t>01/13/2020 11:15:03</t>
  </si>
  <si>
    <t>c267bf3a-e83f-4701-986b-85bbf90e3772.tmp</t>
  </si>
  <si>
    <t>\\acsfs\profiles$\lorraynevam\Downloads\c267bf3a-e83f-4701-986b-85bbf90e3772.tmp</t>
  </si>
  <si>
    <t>01/13/2020 11:18:23</t>
  </si>
  <si>
    <t>01/13/2020 11:16:05</t>
  </si>
  <si>
    <t>01/13/2020 11:21:28</t>
  </si>
  <si>
    <t>01/13/2020 11:16:35</t>
  </si>
  <si>
    <t>01/13/2020 11:17:35</t>
  </si>
  <si>
    <t>01/13/2020 11:18:06</t>
  </si>
  <si>
    <t>01/13/2020 11:19:06</t>
  </si>
  <si>
    <t>01/13/2020 11:19:36</t>
  </si>
  <si>
    <t>01/13/2020 11:20:06</t>
  </si>
  <si>
    <t>01/13/2020 11:20:36</t>
  </si>
  <si>
    <t>01/13/2020 11:18:02</t>
  </si>
  <si>
    <t>01/13/2020 11:23:29</t>
  </si>
  <si>
    <t>mail.google.com/sync/u/0/i/s?hl=pt-BR&amp;c=204</t>
  </si>
  <si>
    <t>01/13/2020 11:18:10</t>
  </si>
  <si>
    <t>mail.google.com/sync/u/0/i/s?hl=pt-BR&amp;c=207</t>
  </si>
  <si>
    <t>01/13/2020 11:18:19</t>
  </si>
  <si>
    <t>mail.google.com/sync/u/0/i/s?hl=pt-BR&amp;c=209</t>
  </si>
  <si>
    <t>01/13/2020 11:18:22</t>
  </si>
  <si>
    <t>mail.google.com/sync/u/0/i/s?hl=pt-BR&amp;c=211</t>
  </si>
  <si>
    <t>01/13/2020 11:21:01</t>
  </si>
  <si>
    <t>01/13/2020 11:24:28</t>
  </si>
  <si>
    <t>\\acsfs\ACS\Gabriel da Silva\Contemporânea\NPS\NPS_Voz\Dezembro.19\</t>
  </si>
  <si>
    <t>Não confirmado 106632.crdownload</t>
  </si>
  <si>
    <t>\\acsfs\ACS\Gabriel da Silva\Contemporânea\NPS\NPS_Voz\Dezembro.19\Não confirmado 106632.crdownload</t>
  </si>
  <si>
    <t>01/13/2020 11:21:31</t>
  </si>
  <si>
    <t>01/13/2020 11:21:53</t>
  </si>
  <si>
    <t>01/13/2020 11:23:13</t>
  </si>
  <si>
    <t>01/13/2020 11:25:29</t>
  </si>
  <si>
    <t>01/13/2020 11:20:26</t>
  </si>
  <si>
    <t>9bb3ebe3-d3ca-4ad3-89b2-c6293aad4e53.tmp</t>
  </si>
  <si>
    <t>\\acsfs\profiles$\henriquehmdo\Downloads\9bb3ebe3-d3ca-4ad3-89b2-c6293aad4e53.tmp</t>
  </si>
  <si>
    <t>Teste</t>
  </si>
  <si>
    <t>01/13/2020 11:22:38</t>
  </si>
  <si>
    <t>32659df5-c9da-4053-969a-5bdc2962ffae.tmp</t>
  </si>
  <si>
    <t>\\acsfs\profiles$\lucasqdss\Downloads\32659df5-c9da-4053-969a-5bdc2962ffae.tmp</t>
  </si>
  <si>
    <t>01/13/2020 11:21:06</t>
  </si>
  <si>
    <t>01/13/2020 11:26:28</t>
  </si>
  <si>
    <t>01/13/2020 11:25:38</t>
  </si>
  <si>
    <t>01/13/2020 11:28:28</t>
  </si>
  <si>
    <t>01/13/2020 11:22:45</t>
  </si>
  <si>
    <t>mail.google.com/sync/u/0/i/s?hl=pt-BR&amp;c=233</t>
  </si>
  <si>
    <t>01/13/2020 11:22:52</t>
  </si>
  <si>
    <t>mail.google.com/sync/u/0/i/s?hl=pt-BR&amp;c=235</t>
  </si>
  <si>
    <t>https://www.portalsinergyrh.com.br/operador/meta/salvaranexoobservacaodameta</t>
  </si>
  <si>
    <t>01/13/2020 11:24:24</t>
  </si>
  <si>
    <t>01/13/2020 11:29:28</t>
  </si>
  <si>
    <t>01/13/2020 11:27:33</t>
  </si>
  <si>
    <t>01/13/2020 11:26:47</t>
  </si>
  <si>
    <t>nathaliaos</t>
  </si>
  <si>
    <t>\\acsfs\profiles$\nathaliaos\My Documents\My Pictures\</t>
  </si>
  <si>
    <t>\\acsfs\profiles$\nathaliaos\My Documents\My Videos\desktop.ini</t>
  </si>
  <si>
    <t>01/13/2020 11:26:51</t>
  </si>
  <si>
    <t>\\acsfs\profiles$\nathaliaos\My Documents\My Videos\</t>
  </si>
  <si>
    <t>01/13/2020 11:26:55</t>
  </si>
  <si>
    <t>01/13/2020 11:26:57</t>
  </si>
  <si>
    <t>01/13/2020 11:26:59</t>
  </si>
  <si>
    <t>01/13/2020 11:27:06</t>
  </si>
  <si>
    <t>\\acsfs\profiles$\nathaliaos\My Documents\My Music\</t>
  </si>
  <si>
    <t>\\acsfs\profiles$\nathaliaos\My Documents\My Pictures\desktop.ini</t>
  </si>
  <si>
    <t>01/13/2020 11:27:08</t>
  </si>
  <si>
    <t>01/13/2020 11:27:11</t>
  </si>
  <si>
    <t>01/13/2020 11:27:12</t>
  </si>
  <si>
    <t>01/13/2020 11:27:13</t>
  </si>
  <si>
    <t>01/13/2020 11:27:16</t>
  </si>
  <si>
    <t>\\acsfs\profiles$\nathaliaos\Contacts\</t>
  </si>
  <si>
    <t>\\acsfs\profiles$\nathaliaos\Contacts\desktop.ini</t>
  </si>
  <si>
    <t>01/13/2020 11:27:17</t>
  </si>
  <si>
    <t>01/13/2020 11:27:18</t>
  </si>
  <si>
    <t>01/13/2020 11:27:19</t>
  </si>
  <si>
    <t>01/13/2020 11:27:20</t>
  </si>
  <si>
    <t>01/13/2020 11:27:21</t>
  </si>
  <si>
    <t>01/13/2020 11:27:23</t>
  </si>
  <si>
    <t>\\acsfs\profiles$\nathaliaos\My Documents\</t>
  </si>
  <si>
    <t>\\acsfs\profiles$\nathaliaos\Favorites\desktop.ini</t>
  </si>
  <si>
    <t>01/13/2020 11:27:24</t>
  </si>
  <si>
    <t>01/13/2020 11:27:27</t>
  </si>
  <si>
    <t>01/13/2020 11:27:30</t>
  </si>
  <si>
    <t>01/13/2020 11:27:31</t>
  </si>
  <si>
    <t>01/13/2020 11:27:32</t>
  </si>
  <si>
    <t>01/13/2020 11:27:34</t>
  </si>
  <si>
    <t>\\acsfs\profiles$\nathaliaos\My Documents\My Music\desktop.ini</t>
  </si>
  <si>
    <t>01/13/2020 11:27:35</t>
  </si>
  <si>
    <t>01/13/2020 11:27:37</t>
  </si>
  <si>
    <t>01/13/2020 11:27:38</t>
  </si>
  <si>
    <t>01/13/2020 11:27:39</t>
  </si>
  <si>
    <t>01/13/2020 11:27:42</t>
  </si>
  <si>
    <t>\\acsfs\profiles$\nathaliaos\Searches\</t>
  </si>
  <si>
    <t>\\acsfs\profiles$\nathaliaos\Searches\desktop.ini</t>
  </si>
  <si>
    <t>01/13/2020 11:27:43</t>
  </si>
  <si>
    <t>01/13/2020 11:27:46</t>
  </si>
  <si>
    <t>01/13/2020 11:27:48</t>
  </si>
  <si>
    <t>01/13/2020 11:27:49</t>
  </si>
  <si>
    <t>01/13/2020 11:27:50</t>
  </si>
  <si>
    <t>\\acsfs\profiles$\nathaliaos\Downloads\</t>
  </si>
  <si>
    <t>\\acsfs\profiles$\nathaliaos\Downloads\desktop.ini</t>
  </si>
  <si>
    <t>01/13/2020 11:27:52</t>
  </si>
  <si>
    <t>01/13/2020 11:27:54</t>
  </si>
  <si>
    <t>\\acsfs\profiles$\nathaliaos\Favorites\</t>
  </si>
  <si>
    <t>\\acsfs\profiles$\nathaliaos\My Documents\desktop.ini</t>
  </si>
  <si>
    <t>01/13/2020 11:27:56</t>
  </si>
  <si>
    <t>01/13/2020 11:27:57</t>
  </si>
  <si>
    <t>01/13/2020 11:27:58</t>
  </si>
  <si>
    <t>01/13/2020 11:28:00</t>
  </si>
  <si>
    <t>01/13/2020 11:28:01</t>
  </si>
  <si>
    <t>01/13/2020 11:28:03</t>
  </si>
  <si>
    <t>\\acsfs\profiles$\nathaliaos\Saved Games\desktop.ini</t>
  </si>
  <si>
    <t>01/13/2020 11:28:05</t>
  </si>
  <si>
    <t>01/13/2020 11:28:29</t>
  </si>
  <si>
    <t>winrt--{S-1-5-21-602162358-764733703-839522115-330507}-.searchconnector-ms</t>
  </si>
  <si>
    <t>\\acsfs\profiles$\nathaliaos\Searches\winrt--{S-1-5-21-602162358-764733703-839522115-330507}-.searchconnector-ms</t>
  </si>
  <si>
    <t>01/13/2020 11:26:08</t>
  </si>
  <si>
    <t>01/13/2020 11:31:28</t>
  </si>
  <si>
    <t>01/13/2020 11:26:38</t>
  </si>
  <si>
    <t>01/13/2020 11:29:17</t>
  </si>
  <si>
    <t>01/13/2020 11:34:28</t>
  </si>
  <si>
    <t>Não confirmado 872030.crdownload</t>
  </si>
  <si>
    <t>\\acsfs\ACS\Gabriel da Silva\Contemporânea\Gen\Não confirmado 872030.crdownload</t>
  </si>
  <si>
    <t>01/13/2020 11:32:38</t>
  </si>
  <si>
    <t>01/13/2020 11:36:29</t>
  </si>
  <si>
    <t>01/13/2020 11:34:04</t>
  </si>
  <si>
    <t>lu2733221pjne.tmp</t>
  </si>
  <si>
    <t>\\acsfs\profiles$\RAFAELRF\meu\lu2733221pjne.tmp</t>
  </si>
  <si>
    <t>10.200.32.12</t>
  </si>
  <si>
    <t>5C-F9-DD-EB-0C-3F</t>
  </si>
  <si>
    <t>VOTORANT-CA067</t>
  </si>
  <si>
    <t>01/13/2020 11:44:28</t>
  </si>
  <si>
    <t>01/13/2020 11:42:02</t>
  </si>
  <si>
    <t>\\acsfs\ACS\Gabriel da Silva\Contemporânea\Comissão e Incentivo\16FE4B5D.tmp\</t>
  </si>
  <si>
    <t>\\acsfs\ACS\Gabriel da Silva\Contemporânea\Comissão e Incentivo\16FE4B5D.tmp\:Zone.Identifier:$DATA</t>
  </si>
  <si>
    <t>01/13/2020 11:42:47</t>
  </si>
  <si>
    <t>01/13/2020 11:45:28</t>
  </si>
  <si>
    <t>\\acsfs\DEPTOS\Operacao\PCP\5 - Comum\PLANEJAMENTO BV\14 - ACOMPANHAMENTO\Report whatsapp\</t>
  </si>
  <si>
    <t>\\acsfs\DEPTOS\Operacao\PCP\5 - Comum\PLANEJAMENTO BV\14 - ACOMPANHAMENTO\Report whatsapp\Report WhatsApp - JANEIRO.xlsx</t>
  </si>
  <si>
    <t>01/13/2020 11:40:51</t>
  </si>
  <si>
    <t>c32d4752-1eb5-4353-8699-3c9026d18f30.tmp</t>
  </si>
  <si>
    <t>\\acsfs\profiles$\lucasqdss\Downloads\c32d4752-1eb5-4353-8699-3c9026d18f30.tmp</t>
  </si>
  <si>
    <t>01/13/2020 11:45:58</t>
  </si>
  <si>
    <t>01/13/2020 11:47:29</t>
  </si>
  <si>
    <t>0855d506-45d0-4d4a-a269-23bde7e15303.tmp</t>
  </si>
  <si>
    <t>\\acsfs\profiles$\PEDROHAB\Downloads\0855d506-45d0-4d4a-a269-23bde7e15303.tmp</t>
  </si>
  <si>
    <t>01/13/2020 11:46:29</t>
  </si>
  <si>
    <t>763ffb0d-95d7-424a-927c-81ac473e48e1.tmp</t>
  </si>
  <si>
    <t>\\acsfs\profiles$\PEDROHAB\Downloads\763ffb0d-95d7-424a-927c-81ac473e48e1.tmp</t>
  </si>
  <si>
    <t>01/13/2020 11:46:31</t>
  </si>
  <si>
    <t>252271f3-9a3b-4a29-b909-dac7bf00a66d.tmp</t>
  </si>
  <si>
    <t>\\acsfs\profiles$\PEDROHAB\Downloads\252271f3-9a3b-4a29-b909-dac7bf00a66d.tmp</t>
  </si>
  <si>
    <t>01/13/2020 11:42:40</t>
  </si>
  <si>
    <t>d2449b9e-332d-4b90-a518-b8d38f59261a.tmp</t>
  </si>
  <si>
    <t>\\acsfs\profiles$\lucasgpe\Downloads\d2449b9e-332d-4b90-a518-b8d38f59261a.tmp</t>
  </si>
  <si>
    <t>01/13/2020 11:46:09</t>
  </si>
  <si>
    <t>01/13/2020 11:48:28</t>
  </si>
  <si>
    <t>\\acsfs\profiles$\jhonatadss\My Documents\</t>
  </si>
  <si>
    <t>Jhonata.txt</t>
  </si>
  <si>
    <t>\\acsfs\profiles$\jhonatadss\My Documents\Jhonata.txt</t>
  </si>
  <si>
    <t>01/13/2020 11:49:29</t>
  </si>
  <si>
    <t>TMO.xlsm</t>
  </si>
  <si>
    <t>\\acsfs\ACS\Gabriel da Silva\Contemporânea\TMO.xlsm</t>
  </si>
  <si>
    <t>01/13/2020 11:46:45</t>
  </si>
  <si>
    <t>~$Agent_Utilization_Report_Matheus.xlsx</t>
  </si>
  <si>
    <t>\\acsfs\ACS\Gabriel da Silva\Contemporânea\Gen\~$Agent_Utilization_Report_Matheus.xlsx</t>
  </si>
  <si>
    <t>01/13/2020 11:46:33</t>
  </si>
  <si>
    <t>dc2234b3-5675-4b17-a14d-ab457e582759.tmp</t>
  </si>
  <si>
    <t>\\acsfs\profiles$\lorraynevam\Downloads\dc2234b3-5675-4b17-a14d-ab457e582759.tmp</t>
  </si>
  <si>
    <t>01/13/2020 11:50:28</t>
  </si>
  <si>
    <t>01/13/2020 11:45:07</t>
  </si>
  <si>
    <t>87aad2a1-5d0a-456f-b01b-37ea664b7117.tmp</t>
  </si>
  <si>
    <t>\\acsfs\profiles$\paulovadc\Downloads\87aad2a1-5d0a-456f-b01b-37ea664b7117.tmp</t>
  </si>
  <si>
    <t>01/13/2020 11:47:05</t>
  </si>
  <si>
    <t>01/13/2020 11:52:28</t>
  </si>
  <si>
    <t>4b4f01d2-8682-48c5-b81d-0f2afd2c793f.tmp</t>
  </si>
  <si>
    <t>\\acsfs\profiles$\PEDROHAB\Downloads\4b4f01d2-8682-48c5-b81d-0f2afd2c793f.tmp</t>
  </si>
  <si>
    <t>01/13/2020 11:48:36</t>
  </si>
  <si>
    <t>mail.google.com/sync/u/0/i/s?hl=pt-BR&amp;c=417</t>
  </si>
  <si>
    <t>flaviacno@algartech.com;gustavodsil@algartech.com;maristelavodq@bv.algartech.com;</t>
  </si>
  <si>
    <t>flaviacno@algartech.com,gustavodsil@algartech.com,maristelavodq@bv.algartech.com</t>
  </si>
  <si>
    <t>01/13/2020 11:48:57</t>
  </si>
  <si>
    <t>mail.google.com/sync/u/0/i/s?hl=pt-BR&amp;c=420</t>
  </si>
  <si>
    <t>01/13/2020 11:49:07</t>
  </si>
  <si>
    <t>C:\Users\raicdf\Downloads\</t>
  </si>
  <si>
    <t>Incentivo BV - CRBV (1).xlsx</t>
  </si>
  <si>
    <t>01/13/2020 11:49:08</t>
  </si>
  <si>
    <t>mail.google.com/sync/u/0/i/s?hl=pt-BR&amp;c=422</t>
  </si>
  <si>
    <t>01/13/2020 11:53:28</t>
  </si>
  <si>
    <t>01/13/2020 11:50:56</t>
  </si>
  <si>
    <t>01/13/2020 11:51:43</t>
  </si>
  <si>
    <t>33c762f9-3c7b-43f3-abc3-b117cf39b69e.tmp</t>
  </si>
  <si>
    <t>\\acsfs\profiles$\jhonatadss\Downloads\33c762f9-3c7b-43f3-abc3-b117cf39b69e.tmp</t>
  </si>
  <si>
    <t>01/13/2020 11:52:17</t>
  </si>
  <si>
    <t>e4dddf3f-604b-4c0e-b9f4-28bdf5888b5f.tmp</t>
  </si>
  <si>
    <t>\\acsfs\profiles$\jhonatadss\Downloads\e4dddf3f-604b-4c0e-b9f4-28bdf5888b5f.tmp</t>
  </si>
  <si>
    <t>01/13/2020 11:50:35</t>
  </si>
  <si>
    <t>01/13/2020 11:54:28</t>
  </si>
  <si>
    <t>\\acsfs\ACS\Gabriel da Silva\Contemporânea\Comissão e Incentivo\652FB5EA.tmp\</t>
  </si>
  <si>
    <t>\\acsfs\ACS\Gabriel da Silva\Contemporânea\Comissão e Incentivo\652FB5EA.tmp\:Zone.Identifier:$DATA</t>
  </si>
  <si>
    <t>01/13/2020 11:55:28</t>
  </si>
  <si>
    <t>01/13/2020 11:51:52</t>
  </si>
  <si>
    <t>lu263961x8m7f.tmp</t>
  </si>
  <si>
    <t>\\acsfs\profiles$\BRUNAAR\Numero\lu263961x8m7f.tmp</t>
  </si>
  <si>
    <t>01/13/2020 11:52:55</t>
  </si>
  <si>
    <t>01/13/2020 11:52:56</t>
  </si>
  <si>
    <t>lu263961x8m7i.tmp</t>
  </si>
  <si>
    <t>\\acsfs\profiles$\BRUNAAR\Numero\lu263961x8m7i.tmp</t>
  </si>
  <si>
    <t>01/13/2020 11:54:34</t>
  </si>
  <si>
    <t>01/13/2020 11:56:28</t>
  </si>
  <si>
    <t>52dda34a-14cc-490b-bbb8-eaa1ecbf4c33.tmp</t>
  </si>
  <si>
    <t>\\acsfs\profiles$\joselrb\Downloads\52dda34a-14cc-490b-bbb8-eaa1ecbf4c33.tmp</t>
  </si>
  <si>
    <t>01/13/2020 11:55:05</t>
  </si>
  <si>
    <t>01/13/2020 11:58:28</t>
  </si>
  <si>
    <t>7695856b-216a-4fcb-a3ad-f9c86f7ab8c7.tmp</t>
  </si>
  <si>
    <t>\\acsfs\profiles$\wenderbnm\Downloads\7695856b-216a-4fcb-a3ad-f9c86f7ab8c7.tmp</t>
  </si>
  <si>
    <t>01/13/2020 11:53:39</t>
  </si>
  <si>
    <t>01/13/2020 11:59:28</t>
  </si>
  <si>
    <t>c2a0af82-fe04-4658-a63f-7553147db474.tmp</t>
  </si>
  <si>
    <t>\\acsfs\profiles$\vivianealda\Downloads\c2a0af82-fe04-4658-a63f-7553147db474.tmp</t>
  </si>
  <si>
    <t>01/13/2020 11:57:17</t>
  </si>
  <si>
    <t>01/13/2020 11:57:19</t>
  </si>
  <si>
    <t>01/13/2020 11:56:27</t>
  </si>
  <si>
    <t>f8cbb435-0556-4701-81a2-d3555d4c1818.tmp</t>
  </si>
  <si>
    <t>\\acsfs\profiles$\quindaizaagds\Downloads\f8cbb435-0556-4701-81a2-d3555d4c1818.tmp</t>
  </si>
  <si>
    <t>01/13/2020 11:56:57</t>
  </si>
  <si>
    <t>5b74a8da-ed0a-497f-bfc6-e413cc63c87d.tmp</t>
  </si>
  <si>
    <t>\\acsfs\profiles$\quindaizaagds\Downloads\5b74a8da-ed0a-497f-bfc6-e413cc63c87d.tmp</t>
  </si>
  <si>
    <t>01/13/2020 11:56:40</t>
  </si>
  <si>
    <t>01/13/2020 11:56:41</t>
  </si>
  <si>
    <t>lu6452104h4l.tmp</t>
  </si>
  <si>
    <t>\\acsfs\profiles$\jonathanwap\lu6452104h4l.tmp</t>
  </si>
  <si>
    <t>\\acsfs\profiles$\jonathanwap\lu6452104h4l.tmp\</t>
  </si>
  <si>
    <t>\\acsfs\profiles$\jonathanwap\lu6452104h4l.tmp\META-INF\</t>
  </si>
  <si>
    <t>\\acsfs\profiles$\jonathanwap\lu6452104h4l.tmp\Thumbnails\</t>
  </si>
  <si>
    <t>01/13/2020 12:00:28</t>
  </si>
  <si>
    <t>01/13/2020 11:55:42</t>
  </si>
  <si>
    <t>d366e3f9-3699-442d-99e6-0a0c2fcefbb9.tmp</t>
  </si>
  <si>
    <t>\\acsfs\profiles$\henriquehmdo\Downloads\d366e3f9-3699-442d-99e6-0a0c2fcefbb9.tmp</t>
  </si>
  <si>
    <t>01/13/2020 11:57:33</t>
  </si>
  <si>
    <t>01/13/2020 11:57:34</t>
  </si>
  <si>
    <t>lu130441buyz.tmp</t>
  </si>
  <si>
    <t>\\acsfs\profiles$\CINTIADCF\lu130441buyz.tmp</t>
  </si>
  <si>
    <t>\\acsfs\profiles$\CINTIADCF\lu130441buyz.tmp\</t>
  </si>
  <si>
    <t>\\acsfs\profiles$\CINTIADCF\lu130441buyz.tmp\META-INF\</t>
  </si>
  <si>
    <t>\\acsfs\profiles$\CINTIADCF\lu130441buyz.tmp\Thumbnails\</t>
  </si>
  <si>
    <t>01/13/2020 11:56:17</t>
  </si>
  <si>
    <t>01/13/2020 11:58:38</t>
  </si>
  <si>
    <t>01/13/2020 12:02:28</t>
  </si>
  <si>
    <t>01/13/2020 11:59:05</t>
  </si>
  <si>
    <t>01/13/2020 12:00:02</t>
  </si>
  <si>
    <t>01/13/2020 12:04:28</t>
  </si>
  <si>
    <t>01/13/2020 12:00:03</t>
  </si>
  <si>
    <t>01/13/2020 12:03:35</t>
  </si>
  <si>
    <t>01/13/2020 12:05:28</t>
  </si>
  <si>
    <t>01/13/2020 12:04:59</t>
  </si>
  <si>
    <t>01/13/2020 12:08:28</t>
  </si>
  <si>
    <t>https://vimeo.com/undefined?action=log_promo_impression</t>
  </si>
  <si>
    <t>01/13/2020 12:08:08</t>
  </si>
  <si>
    <t>01/13/2020 12:09:29</t>
  </si>
  <si>
    <t>26127fab-0e0d-4d0a-8a6f-a3b9cf3589c1.tmp</t>
  </si>
  <si>
    <t>\\acsfs\profiles$\vivianealda\Downloads\26127fab-0e0d-4d0a-8a6f-a3b9cf3589c1.tmp</t>
  </si>
  <si>
    <t>01/13/2020 12:07:13</t>
  </si>
  <si>
    <t>2a160985-58f5-4813-9b8f-4545acc27637.tmp</t>
  </si>
  <si>
    <t>\\acsfs\profiles$\ALYNYA\Downloads\2a160985-58f5-4813-9b8f-4545acc27637.tmp</t>
  </si>
  <si>
    <t>01/13/2020 12:06:20</t>
  </si>
  <si>
    <t>a7c23f61-d4e8-4796-85c8-e5fa8f6686dd.tmp</t>
  </si>
  <si>
    <t>\\acsfs\profiles$\gabrielafs\Downloads\a7c23f61-d4e8-4796-85c8-e5fa8f6686dd.tmp</t>
  </si>
  <si>
    <t>01/13/2020 12:07:19</t>
  </si>
  <si>
    <t>d178d200-52d2-4ee0-a0d0-b6df54a99bd7.tmp</t>
  </si>
  <si>
    <t>\\acsfs\profiles$\ALYNYA\Downloads\d178d200-52d2-4ee0-a0d0-b6df54a99bd7.tmp</t>
  </si>
  <si>
    <t>01/13/2020 12:05:29</t>
  </si>
  <si>
    <t>9ff367dc-fb41-4853-93a3-9643bbe73bba.tmp</t>
  </si>
  <si>
    <t>\\acsfs\profiles$\gustavoab\Downloads\9ff367dc-fb41-4853-93a3-9643bbe73bba.tmp</t>
  </si>
  <si>
    <t>01/13/2020 12:10:28</t>
  </si>
  <si>
    <t>01/13/2020 12:06:27</t>
  </si>
  <si>
    <t>01/13/2020 12:11:29</t>
  </si>
  <si>
    <t>01/13/2020 12:10:22</t>
  </si>
  <si>
    <t>d2e6ba58-71bb-4c96-a2bf-603c00fc05a3.tmp</t>
  </si>
  <si>
    <t>\\acsfs\profiles$\sarahbal\Downloads\d2e6ba58-71bb-4c96-a2bf-603c00fc05a3.tmp</t>
  </si>
  <si>
    <t>01/13/2020 12:12:12</t>
  </si>
  <si>
    <t>01/13/2020 12:15:29</t>
  </si>
  <si>
    <t>10.200.67.180</t>
  </si>
  <si>
    <t>78-2B-CB-C1-07-ED</t>
  </si>
  <si>
    <t>VOTORANT-LB006</t>
  </si>
  <si>
    <t>joaopnbg</t>
  </si>
  <si>
    <t>\\acsfs\profiles$\joaopnbg\Desktop\</t>
  </si>
  <si>
    <t>dados e script.txt</t>
  </si>
  <si>
    <t>\\acsfs\profiles$\joaopnbg\Desktop\dados e script.txt</t>
  </si>
  <si>
    <t>01/13/2020 12:10:03</t>
  </si>
  <si>
    <t>01/13/2020 12:13:32</t>
  </si>
  <si>
    <t>01/13/2020 12:14:10</t>
  </si>
  <si>
    <t>01/13/2020 12:10:17</t>
  </si>
  <si>
    <t>https://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01/13/2020 12:14:18</t>
  </si>
  <si>
    <t>01/13/2020 12:19:29</t>
  </si>
  <si>
    <t>01/13/2020 12:18:16</t>
  </si>
  <si>
    <t>23/02/1969;</t>
  </si>
  <si>
    <t>https://23/02/1969</t>
  </si>
  <si>
    <t>01/13/2020 12:20:28</t>
  </si>
  <si>
    <t>01/13/2020 12:17:07</t>
  </si>
  <si>
    <t>89d688b7-c9e6-4ac4-9f4b-dae351c4a2a0.tmp</t>
  </si>
  <si>
    <t>\\acsfs\profiles$\leonardobb\Downloads\89d688b7-c9e6-4ac4-9f4b-dae351c4a2a0.tmp</t>
  </si>
  <si>
    <t>01/13/2020 12:17:33</t>
  </si>
  <si>
    <t>01/13/2020 12:22:28</t>
  </si>
  <si>
    <t>3842ea71-d235-4bed-bde1-9b3cf1c8448d.tmp</t>
  </si>
  <si>
    <t>\\acsfs\profiles$\lucasgpe\Downloads\3842ea71-d235-4bed-bde1-9b3cf1c8448d.tmp</t>
  </si>
  <si>
    <t>01/13/2020 12:22:21</t>
  </si>
  <si>
    <t>01/13/2020 12:23:29</t>
  </si>
  <si>
    <t>01/13/2020 12:22:29</t>
  </si>
  <si>
    <t>01/13/2020 12:24:28</t>
  </si>
  <si>
    <t>01/13/2020 12:20:35</t>
  </si>
  <si>
    <t>23/02/1969;__/__/____;</t>
  </si>
  <si>
    <t>https://23/02/1969,__/__/____</t>
  </si>
  <si>
    <t>01/13/2020 12:21:33</t>
  </si>
  <si>
    <t>01/13/2020 12:21:49</t>
  </si>
  <si>
    <t>01/13/2020 12:24:22</t>
  </si>
  <si>
    <t>01/13/2020 12:25:29</t>
  </si>
  <si>
    <t>\\acsfs\DEPTOS\Operacao\PCP\5 - Comum\PLANEJAMENTO BV\14 - ACOMPANHAMENTO\1 - REPORT ACOMPANHAMENTO\2020\1 - JANEIRO\CARTÕES\Login Logout Cartões\</t>
  </si>
  <si>
    <t>RELATORIO DE LOGIN - BV CARTÕES 08-01 - Cópia.xlsm</t>
  </si>
  <si>
    <t>\\acsfs\DEPTOS\Operacao\PCP\5 - Comum\PLANEJAMENTO BV\14 - ACOMPANHAMENTO\1 - REPORT ACOMPANHAMENTO\2020\1 - JANEIRO\CARTÕES\Login Logout Cartões\RELATORIO DE LOGIN - BV CARTÕES 08-01 - Cópia.xlsm</t>
  </si>
  <si>
    <t>01/13/2020 12:23:45</t>
  </si>
  <si>
    <t>mail.google.com/sync/u/0/i/s?hl=pt-BR&amp;c=788</t>
  </si>
  <si>
    <t>100029219261351;</t>
  </si>
  <si>
    <t>01/13/2020 12:23:52</t>
  </si>
  <si>
    <t>mail.google.com/sync/u/0/i/s?hl=pt-BR&amp;c=791</t>
  </si>
  <si>
    <t>01/13/2020 12:24:09</t>
  </si>
  <si>
    <t>mail.google.com/sync/u/0/i/s?hl=pt-BR&amp;c=794</t>
  </si>
  <si>
    <t>01/13/2020 12:24:12</t>
  </si>
  <si>
    <t>mail.google.com/sync/u/0/i/s?hl=pt-BR&amp;c=796</t>
  </si>
  <si>
    <t>01/13/2020 12:24:30</t>
  </si>
  <si>
    <t>mail.google.com/sync/u/0/i/s?hl=pt-BR&amp;c=798</t>
  </si>
  <si>
    <t>01/13/2020 12:24:51</t>
  </si>
  <si>
    <t>mail.google.com/sync/u/0/i/s?hl=pt-BR&amp;c=800</t>
  </si>
  <si>
    <t>01/13/2020 12:23:00</t>
  </si>
  <si>
    <t>01/13/2020 12:26:28</t>
  </si>
  <si>
    <t>01/13/2020 12:23:30</t>
  </si>
  <si>
    <t>01/13/2020 12:24:00</t>
  </si>
  <si>
    <t>01/13/2020 12:27:28</t>
  </si>
  <si>
    <t>9bf6ca3e-480a-4b1d-9085-6b8e8e9eb255.tmp</t>
  </si>
  <si>
    <t>\\acsfs\profiles$\lucasgpe\Downloads\9bf6ca3e-480a-4b1d-9085-6b8e8e9eb255.tmp</t>
  </si>
  <si>
    <t>01/13/2020 12:26:40</t>
  </si>
  <si>
    <t>mail.google.com/sync/u/0/i/s?hl=pt-BR&amp;c=463</t>
  </si>
  <si>
    <t>_x0002_�_x0019_�\]�$�e[�a_x0004_�mw���1_x0004_j4&gt;g��&gt;_x0008_����~�j�_x0012_�i_x001D_;"mozilla/5.0 (windows nt 6.1) applewebkit/537.36 (khtml;1;13;13700109;13700167;13700883;13700946;13701078;13701207;13701214;13701239;13701262;13701298;13701418;13701486;13701510;13701609;13701625;13701653;13701657;13701693;13701709;13701825;13701901;13701909;13702064;13702068;13702088;1578915882896000;1578915886959000;4repet0scaaaa4liaaaajmqf2kz44sg1npvhrp5ya-eah9mzpvg6kl9izriwjk97h6v_kcjh4sw2rf_itsulvo-3l6-wytsybqsmi4xv23fkeay8qmocdpcm6u6mkhgpg1ycp4mktrb_yi4ruhaswq2li4w3ybymavyxxvltnranpmk;[[13701573;adfn-cuic5g8_16whytgiekdf3jxrbjnjvixuvd0lznttt2taf-j54m6caccsuef-adtq_bo2vo3;false];fu3fjgoddmyifg";ken=ac4w5vgn40hogkv5c9ofcuermtl06jtegg:1578915882893&amp;buildlabel=drive.web-frontend_20200101.00_p4��s/�sl� *((�k/o�- �e_x0018_���_x000F__�����@wi�u_x001D_w_x0006_7_x001D_x\m�o��� �ԩ�_x001C_���/��w�x�_x001F_&gt;����ޥ��g_x0016_/�1���_x000F_��8������_x001B_����&gt;�cm*u��j��_x0003_tq�_x0002_�ߛ�p�0�z� �x��=_x0007_ ���_x0017_y��;like gecko) chrome/79.0.3945.117 safari/537.36";null;pt-br;</t>
  </si>
  <si>
    <t>_x0002_�_x0019_�\]�$�e[�a_x0004_�mw���1_x0004_j4&gt;g��&gt;_x0008_����~�j�_x0012_�i_x001D_,"mozilla/5.0 (windows nt 6.1) applewebkit/537.36 (khtml,1,13,13700109,13700167,13700883,13700946,13701078,13701207,13701214,13701239,13701262,13701298,13701418,13701486,13701510,13701609,13701625,13701653,13701657,13701693,13701709,13701825,13701901,13701909,13702064,13702068,13702088,1578915882896000,1578915886959000,4repet0scaaaa4liaaaajmqf2kz44sg1npvhrp5ya-eah9mzpvg6kl9izriwjk97h6v_kcjh4sw2rf_itsulvo-3l6-wytsybqsmi4xv23fkeay8qmocdpcm6u6mkhgpg1ycp4mktrb_yi4ruhaswq2li4w3ybymavyxxvltnranpmk,[[13701573,adfn-cuic5g8_16whytgiekdf3jxrbjnjvixuvd0lznttt2taf-j54m6caccsuef-adtq_bo2vo3,false],fu3fjgoddmyifg",ken=ac4w5vgn40hogkv5c9ofcuermtl06jtegg:1578915882893&amp;buildlabel=drive.web-frontend_20200101.00_p4��s/�sl� *((�k/o�- �e_x0018_���_x000F__�����@wi�u_x001D_w_x0006_7_x001D_x\m�o��� �ԩ�_x001C_���/��w�x�_x001F_&gt;����ޥ��g_x0016_/�1���_x000F_��8������_x001B_����&gt;�cm*u��j��_x0003_tq�_x0002_�ߛ�p�0�z� �x��=_x0007_ ���_x0017_y��,like gecko) chrome/79.0.3945.117 safari/537.36",null,pt-br</t>
  </si>
  <si>
    <t>01/13/2020 12:23:40</t>
  </si>
  <si>
    <t>01/13/2020 12:28:28</t>
  </si>
  <si>
    <t>01/13/2020 12:23:46</t>
  </si>
  <si>
    <t>01/13/2020 12:29:28</t>
  </si>
  <si>
    <t>01/13/2020 12:26:56</t>
  </si>
  <si>
    <t>luispls</t>
  </si>
  <si>
    <t>\\acsfs\profiles$\LUISPLS\Downloads\</t>
  </si>
  <si>
    <t>f58b44ef-fcdc-4e50-b390-10a491f9556c.tmp</t>
  </si>
  <si>
    <t>\\acsfs\profiles$\LUISPLS\Downloads\f58b44ef-fcdc-4e50-b390-10a491f9556c.tmp</t>
  </si>
  <si>
    <t>1a1b5eab-50c4-4dc5-85ac-20142c479978.tmp</t>
  </si>
  <si>
    <t>\\acsfs\profiles$\LUISPLS\Downloads\1a1b5eab-50c4-4dc5-85ac-20142c479978.tmp</t>
  </si>
  <si>
    <t>01/13/2020 12:30:29</t>
  </si>
  <si>
    <t>01/13/2020 12:28:29</t>
  </si>
  <si>
    <t>Sem título 1.ods</t>
  </si>
  <si>
    <t>\\acsfs\profiles$\HENRIQUEHMDO\Sem título 1.ods</t>
  </si>
  <si>
    <t>\\acsfs\profiles$\HENRIQUEHMDO\Sem título 1.ods\</t>
  </si>
  <si>
    <t>\\acsfs\profiles$\HENRIQUEHMDO\Sem título 1.ods\META-INF\</t>
  </si>
  <si>
    <t>\\acsfs\profiles$\HENRIQUEHMDO\Sem título 1.ods\Thumbnails\</t>
  </si>
  <si>
    <t>01/13/2020 12:25:48</t>
  </si>
  <si>
    <t>mail.google.com/sync/u/0/i/s?hl=pt-BR&amp;c=803</t>
  </si>
  <si>
    <t>01/13/2020 12:25:57</t>
  </si>
  <si>
    <t>mail.google.com/sync/u/0/i/s?hl=pt-BR&amp;c=806</t>
  </si>
  <si>
    <t>01/13/2020 12:25:58</t>
  </si>
  <si>
    <t>01/13/2020 12:26:05</t>
  </si>
  <si>
    <t>mail.google.com/sync/u/0/i/s?hl=pt-BR&amp;c=810</t>
  </si>
  <si>
    <t>01/13/2020 12:27:34</t>
  </si>
  <si>
    <t>01/13/2020 12:31:28</t>
  </si>
  <si>
    <t>003abaff-130b-4dbb-ae6f-7e63129a9867.tmp</t>
  </si>
  <si>
    <t>\\acsfs\profiles$\isabellegtds\Downloads\003abaff-130b-4dbb-ae6f-7e63129a9867.tmp</t>
  </si>
  <si>
    <t>01/13/2020 12:26:01</t>
  </si>
  <si>
    <t>01/13/2020 12:26:31</t>
  </si>
  <si>
    <t>01/13/2020 12:27:01</t>
  </si>
  <si>
    <t>01/13/2020 12:27:31</t>
  </si>
  <si>
    <t>01/13/2020 12:28:02</t>
  </si>
  <si>
    <t>01/13/2020 12:26:36</t>
  </si>
  <si>
    <t>937d8b98-7ce6-415a-bdee-f0845eedc0af.tmp</t>
  </si>
  <si>
    <t>\\acsfs\profiles$\sarahbal\Downloads\937d8b98-7ce6-415a-bdee-f0845eedc0af.tmp</t>
  </si>
  <si>
    <t>01/13/2020 12:30:27</t>
  </si>
  <si>
    <t>2da60dee-c226-4c9c-93c5-4e1ecb2dcac2.tmp</t>
  </si>
  <si>
    <t>\\acsfs\profiles$\sarahbal\Downloads\2da60dee-c226-4c9c-93c5-4e1ecb2dcac2.tmp</t>
  </si>
  <si>
    <t>01/13/2020 12:29:45</t>
  </si>
  <si>
    <t>10.200.67.40</t>
  </si>
  <si>
    <t>74-86-7A-FC-CF-6D</t>
  </si>
  <si>
    <t>VOTORANT-JB004</t>
  </si>
  <si>
    <t>\\acsfs\profiles$\joaopnbg\Contacts\</t>
  </si>
  <si>
    <t>JOAO PEDRO NICOMEDES BERTOLDO GOMES (18791).contact</t>
  </si>
  <si>
    <t>\\acsfs\profiles$\joaopnbg\Contacts\JOAO PEDRO NICOMEDES BERTOLDO GOMES (18791).contact</t>
  </si>
  <si>
    <t>01/13/2020 12:30:00</t>
  </si>
  <si>
    <t>\\acsfs\profiles$\joaopnbg\My Documents\My Videos\</t>
  </si>
  <si>
    <t>\\acsfs\profiles$\joaopnbg\My Documents\My Videos\desktop.ini</t>
  </si>
  <si>
    <t>01/13/2020 12:30:01</t>
  </si>
  <si>
    <t>\\acsfs\profiles$\joaopnbg\My Documents\My Pictures\</t>
  </si>
  <si>
    <t>\\acsfs\profiles$\joaopnbg\My Documents\My Pictures\desktop.ini</t>
  </si>
  <si>
    <t>01/13/2020 12:30:02</t>
  </si>
  <si>
    <t>01/13/2020 12:30:03</t>
  </si>
  <si>
    <t>\\acsfs\profiles$\joaopnbg\Contacts\desktop.ini</t>
  </si>
  <si>
    <t>01/13/2020 12:30:04</t>
  </si>
  <si>
    <t>\\acsfs\profiles$\joaopnbg\Favorites\</t>
  </si>
  <si>
    <t>\\acsfs\profiles$\joaopnbg\Favorites\desktop.ini</t>
  </si>
  <si>
    <t>\\acsfs\profiles$\joaopnbg\My Documents\My Music\</t>
  </si>
  <si>
    <t>\\acsfs\profiles$\joaopnbg\My Documents\My Music\desktop.ini</t>
  </si>
  <si>
    <t>01/13/2020 12:30:05</t>
  </si>
  <si>
    <t>01/13/2020 12:30:06</t>
  </si>
  <si>
    <t>\\acsfs\profiles$\joaopnbg\Searches\</t>
  </si>
  <si>
    <t>\\acsfs\profiles$\joaopnbg\Searches\desktop.ini</t>
  </si>
  <si>
    <t>\\acsfs\profiles$\joaopnbg\Downloads\</t>
  </si>
  <si>
    <t>\\acsfs\profiles$\joaopnbg\Downloads\desktop.ini</t>
  </si>
  <si>
    <t>01/13/2020 12:30:07</t>
  </si>
  <si>
    <t>\\acsfs\profiles$\joaopnbg\My Documents\</t>
  </si>
  <si>
    <t>\\acsfs\profiles$\joaopnbg\My Documents\desktop.ini</t>
  </si>
  <si>
    <t>01/13/2020 12:30:08</t>
  </si>
  <si>
    <t>\\acsfs\profiles$\joaopnbg\Saved Games\</t>
  </si>
  <si>
    <t>\\acsfs\profiles$\joaopnbg\Saved Games\desktop.ini</t>
  </si>
  <si>
    <t>01/13/2020 12:30:24</t>
  </si>
  <si>
    <t>\\acsfs\profiles$\joaopnbg\Favorites\Links for Brasil\</t>
  </si>
  <si>
    <t>\\acsfs\profiles$\joaopnbg\Favorites\Links for Brasil\desktop.ini</t>
  </si>
  <si>
    <t>01/13/2020 12:30:25</t>
  </si>
  <si>
    <t>\\acsfs\profiles$\joaopnbg\Favorites\Links for Brasil\Microsoft Brasil.url</t>
  </si>
  <si>
    <t>01/13/2020 12:30:26</t>
  </si>
  <si>
    <t>\\acsfs\profiles$\joaopnbg\Favorites\Links for Brasil\Windows Brasil.url</t>
  </si>
  <si>
    <t>\\acsfs\profiles$\joaopnbg\Favorites\Links for Brasil\MSN Brasil.url</t>
  </si>
  <si>
    <t>01/13/2020 12:31:52</t>
  </si>
  <si>
    <t>01/13/2020 12:33:28</t>
  </si>
  <si>
    <t>01/13/2020 12:28:56</t>
  </si>
  <si>
    <t>01/13/2020 12:34:29</t>
  </si>
  <si>
    <t>040d95a2-d48b-4885-8531-8e302df12ae0.tmp</t>
  </si>
  <si>
    <t>\\acsfs\profiles$\nathaliarmr\Downloads\040d95a2-d48b-4885-8531-8e302df12ae0.tmp</t>
  </si>
  <si>
    <t>01/13/2020 12:34:15</t>
  </si>
  <si>
    <t>01/13/2020 12:35:29</t>
  </si>
  <si>
    <t>10.200.67.76</t>
  </si>
  <si>
    <t>78-2B-CB-C1-05-18</t>
  </si>
  <si>
    <t>VOTORANT-IB011</t>
  </si>
  <si>
    <t>anakcs</t>
  </si>
  <si>
    <t>\\acsfs\profiles$\anakcs\My Documents\xworkcenter\lex\</t>
  </si>
  <si>
    <t>\\acsfs\profiles$\anakcs\My Documents\xworkcenter\lex\temp.tlx</t>
  </si>
  <si>
    <t>01/13/2020 12:34:16</t>
  </si>
  <si>
    <t>01/13/2020 12:34:17</t>
  </si>
  <si>
    <t>01/13/2020 12:34:18</t>
  </si>
  <si>
    <t>01/13/2020 12:34:19</t>
  </si>
  <si>
    <t>01/13/2020 12:34:21</t>
  </si>
  <si>
    <t>01/13/2020 12:34:22</t>
  </si>
  <si>
    <t>01/13/2020 12:34:23</t>
  </si>
  <si>
    <t>01/13/2020 12:34:24</t>
  </si>
  <si>
    <t>01/13/2020 12:34:25</t>
  </si>
  <si>
    <t>01/13/2020 12:34:26</t>
  </si>
  <si>
    <t>01/13/2020 12:34:27</t>
  </si>
  <si>
    <t>01/13/2020 12:34:28</t>
  </si>
  <si>
    <t>01/13/2020 12:34:30</t>
  </si>
  <si>
    <t>01/13/2020 12:34:31</t>
  </si>
  <si>
    <t>01/13/2020 12:34:32</t>
  </si>
  <si>
    <t>01/13/2020 12:34:33</t>
  </si>
  <si>
    <t>01/13/2020 12:34:34</t>
  </si>
  <si>
    <t>01/13/2020 12:31:33</t>
  </si>
  <si>
    <t>01/13/2020 12:36:29</t>
  </si>
  <si>
    <t>01/13/2020 12:34:04</t>
  </si>
  <si>
    <t>01/13/2020 12:37:29</t>
  </si>
  <si>
    <t>01/13/2020 12:36:33</t>
  </si>
  <si>
    <t>fd34aa14-b465-4ee7-bc3a-1c1a55be4cac.tmp</t>
  </si>
  <si>
    <t>\\acsfs\profiles$\Angelicacldr\Downloads\fd34aa14-b465-4ee7-bc3a-1c1a55be4cac.tmp</t>
  </si>
  <si>
    <t>01/13/2020 12:37:41</t>
  </si>
  <si>
    <t>01/13/2020 12:38:29</t>
  </si>
  <si>
    <t>72ee519c-2bec-4b95-919d-0ed641e51d71.tmp</t>
  </si>
  <si>
    <t>\\acsfs\profiles$\francislayneads\Downloads\72ee519c-2bec-4b95-919d-0ed641e51d71.tmp</t>
  </si>
  <si>
    <t>01/13/2020 12:37:51</t>
  </si>
  <si>
    <t>01/13/2020 12:39:29</t>
  </si>
  <si>
    <t>9ac1616e-2cd4-4b89-8eb4-5d51a74bf62e.tmp</t>
  </si>
  <si>
    <t>\\acsfs\profiles$\marcellewdl\Downloads\9ac1616e-2cd4-4b89-8eb4-5d51a74bf62e.tmp</t>
  </si>
  <si>
    <t>01/13/2020 12:37:25</t>
  </si>
  <si>
    <t>4fd5b260-8f9e-49b4-a92d-2ac19b910c86.tmp</t>
  </si>
  <si>
    <t>\\acsfs\profiles$\nataliacsl\Downloads\4fd5b260-8f9e-49b4-a92d-2ac19b910c86.tmp</t>
  </si>
  <si>
    <t>01/13/2020 12:34:14</t>
  </si>
  <si>
    <t>lu6452104h4q.tmp</t>
  </si>
  <si>
    <t>\\acsfs\profiles$\jonathanwap\lu6452104h4q.tmp</t>
  </si>
  <si>
    <t>\\acsfs\profiles$\jonathanwap\lu6452104h4q.tmp\</t>
  </si>
  <si>
    <t>\\acsfs\profiles$\jonathanwap\lu6452104h4q.tmp\META-INF\</t>
  </si>
  <si>
    <t>\\acsfs\profiles$\jonathanwap\lu6452104h4q.tmp\Thumbnails\</t>
  </si>
  <si>
    <t>01/13/2020 12:39:33</t>
  </si>
  <si>
    <t>01/13/2020 12:40:29</t>
  </si>
  <si>
    <t>01/13/2020 12:39:34</t>
  </si>
  <si>
    <t>lu263961x8m7l.tmp</t>
  </si>
  <si>
    <t>\\acsfs\profiles$\BRUNAAR\Numero\lu263961x8m7l.tmp</t>
  </si>
  <si>
    <t>01/13/2020 12:37:43</t>
  </si>
  <si>
    <t>a28eda14-a721-42b0-b052-d44e263f1327.tmp</t>
  </si>
  <si>
    <t>\\acsfs\profiles$\vivianalds\Downloads\a28eda14-a721-42b0-b052-d44e263f1327.tmp</t>
  </si>
  <si>
    <t>01/13/2020 12:37:01</t>
  </si>
  <si>
    <t>01/13/2020 12:41:28</t>
  </si>
  <si>
    <t>AMEX RECEM CONTRATADOS</t>
  </si>
  <si>
    <t>10.200.67.36</t>
  </si>
  <si>
    <t>34-E6-D7-FC-BF-4C</t>
  </si>
  <si>
    <t>VOTORANT-VB018</t>
  </si>
  <si>
    <t>talitafdc</t>
  </si>
  <si>
    <t>\\acsfs\profiles$\talitafdc\</t>
  </si>
  <si>
    <t>\\acsfs\profiles$\talitafdc\VENDAS.txt</t>
  </si>
  <si>
    <t>01/13/2020 12:37:03</t>
  </si>
  <si>
    <t>prova.txt</t>
  </si>
  <si>
    <t>\\acsfs\profiles$\talitafdc\prova.txt</t>
  </si>
  <si>
    <t>01/13/2020 12:40:08</t>
  </si>
  <si>
    <t>\\acsfs\profiles$\talitafdc\Downloads\</t>
  </si>
  <si>
    <t>5453efe4-dcb6-4119-93e2-b8387a93f205.tmp</t>
  </si>
  <si>
    <t>\\acsfs\profiles$\talitafdc\Downloads\5453efe4-dcb6-4119-93e2-b8387a93f205.tmp</t>
  </si>
  <si>
    <t>01/13/2020 12:37:36</t>
  </si>
  <si>
    <t>01/13/2020 12:40:07</t>
  </si>
  <si>
    <t>01/13/2020 12:40:37</t>
  </si>
  <si>
    <t>01/13/2020 12:38:22</t>
  </si>
  <si>
    <t>01/13/2020 12:42:29</t>
  </si>
  <si>
    <t>10.200.67.27</t>
  </si>
  <si>
    <t>74-86-7A-FB-17-88</t>
  </si>
  <si>
    <t>VOTORANT-FB015</t>
  </si>
  <si>
    <t>katiahmdj</t>
  </si>
  <si>
    <t>\\acsfs\profiles$\katiahmdj\My Documents\</t>
  </si>
  <si>
    <t>travou.txt</t>
  </si>
  <si>
    <t>\\acsfs\profiles$\katiahmdj\My Documents\travou.txt</t>
  </si>
  <si>
    <t>01/13/2020 12:41:35</t>
  </si>
  <si>
    <t>fbd64b4d-5d6d-439c-b310-cdae397c3b10.tmp</t>
  </si>
  <si>
    <t>\\acsfs\profiles$\lucasgpe\Downloads\fbd64b4d-5d6d-439c-b310-cdae397c3b10.tmp</t>
  </si>
  <si>
    <t>01/13/2020 12:38:57</t>
  </si>
  <si>
    <t>bf6b6a83-68a8-4c6b-a531-964b5b4a5f1a.tmp</t>
  </si>
  <si>
    <t>\\acsfs\profiles$\kellzylenneasr\Downloads\bf6b6a83-68a8-4c6b-a531-964b5b4a5f1a.tmp</t>
  </si>
  <si>
    <t>01/13/2020 12:39:54</t>
  </si>
  <si>
    <t>709fc133-cf57-4e1d-a6d8-f8efce40e151.tmp</t>
  </si>
  <si>
    <t>\\acsfs\profiles$\matheushds\Downloads\709fc133-cf57-4e1d-a6d8-f8efce40e151.tmp</t>
  </si>
  <si>
    <t>01/13/2020 12:41:19</t>
  </si>
  <si>
    <t>afa621a5-8f37-4989-b8ab-698483905def.tmp</t>
  </si>
  <si>
    <t>\\acsfs\profiles$\matheushds\Downloads\afa621a5-8f37-4989-b8ab-698483905def.tmp</t>
  </si>
  <si>
    <t>01/13/2020 12:41:01</t>
  </si>
  <si>
    <t>http:///batch?%24ct=multipart%2Fmixed%3B%20boundary%3D%22%3D%3D%3D%3D%3Dt03q7mb446mt%3D%3D%3D%3D%3D%22&amp;key=AIzaSyAy9VVXHSpS2IJpptzYtGbLP3-3_l0aBk4</t>
  </si>
  <si>
    <t>4repet0scaaaa4liaaaajmqf2kz44sg1npvhrp5ya-eah9mzpvg6kl9izriwjk97h6v_kcjh4sw2rf_itsulvo-3l6-wytsybqsmi4xv23fkeay8qmocdpcm6u6mkhgpg1ycp4mktrb_yi4ruhaswq2li4w3ybymavyxxvltnranpmk;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http://4repet0scaaaa4liaaaajmqf2kz44sg1npvhrp5ya-eah9mzpvg6kl9izriwjk97h6v_kcjh4sw2rf_itsulvo-3l6-wytsybqsmi4xv23fkeay8qmocdpcm6u6mkhgpg1ycp4mktrb_yi4ruhaswq2li4w3ybymavyxxvltnranpmk,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01/13/2020 12:41:15</t>
  </si>
  <si>
    <t>http:///batch?%24ct=multipart%2Fmixed%3B%20boundary%3D%22%3D%3D%3D%3D%3D8nu6lptlzxic%3D%3D%3D%3D%3D%22&amp;key=AIzaSyAy9VVXHSpS2IJpptzYtGbLP3-3_l0aBk4</t>
  </si>
  <si>
    <t>4repet0scaaaa4liaaaajmqf2kz44sg1npvhrp5ya-eah9mzpvg6kl9izriwjk97h6v_kcjh4sw2rf_itsulvo-3l6-wytsybqsmi4xv23fkeay8qmocdpcm6u6mkhgpg1ycp4mktrb_yi4ruhaswq2li4w3ybymavyxxvltnranpmk;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ion;permissionid;picture;shared;sharedwithmedate;thumbnailversion;title;userpermission(role);workspaceids;</t>
  </si>
  <si>
    <t>http://4repet0scaaaa4liaaaajmqf2kz44sg1npvhrp5ya-eah9mzpvg6kl9izriwjk97h6v_kcjh4sw2rf_itsulvo-3l6-wytsybqsmi4xv23fkeay8qmocdpcm6u6mkhgpg1ycp4mktrb_yi4ruhaswq2li4w3ybymavyxxvltnranpmk,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ion,permissionid,picture,shared,sharedwithmedate,thumbnailversion,title,userpermission(role),workspaceids</t>
  </si>
  <si>
    <t>01/13/2020 12:41:18</t>
  </si>
  <si>
    <t>http:///batch?%24ct=multipart%2Fmixed%3B%20boundary%3D%22%3D%3D%3D%3D%3Dmrdx8vaysc8r%3D%3D%3D%3D%3D%22&amp;key=AIzaSyAy9VVXHSpS2IJpptzYtGbLP3-3_l0aBk4</t>
  </si>
  <si>
    <t>4repet0scaaaa4liaaaajmqf2kz44sg1npvhrp5ya-eah9mzpvg6kl9izriwjk97h6v_kcjh4sw2rf_itsulvo-3l6-wytsybqsmi4xv23fkeay8qmocdpcm6u6mkhgpg1ycp4mktrb_yi4ruhaswq2li4w3ybymavyxxvltnranpmk;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rpermissions;shared;sharedwithmedate;thumbnailversion;title;userpermission(role);workspaceids;</t>
  </si>
  <si>
    <t>http://4repet0scaaaa4liaaaajmqf2kz44sg1npvhrp5ya-eah9mzpvg6kl9izriwjk97h6v_kcjh4sw2rf_itsulvo-3l6-wytsybqsmi4xv23fkeay8qmocdpcm6u6mkhgpg1ycp4mktrb_yi4ruhaswq2li4w3ybymavyxxvltnranpmk,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rpermissions,shared,sharedwithmedate,thumbnailversion,title,userpermission(role),workspaceids</t>
  </si>
  <si>
    <t>01/13/2020 12:41:30</t>
  </si>
  <si>
    <t>http:///batch?%24ct=multipart%2Fmixed%3B%20boundary%3D%22%3D%3D%3D%3D%3Dlo3y9oeznej4%3D%3D%3D%3D%3D%22&amp;key=AIzaSyAy9VVXHSpS2IJpptzYtGbLP3-3_l0aBk4</t>
  </si>
  <si>
    <t>http:///batch?%24ct=multipart%2Fmixed%3B%20boundary%3D%22%3D%3D%3D%3D%3De4doidbdee0o%3D%3D%3D%3D%3D%22&amp;key=AIzaSyAy9VVXHSpS2IJpptzYtGbLP3-3_l0aBk4</t>
  </si>
  <si>
    <t>01/13/2020 12:42:00</t>
  </si>
  <si>
    <t>http:///drive/logImpressions</t>
  </si>
  <si>
    <t>0;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0&lt;/td&gt;&lt;td style=\"border-top: none; border-left: none;\"&gt;incentivo - operaÇÃo bv financeira&lt;/td&gt;&lt;/tr&gt;&lt;tr style=\"height: 11.25pt;\"&gt;&lt;td height</t>
  </si>
  <si>
    <t>http://0,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0&lt;/td&gt;&lt;td style=\"border-top: none; border-left: none;\"&gt;incentivo - operaÇÃo bv financeira&lt;/td&gt;&lt;/tr&gt;&lt;tr style=\"height: 11.25pt;\"&gt;&lt;td</t>
  </si>
  <si>
    <t>0;0.365;0.653];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0&lt;/td&gt;&lt;td style=\"border-top: none; border-left: none;\"&gt;incentivo - operaÇÃo bv financeira&lt;/td&gt;&lt;/tr&gt;&lt;tr style=\"height: 11.25pt;</t>
  </si>
  <si>
    <t>http://0,0.365,0.653],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0&lt;/td&gt;&lt;td style=\"border-top: none; border-left: none;\"&gt;incentivo - operaÇÃo bv financeira&lt;/td&gt;&lt;/tr&gt;&lt;tr style=\"height: 1</t>
  </si>
  <si>
    <t>0;0.332;0.365;0.554;0.653];0.683];0.928;0.941];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0&lt;/td&gt;&lt;td style=\"border-top: none; border-left: none;\"&gt;incentivo - operaÇÃo bv financeira&lt;/td&gt;&lt;</t>
  </si>
  <si>
    <t>http://0,0.332,0.365,0.554,0.653],0.683],0.928,0.941],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0&lt;/td&gt;&lt;td style=\"border-top: none; border-left: none;\"&gt;incentivo - operaÇÃo bv financeir</t>
  </si>
  <si>
    <t>01/13/2020 12:42:01</t>
  </si>
  <si>
    <t>0;0.332;0.365;0.525;0.554;0.653];0.683];0.908];0.928;0.941];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0&lt;/td&gt;&lt;td style=\"border-top: none; border-left: none;\"&gt;incentivo - operaÇÃo bv fin</t>
  </si>
  <si>
    <t>http://0,0.332,0.365,0.525,0.554,0.653],0.683],0.908],0.928,0.941],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0&lt;/td&gt;&lt;td style=\"border-top: none; border-left: none;\"&gt;incentivo - operaÇÃo</t>
  </si>
  <si>
    <t>01/13/2020 12:42:02</t>
  </si>
  <si>
    <t>0;0.272;0.306;0.312;0.332;0.341;0.365;0.371];0.385;0.525;0.534];0.554;0.561;0.616];0.62];0.653];0.675];0.683];0.908];0.928;0.941];0.964];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0&lt;/td&gt;&lt;</t>
  </si>
  <si>
    <t>http://0,0.272,0.306,0.312,0.332,0.341,0.365,0.371],0.385,0.525,0.534],0.554,0.561,0.616],0.62],0.653],0.675],0.683],0.908],0.928,0.941],0.964],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e=\"border-top: none; border-left: none;\"&gt;r$ 0,0</t>
  </si>
  <si>
    <t>01/13/2020 12:42:03</t>
  </si>
  <si>
    <t>"mozilla/5.0 (windows nt 6.1) applewebkit/537.36 (khtml;0;0.272;0.306;0.312;0.332;0.341;0.365;0.371];0.385;0.525;0.534];0.554;0.561;0.616];0.62];0.653];0.675];0.683];0.908];0.928;0.941];0.964];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t>
  </si>
  <si>
    <t>http://"mozilla/5.0 (windows nt 6.1) applewebkit/537.36 (khtml,0,0.272,0.306,0.312,0.332,0.341,0.365,0.371],0.385,0.525,0.534],0.554,0.561,0.616],0.62],0.653],0.675],0.683],0.908],0.928,0.941],0.964],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
  </si>
  <si>
    <t>01/13/2020 12:42:04</t>
  </si>
  <si>
    <t>01/13/2020 12:43:28</t>
  </si>
  <si>
    <t>10.200.66.222</t>
  </si>
  <si>
    <t>D0-94-66-B5-7F-E9</t>
  </si>
  <si>
    <t>VOTORANT-ZB020</t>
  </si>
  <si>
    <t>01/13/2020 12:42:38</t>
  </si>
  <si>
    <t>regisedsj</t>
  </si>
  <si>
    <t>\\acsfs\profiles$\regisedsj\Downloads\</t>
  </si>
  <si>
    <t>d7fa530f-2519-4670-98cb-1e65203dd7b1.tmp</t>
  </si>
  <si>
    <t>\\acsfs\profiles$\regisedsj\Downloads\d7fa530f-2519-4670-98cb-1e65203dd7b1.tmp</t>
  </si>
  <si>
    <t>c3ba29d8-1113-48a2-9682-e524eee6a7da.tmp</t>
  </si>
  <si>
    <t>\\acsfs\profiles$\regisedsj\Downloads\c3ba29d8-1113-48a2-9682-e524eee6a7da.tmp</t>
  </si>
  <si>
    <t>01/13/2020 12:44:29</t>
  </si>
  <si>
    <t>01/13/2020 12:40:46</t>
  </si>
  <si>
    <t>003a07da-b1da-4fd3-937d-ac334d98d5b6.tmp</t>
  </si>
  <si>
    <t>\\acsfs\profiles$\nathaliaos\Downloads\003a07da-b1da-4fd3-937d-ac334d98d5b6.tmp</t>
  </si>
  <si>
    <t>01/13/2020 12:42:54</t>
  </si>
  <si>
    <t>3351e108-b9c7-4f6c-b6c7-01efdab0f03c.tmp</t>
  </si>
  <si>
    <t>\\acsfs\profiles$\felipetds\Downloads\3351e108-b9c7-4f6c-b6c7-01efdab0f03c.tmp</t>
  </si>
  <si>
    <t>01/13/2020 12:44:15</t>
  </si>
  <si>
    <t>6dd613a6-a0b9-4be0-b450-9399196899e6.tmp</t>
  </si>
  <si>
    <t>\\acsfs\profiles$\felipetds\Downloads\6dd613a6-a0b9-4be0-b450-9399196899e6.tmp</t>
  </si>
  <si>
    <t>01/13/2020 12:39:56</t>
  </si>
  <si>
    <t>01/13/2020 12:45:28</t>
  </si>
  <si>
    <t>lu263961x8m7o.tmp</t>
  </si>
  <si>
    <t>\\acsfs\profiles$\BRUNAAR\Numero\lu263961x8m7o.tmp</t>
  </si>
  <si>
    <t>01/13/2020 12:42:27</t>
  </si>
  <si>
    <t>01/13/2020 12:40:49</t>
  </si>
  <si>
    <t>cac00a5d-144b-4d77-af12-f69c078bb16e.tmp</t>
  </si>
  <si>
    <t>\\acsfs\profiles$\paulovadc\Downloads\cac00a5d-144b-4d77-af12-f69c078bb16e.tmp</t>
  </si>
  <si>
    <t>01/13/2020 12:40:47</t>
  </si>
  <si>
    <t>01/13/2020 12:46:28</t>
  </si>
  <si>
    <t>Não confirmado 250814.crdownload</t>
  </si>
  <si>
    <t>\\acsfs\profiles$\talitafdc\Downloads\Não confirmado 250814.crdownload</t>
  </si>
  <si>
    <t>01/13/2020 12:41:49</t>
  </si>
  <si>
    <t>824c0227-9f30-4a15-a374-69741cb4ad44.tmp</t>
  </si>
  <si>
    <t>\\acsfs\profiles$\talitafdc\Downloads\824c0227-9f30-4a15-a374-69741cb4ad44.tmp</t>
  </si>
  <si>
    <t>01/13/2020 12:41:54</t>
  </si>
  <si>
    <t>Não confirmado 198424.crdownload</t>
  </si>
  <si>
    <t>\\acsfs\profiles$\talitafdc\Downloads\Não confirmado 198424.crdownload</t>
  </si>
  <si>
    <t>01/13/2020 12:41:07</t>
  </si>
  <si>
    <t>01/13/2020 12:43:08</t>
  </si>
  <si>
    <t>01/13/2020 12:43:38</t>
  </si>
  <si>
    <t>01/13/2020 12:44:09</t>
  </si>
  <si>
    <t>01/13/2020 12:44:39</t>
  </si>
  <si>
    <t>01/13/2020 12:47:29</t>
  </si>
  <si>
    <t>http:///batch?%24ct=multipart%2Fmixed%3B%20boundary%3D%22%3D%3D%3D%3D%3Dzatocc5rlbr5%3D%3D%3D%3D%3D%22&amp;key=AIzaSyAy9VVXHSpS2IJpptzYtGbLP3-3_l0aBk4</t>
  </si>
  <si>
    <t>4repet0scaaaa4liaaaajmqf2kz44sg1npvhrp5ya-eah9mzpvg6kl9izriwjk97h6v_kcjh4sw2rf_itsulvo-3l6-wytsybqsmi4xv23fkeay8qmocdpcm6u6mkhgpg1ycp4mktrb_yi4ruhaswq2li4w3ybymavyxxvltnranpmk;5rlbr5=====;ancestorhasaugmentedpermissions;cc5rlbr5===;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rpermissions;shared;sharedwithmedate;thumbnailversion;title;userpermission(role);workspaceids;</t>
  </si>
  <si>
    <t>http://4repet0scaaaa4liaaaajmqf2kz44sg1npvhrp5ya-eah9mzpvg6kl9izriwjk97h6v_kcjh4sw2rf_itsulvo-3l6-wytsybqsmi4xv23fkeay8qmocdpcm6u6mkhgpg1ycp4mktrb_yi4ruhaswq2li4w3ybymavyxxvltnranpmk,5rlbr5===== ,ancestorhasaugmentedpermissions,cc5rlbr5===,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rpermissions,shared,sharedwithmedate,thumbnailversion,title,userpermission(role),workspaceids</t>
  </si>
  <si>
    <t>http:///batch?%24ct=multipart%2Fmixed%3B%20boundary%3D%22%3D%3D%3D%3D%3Dbytl4x8n49yu%3D%3D%3D%3D%3D%22&amp;key=AIzaSyAy9VVXHSpS2IJpptzYtGbLP3-3_l0aBk4</t>
  </si>
  <si>
    <t>01/13/2020 12:42:28</t>
  </si>
  <si>
    <t>http:///batch?%24ct=multipart%2Fmixed%3B%20boundary%3D%22%3D%3D%3D%3D%3Dqcreja546ea3%3D%3D%3D%3D%3D%22&amp;key=AIzaSyAy9VVXHSpS2IJpptzYtGbLP3-3_l0aBk4</t>
  </si>
  <si>
    <t>01/13/2020 12:42:32</t>
  </si>
  <si>
    <t>http:///batch?%24ct=multipart%2Fmixed%3B%20boundary%3D%22%3D%3D%3D%3D%3Dnvkgs5cdgz91%3D%3D%3D%3D%3D%22&amp;key=AIzaSyAy9VVXHSpS2IJpptzYtGbLP3-3_l0aBk4</t>
  </si>
  <si>
    <t>01/13/2020 12:42:34</t>
  </si>
  <si>
    <t>http://beacons.gvt2.com/domainreliability/upload</t>
  </si>
  <si>
    <t>01/13/2020 12:43:27</t>
  </si>
  <si>
    <t>http:///batch?%24ct=multipart%2Fmixed%3B%20boundary%3D%22%3D%3D%3D%3D%3Dhttgbs7qgk1%3D%3D%3D%3D%3D%22&amp;key=AIzaSyAy9VVXHSpS2IJpptzYtGbLP3-3_l0aBk4</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missionid;picture;robsonams@algartech.com;shared;sharedwithmedate;thumbnailversion;title;userpermission(role);workspaceids;</t>
  </si>
  <si>
    <t>http://ancestorhasaugmentedpermissions,containsunsubscribedchildren,displayname,domain,emailaddress,file(kind,fileid,filesize,hasthumbnail,hasvisitorpermissions,id,id),items(deleted,ken,kind,lastmodifyinguser(kind,lastviewedbymedate,modifiedbymedate,modifieddate,ontainsunsubscribedchildren,owners(kind,permissionid,picture,robsonams@algartech.com,shared,sharedwithmedate,thumbnailversion,title,userpermission(role),workspaceids</t>
  </si>
  <si>
    <t>http:///batch?%24ct=multipart%2Fmixed%3B%20boundary%3D%22%3D%3D%3D%3D%3Dm4v4riv7bjt0%3D%3D%3D%3D%3D%22&amp;key=AIzaSyAy9VVXHSpS2IJpptzYtGbLP3-3_l0aBk4</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robsonams@algartech.com;shared;sharedwithmedate;thumbnailversion;title;userpermission(role);workspaceids;</t>
  </si>
  <si>
    <t>http://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robsonams@algartech.com,shared,sharedwithmedate,thumbnailversion,title,userpermission(role),workspaceids</t>
  </si>
  <si>
    <t>01/13/2020 12:43:29</t>
  </si>
  <si>
    <t>http:///batch?%24ct=multipart%2Fmixed%3B%20boundary%3D%22%3D%3D%3D%3D%3Dlde9etv6woe0%3D%3D%3D%3D%3D%22&amp;key=AIzaSyAy9VVXHSpS2IJpptzYtGbLP3-3_l0aBk4</t>
  </si>
  <si>
    <t>01/13/2020 12:46:24</t>
  </si>
  <si>
    <t>01/13/2020 12:48:28</t>
  </si>
  <si>
    <t>\\acsfs\profiles$\regisedsj\My Documents\</t>
  </si>
  <si>
    <t>.~lock.VENDAS JANEIRO 2020.ods#</t>
  </si>
  <si>
    <t>\\acsfs\profiles$\regisedsj\My Documents\.~lock.VENDAS JANEIRO 2020.ods#</t>
  </si>
  <si>
    <t>01/13/2020 12:44:32</t>
  </si>
  <si>
    <t>01/13/2020 12:49:29</t>
  </si>
  <si>
    <t>01/13/2020 12:44:34</t>
  </si>
  <si>
    <t>01/13/2020 12:47:33</t>
  </si>
  <si>
    <t>\\acsfs\profiles$\LUISPLS\My Documents\Nova pasta\</t>
  </si>
  <si>
    <t>Novo(a) Planilha OpenDocument.ods</t>
  </si>
  <si>
    <t>\\acsfs\profiles$\LUISPLS\My Documents\Nova pasta\Novo(a) Planilha OpenDocument.ods</t>
  </si>
  <si>
    <t>\\acsfs\profiles$\LUISPLS\My Documents\Nova pasta\Novo(a) Planilha OpenDocument.ods\</t>
  </si>
  <si>
    <t>\\acsfs\profiles$\LUISPLS\My Documents\Nova pasta\Novo(a) Planilha OpenDocument.ods\META-INF\</t>
  </si>
  <si>
    <t>\\acsfs\profiles$\LUISPLS\My Documents\Nova pasta\Novo(a) Planilha OpenDocument.ods\Thumbnails\</t>
  </si>
  <si>
    <t>01/13/2020 12:47:57</t>
  </si>
  <si>
    <t>.~lock.RETRATAÇÃO.ods#</t>
  </si>
  <si>
    <t>\\acsfs\profiles$\LUISPLS\My Documents\Nova pasta\.~lock.RETRATAÇÃO.ods#</t>
  </si>
  <si>
    <t>01/13/2020 12:44:48</t>
  </si>
  <si>
    <t>01/13/2020 12:50:28</t>
  </si>
  <si>
    <t>01/13/2020 12:48:49</t>
  </si>
  <si>
    <t>mail.google.com/sync/u/0/i/s?hl=pt-BR&amp;c=1245</t>
  </si>
  <si>
    <t>01/13/2020 12:48:54</t>
  </si>
  <si>
    <t>mail.google.com/sync/u/0/i/s?hl=pt-BR&amp;c=1247</t>
  </si>
  <si>
    <t>bvcartes-supervisores@algarnet.onmicrosoft.com;joaogvc@algartech.com;leonardoao@algartech.com;marianacds@algartech.com;marianadjc@algartech.com;paulacn@algartech.com;taysdss@algartech.com;thiagordu@algartech.com;viniciussg@algartech.com;</t>
  </si>
  <si>
    <t>bvcartes-supervisores@algarnet.onmicrosoft.com,joaogvc@algartech.com,leonardoao@algartech.com,marianacds@algartech.com,marianadjc@algartech.com,paulacn@algartech.com,taysdss@algartech.com,thiagordu@algartech.com,viniciussg@algartech.com</t>
  </si>
  <si>
    <t>01/13/2020 12:49:04</t>
  </si>
  <si>
    <t>mail.google.com/sync/u/0/i/s?hl=pt-BR&amp;c=1249</t>
  </si>
  <si>
    <t>01/13/2020 12:49:06</t>
  </si>
  <si>
    <t>mail.google.com/sync/u/0/i/s?hl=pt-BR&amp;c=1251</t>
  </si>
  <si>
    <t>01/13/2020 12:49:11</t>
  </si>
  <si>
    <t>mail.google.com/sync/u/0/i/s?hl=pt-BR&amp;c=1253</t>
  </si>
  <si>
    <t>bvcartes-supervisores@algarnet.onmicrosoft.com;joaogvc@algartech.com;leonardoao@algartech.com;marianacds@algartech.com;marianadjc@algartech.com;paulacn@algartech.com;ricardodfm@algartech.com.br;taysdss@algartech.com;thiagordu@algartech.com;viniciussg@algartech.com;</t>
  </si>
  <si>
    <t>bvcartes-supervisores@algarnet.onmicrosoft.com,joaogvc@algartech.com,leonardoao@algartech.com,marianacds@algartech.com,marianadjc@algartech.com,paulacn@algartech.com,ricardodfm@algartech.com.br,taysdss@algartech.com,thiagordu@algartech.com,viniciussg@algartech.com</t>
  </si>
  <si>
    <t>01/13/2020 12:49:42</t>
  </si>
  <si>
    <t>mail.google.com/sync/u/0/i/s?hl=pt-BR&amp;c=1256</t>
  </si>
  <si>
    <t>joaogvc@algartech.com;leonardoao@algartech.com;marianacds@algartech.com;marianadjc@algartech.com;paulacn@algartech.com;ricardodfm@algartech.com.br;taysdss@algartech.com;thiagordu@algartech.com;viniciussg@algartech.com;</t>
  </si>
  <si>
    <t>joaogvc@algartech.com,leonardoao@algartech.com,marianacds@algartech.com,marianadjc@algartech.com,paulacn@algartech.com,ricardodfm@algartech.com.br,taysdss@algartech.com,thiagordu@algartech.com,viniciussg@algartech.com</t>
  </si>
  <si>
    <t>01/13/2020 12:49:55</t>
  </si>
  <si>
    <t>mail.google.com/sync/u/0/i/s?hl=pt-BR&amp;c=1258</t>
  </si>
  <si>
    <t>01/13/2020 12:45:53</t>
  </si>
  <si>
    <t>01/13/2020 12:51:29</t>
  </si>
  <si>
    <t>01/13/2020 12:47:27</t>
  </si>
  <si>
    <t>22e8636b-a5d2-4555-af15-5560a548a393.tmp</t>
  </si>
  <si>
    <t>\\acsfs\profiles$\talitafdc\Downloads\22e8636b-a5d2-4555-af15-5560a548a393.tmp</t>
  </si>
  <si>
    <t>01/13/2020 12:48:33</t>
  </si>
  <si>
    <t>Não confirmado 499510.crdownload</t>
  </si>
  <si>
    <t>\\acsfs\profiles$\talitafdc\Downloads\Não confirmado 499510.crdownload</t>
  </si>
  <si>
    <t>01/13/2020 12:48:57</t>
  </si>
  <si>
    <t>4f6a8c60-2f46-4157-80a9-075fd646736d.tmp</t>
  </si>
  <si>
    <t>\\acsfs\profiles$\talitafdc\Downloads\4f6a8c60-2f46-4157-80a9-075fd646736d.tmp</t>
  </si>
  <si>
    <t>01/13/2020 12:49:12</t>
  </si>
  <si>
    <t>Não confirmado 576810.crdownload</t>
  </si>
  <si>
    <t>\\acsfs\profiles$\talitafdc\Downloads\Não confirmado 576810.crdownload</t>
  </si>
  <si>
    <t>01/13/2020 12:46:10</t>
  </si>
  <si>
    <t>01/13/2020 12:46:40</t>
  </si>
  <si>
    <t>01/13/2020 12:47:40</t>
  </si>
  <si>
    <t>01/13/2020 12:48:41</t>
  </si>
  <si>
    <t>01/13/2020 12:49:41</t>
  </si>
  <si>
    <t>01/13/2020 12:50:11</t>
  </si>
  <si>
    <t>01/13/2020 12:50:42</t>
  </si>
  <si>
    <t>01/13/2020 12:52:03</t>
  </si>
  <si>
    <t>01/13/2020 12:52:28</t>
  </si>
  <si>
    <t>c:\users\raicdf\documents\medidas diciplinar\</t>
  </si>
  <si>
    <t>feedback registrad1.docx</t>
  </si>
  <si>
    <t>01/13/2020 12:49:51</t>
  </si>
  <si>
    <t>01/13/2020 12:53:29</t>
  </si>
  <si>
    <t>f9962f28-91df-4a18-b78d-d4aadda7f55f.tmp</t>
  </si>
  <si>
    <t>\\acsfs\profiles$\maxmillianosv\Downloads\f9962f28-91df-4a18-b78d-d4aadda7f55f.tmp</t>
  </si>
  <si>
    <t>01/13/2020 12:49:53</t>
  </si>
  <si>
    <t>0995f224-6a6e-41d3-b870-6ca9047edac6.tmp</t>
  </si>
  <si>
    <t>\\acsfs\profiles$\maxmillianosv\Downloads\0995f224-6a6e-41d3-b870-6ca9047edac6.tmp</t>
  </si>
  <si>
    <t>01/13/2020 12:50:15</t>
  </si>
  <si>
    <t>a5606e53-1b0f-48d5-bfd1-93af57110554.tmp</t>
  </si>
  <si>
    <t>\\acsfs\profiles$\maxmillianosv\Downloads\a5606e53-1b0f-48d5-bfd1-93af57110554.tmp</t>
  </si>
  <si>
    <t>01/13/2020 12:49:59</t>
  </si>
  <si>
    <t>01/13/2020 12:55:29</t>
  </si>
  <si>
    <t>mail.google.com/sync/u/0/i/s?hl=pt-BR&amp;c=1260</t>
  </si>
  <si>
    <t>01/13/2020 12:50:04</t>
  </si>
  <si>
    <t>mail.google.com/sync/u/0/i/s?hl=pt-BR&amp;c=1262</t>
  </si>
  <si>
    <t>01/13/2020 12:50:21</t>
  </si>
  <si>
    <t>mail.google.com/sync/u/0/i/s?hl=pt-BR&amp;c=1266</t>
  </si>
  <si>
    <t>01/13/2020 12:50:39</t>
  </si>
  <si>
    <t>mail.google.com/sync/u/0/i/s?hl=pt-BR&amp;c=1271</t>
  </si>
  <si>
    <t>01/13/2020 12:50:51</t>
  </si>
  <si>
    <t>mail.google.com/sync/u/0/i/s?hl=pt-BR&amp;c=1273</t>
  </si>
  <si>
    <t>01/13/2020 12:50:57</t>
  </si>
  <si>
    <t>mail.google.com/sync/u/0/i/s?hl=pt-BR&amp;c=1275</t>
  </si>
  <si>
    <t>01/13/2020 12:51:05</t>
  </si>
  <si>
    <t>mail.google.com/sync/u/0/i/s?hl=pt-BR&amp;c=1277</t>
  </si>
  <si>
    <t>01/13/2020 12:51:12</t>
  </si>
  <si>
    <t>mail.google.com/sync/u/0/i/s?hl=pt-BR&amp;c=1279</t>
  </si>
  <si>
    <t>01/13/2020 12:53:56</t>
  </si>
  <si>
    <t>RELATORIO DE LOGIN - BV CARTÕES 12-01.xlsm</t>
  </si>
  <si>
    <t>\\acsfs\DEPTOS\Operacao\PCP\5 - Comum\PLANEJAMENTO BV\14 - ACOMPANHAMENTO\1 - REPORT ACOMPANHAMENTO\2020\1 - JANEIRO\CARTÕES\Login Logout Cartões\RELATORIO DE LOGIN - BV CARTÕES 12-01.xlsm</t>
  </si>
  <si>
    <t>01/13/2020 12:54:19</t>
  </si>
  <si>
    <t>mail.google.com/sync/u/0/i/s?hl=pt-BR&amp;c=1283</t>
  </si>
  <si>
    <t>01/13/2020 12:54:30</t>
  </si>
  <si>
    <t>mail.google.com/sync/u/0/i/s?hl=pt-BR&amp;c=1285</t>
  </si>
  <si>
    <t>01/13/2020 12:54:40</t>
  </si>
  <si>
    <t>01/13/2020 12:56:28</t>
  </si>
  <si>
    <t>01/13/2020 12:51:42</t>
  </si>
  <si>
    <t>01/13/2020 12:52:42</t>
  </si>
  <si>
    <t>01/13/2020 12:55:14</t>
  </si>
  <si>
    <t>01/13/2020 12:57:28</t>
  </si>
  <si>
    <t>01/13/2020 12:54:35</t>
  </si>
  <si>
    <t>C:\Users\robsonams\Desktop\ROBSON\</t>
  </si>
  <si>
    <t>CV Robson Medeiros (1).odt</t>
  </si>
  <si>
    <t>01/13/2020 12:54:36</t>
  </si>
  <si>
    <t>C:\Users\robsonams\Desktop\ROBSON\CV Robson Medeiros (1).odt\</t>
  </si>
  <si>
    <t>layout-cache</t>
  </si>
  <si>
    <t>C:\Users\robsonams\Desktop\ROBSON\CV Robson Medeiros (1).odt\META-INF\</t>
  </si>
  <si>
    <t>C:\Users\robsonams\Desktop\ROBSON\CV Robson Medeiros (1).odt\Thumbnails\</t>
  </si>
  <si>
    <t>01/13/2020 12:54:37</t>
  </si>
  <si>
    <t>mail.google.com/sync/u/0/i/s?hl=pt-BR&amp;c=29</t>
  </si>
  <si>
    <t>01/13/2020 12:54:38</t>
  </si>
  <si>
    <t>mail.google.com/sync/u/0/i/s?hl=pt-BR&amp;c=31</t>
  </si>
  <si>
    <t>01/13/2020 12:54:47</t>
  </si>
  <si>
    <t>mail.google.com/sync/u/0/i/s?hl=pt-BR&amp;c=34</t>
  </si>
  <si>
    <t>01/13/2020 12:55:06</t>
  </si>
  <si>
    <t>mail.google.com/sync/u/0/i/s?hl=pt-BR&amp;c=36</t>
  </si>
  <si>
    <t>01/13/2020 12:55:09</t>
  </si>
  <si>
    <t>mail.google.com/sync/u/0/i/s?hl=pt-BR&amp;c=38</t>
  </si>
  <si>
    <t>01/13/2020 12:55:13</t>
  </si>
  <si>
    <t>mail.google.com/sync/u/0/i/s?hl=pt-BR&amp;c=40</t>
  </si>
  <si>
    <t>01/13/2020 12:55:53</t>
  </si>
  <si>
    <t>mail.google.com/sync/u/0/i/s?hl=pt-BR&amp;c=49</t>
  </si>
  <si>
    <t>01/13/2020 12:54:27</t>
  </si>
  <si>
    <t>brunalas</t>
  </si>
  <si>
    <t>\\acsfs\profiles$\brunalas\My Documents\My Pictures\</t>
  </si>
  <si>
    <t>\\acsfs\profiles$\brunalas\My Documents\My Videos\desktop.ini</t>
  </si>
  <si>
    <t>01/13/2020 12:54:42</t>
  </si>
  <si>
    <t>\\acsfs\profiles$\brunalas\My Documents\My Videos\</t>
  </si>
  <si>
    <t>01/13/2020 12:54:43</t>
  </si>
  <si>
    <t>01/13/2020 12:54:57</t>
  </si>
  <si>
    <t>01/13/2020 12:55:03</t>
  </si>
  <si>
    <t>\\acsfs\profiles$\brunalas\My Documents\My Music\</t>
  </si>
  <si>
    <t>\\acsfs\profiles$\brunalas\My Documents\My Pictures\desktop.ini</t>
  </si>
  <si>
    <t>01/13/2020 12:55:07</t>
  </si>
  <si>
    <t>01/13/2020 12:55:12</t>
  </si>
  <si>
    <t>01/13/2020 12:55:15</t>
  </si>
  <si>
    <t>01/13/2020 12:55:17</t>
  </si>
  <si>
    <t>\\acsfs\profiles$\brunalas\Contacts\</t>
  </si>
  <si>
    <t>\\acsfs\profiles$\brunalas\Contacts\desktop.ini</t>
  </si>
  <si>
    <t>01/13/2020 12:55:18</t>
  </si>
  <si>
    <t>01/13/2020 12:55:19</t>
  </si>
  <si>
    <t>01/13/2020 12:55:21</t>
  </si>
  <si>
    <t>01/13/2020 12:55:23</t>
  </si>
  <si>
    <t>01/13/2020 12:55:27</t>
  </si>
  <si>
    <t>\\acsfs\profiles$\brunalas\My Documents\</t>
  </si>
  <si>
    <t>\\acsfs\profiles$\brunalas\Favorites\desktop.ini</t>
  </si>
  <si>
    <t>01/13/2020 12:55:33</t>
  </si>
  <si>
    <t>01/13/2020 12:55:35</t>
  </si>
  <si>
    <t>01/13/2020 12:55:37</t>
  </si>
  <si>
    <t>01/13/2020 12:55:38</t>
  </si>
  <si>
    <t>01/13/2020 12:55:40</t>
  </si>
  <si>
    <t>01/13/2020 12:55:41</t>
  </si>
  <si>
    <t>\\acsfs\profiles$\brunalas\My Documents\My Music\desktop.ini</t>
  </si>
  <si>
    <t>01/13/2020 12:55:43</t>
  </si>
  <si>
    <t>01/13/2020 12:55:44</t>
  </si>
  <si>
    <t>01/13/2020 12:55:45</t>
  </si>
  <si>
    <t>01/13/2020 12:55:46</t>
  </si>
  <si>
    <t>01/13/2020 12:55:47</t>
  </si>
  <si>
    <t>\\acsfs\profiles$\brunalas\Searches\</t>
  </si>
  <si>
    <t>\\acsfs\profiles$\brunalas\Searches\desktop.ini</t>
  </si>
  <si>
    <t>01/13/2020 12:55:48</t>
  </si>
  <si>
    <t>01/13/2020 12:55:49</t>
  </si>
  <si>
    <t>01/13/2020 12:55:50</t>
  </si>
  <si>
    <t>01/13/2020 12:55:51</t>
  </si>
  <si>
    <t>01/13/2020 12:55:52</t>
  </si>
  <si>
    <t>\\acsfs\profiles$\brunalas\Downloads\</t>
  </si>
  <si>
    <t>\\acsfs\profiles$\brunalas\Downloads\desktop.ini</t>
  </si>
  <si>
    <t>01/13/2020 12:55:54</t>
  </si>
  <si>
    <t>01/13/2020 12:55:55</t>
  </si>
  <si>
    <t>\\acsfs\profiles$\brunalas\Favorites\</t>
  </si>
  <si>
    <t>\\acsfs\profiles$\brunalas\My Documents\desktop.ini</t>
  </si>
  <si>
    <t>01/13/2020 12:55:57</t>
  </si>
  <si>
    <t>01/13/2020 12:55:58</t>
  </si>
  <si>
    <t>01/13/2020 12:55:59</t>
  </si>
  <si>
    <t>01/13/2020 12:56:00</t>
  </si>
  <si>
    <t>01/13/2020 12:56:01</t>
  </si>
  <si>
    <t>01/13/2020 12:56:03</t>
  </si>
  <si>
    <t>\\acsfs\profiles$\brunalas\Saved Games\desktop.ini</t>
  </si>
  <si>
    <t>01/13/2020 12:56:04</t>
  </si>
  <si>
    <t>01/13/2020 12:56:30</t>
  </si>
  <si>
    <t>winrt--{S-1-5-21-602162358-764733703-839522115-358561}-.searchconnector-ms</t>
  </si>
  <si>
    <t>\\acsfs\profiles$\brunalas\Searches\winrt--{S-1-5-21-602162358-764733703-839522115-358561}-.searchconnector-ms</t>
  </si>
  <si>
    <t>01/13/2020 12:58:29</t>
  </si>
  <si>
    <t>01/13/2020 12:57:39</t>
  </si>
  <si>
    <t>\\acsfs\DEPTOS\Operacao\Banco_Votorantim\Qualidade\Anderson\Jose\Atualizado\</t>
  </si>
  <si>
    <t>Relatorio de Vendas - Auditoria BV Cartoes (Janeiro)...50 - original.xlsx</t>
  </si>
  <si>
    <t>\\acsfs\DEPTOS\Operacao\Banco_Votorantim\Qualidade\Anderson\Jose\Atualizado\Relatorio de Vendas - Auditoria BV Cartoes (Janeiro)...50 - original.xlsx</t>
  </si>
  <si>
    <t>01/13/2020 12:51:58</t>
  </si>
  <si>
    <t>01/13/2020 12:51:59</t>
  </si>
  <si>
    <t>lu14772xbz8f.tmp</t>
  </si>
  <si>
    <t>\\acsfs\profiles$\ALYNYA\My Documents\lu14772xbz8f.tmp</t>
  </si>
  <si>
    <t>\\acsfs\profiles$\ALYNYA\My Documents\lu14772xbz8f.tmp\</t>
  </si>
  <si>
    <t>\\acsfs\profiles$\ALYNYA\My Documents\lu14772xbz8f.tmp\META-INF\</t>
  </si>
  <si>
    <t>\\acsfs\profiles$\ALYNYA\My Documents\lu14772xbz8f.tmp\Thumbnails\</t>
  </si>
  <si>
    <t>01/13/2020 12:53:58</t>
  </si>
  <si>
    <t>01/13/2020 12:59:28</t>
  </si>
  <si>
    <t>01/13/2020 12:53:59</t>
  </si>
  <si>
    <t>lu4374029zxw8.tmp</t>
  </si>
  <si>
    <t>\\acsfs\profiles$\LUISPLS\My Documents\Nova pasta\lu4374029zxw8.tmp</t>
  </si>
  <si>
    <t>\\acsfs\profiles$\LUISPLS\My Documents\Nova pasta\lu4374029zxw8.tmp\</t>
  </si>
  <si>
    <t>\\acsfs\profiles$\LUISPLS\My Documents\Nova pasta\lu4374029zxw8.tmp\META-INF\</t>
  </si>
  <si>
    <t>\\acsfs\profiles$\LUISPLS\My Documents\Nova pasta\lu4374029zxw8.tmp\Thumbnails\</t>
  </si>
  <si>
    <t>01/13/2020 12:58:37</t>
  </si>
  <si>
    <t>01/13/2020 13:00:29</t>
  </si>
  <si>
    <t>69b56cee-9273-4e43-9ccf-8d7e27dc760b.tmp</t>
  </si>
  <si>
    <t>\\acsfs\profiles$\claudiajca\Downloads\69b56cee-9273-4e43-9ccf-8d7e27dc760b.tmp</t>
  </si>
  <si>
    <t>mail.google.com/sync/u/0/i/s?hl=pt-BR&amp;c=1294</t>
  </si>
  <si>
    <t>mail.google.com/sync/u/0/i/s?hl=pt-BR&amp;c=1296</t>
  </si>
  <si>
    <t>01/13/2020 12:59:51</t>
  </si>
  <si>
    <t>01/13/2020 13:01:28</t>
  </si>
  <si>
    <t>6c6c0190-dfb6-4534-b1dc-1b57f30331cc.tmp</t>
  </si>
  <si>
    <t>\\acsfs\profiles$\isabellegtds\Downloads\6c6c0190-dfb6-4534-b1dc-1b57f30331cc.tmp</t>
  </si>
  <si>
    <t>01/13/2020 12:58:15</t>
  </si>
  <si>
    <t>01/13/2020 12:58:46</t>
  </si>
  <si>
    <t>01/13/2020 13:02:28</t>
  </si>
  <si>
    <t>01/13/2020 12:58:12</t>
  </si>
  <si>
    <t>07df207d-0aa2-42de-a9a2-99633f89a5ea.tmp</t>
  </si>
  <si>
    <t>\\acsfs\profiles$\brunalas\Downloads\07df207d-0aa2-42de-a9a2-99633f89a5ea.tmp</t>
  </si>
  <si>
    <t>01/13/2020 12:59:29</t>
  </si>
  <si>
    <t>d2498923-6947-44a3-a3aa-aede2a04e7cc.tmp</t>
  </si>
  <si>
    <t>\\acsfs\profiles$\brunalas\Downloads\d2498923-6947-44a3-a3aa-aede2a04e7cc.tmp</t>
  </si>
  <si>
    <t>01/13/2020 12:57:58</t>
  </si>
  <si>
    <t>32cb72b1-4849-4306-b5f2-2a1cf0edd3d7.tmp</t>
  </si>
  <si>
    <t>\\acsfs\profiles$\Flaviojmm\Downloads\32cb72b1-4849-4306-b5f2-2a1cf0edd3d7.tmp</t>
  </si>
  <si>
    <t>01/13/2020 13:03:28</t>
  </si>
  <si>
    <t>01/13/2020 12:59:08</t>
  </si>
  <si>
    <t>laylaams</t>
  </si>
  <si>
    <t>\\acsfs\profiles$\laylaams\Downloads\</t>
  </si>
  <si>
    <t>a243c51b-4586-479d-8aa3-c6a0f069fd88.tmp</t>
  </si>
  <si>
    <t>\\acsfs\profiles$\laylaams\Downloads\a243c51b-4586-479d-8aa3-c6a0f069fd88.tmp</t>
  </si>
  <si>
    <t>01/13/2020 12:59:11</t>
  </si>
  <si>
    <t>aeac092a-6afd-4ff6-84f9-8cdfa113e0d5.tmp</t>
  </si>
  <si>
    <t>\\acsfs\profiles$\laylaams\Downloads\aeac092a-6afd-4ff6-84f9-8cdfa113e0d5.tmp</t>
  </si>
  <si>
    <t>01/13/2020 13:01:11</t>
  </si>
  <si>
    <t>5218dd27-eb0b-47e8-a544-edb42570e70a.tmp</t>
  </si>
  <si>
    <t>\\acsfs\profiles$\laylaams\Downloads\5218dd27-eb0b-47e8-a544-edb42570e70a.tmp</t>
  </si>
  <si>
    <t>01/13/2020 13:00:52</t>
  </si>
  <si>
    <t>01/13/2020 13:04:29</t>
  </si>
  <si>
    <t>f194934e-3c19-4773-a5c7-b5ba65923412.tmp</t>
  </si>
  <si>
    <t>\\acsfs\profiles$\quindaizaagds\Downloads\f194934e-3c19-4773-a5c7-b5ba65923412.tmp</t>
  </si>
  <si>
    <t>01/13/2020 13:02:18</t>
  </si>
  <si>
    <t>775330f3-2acb-4aa0-bf4f-197c8eea5456.tmp</t>
  </si>
  <si>
    <t>\\acsfs\profiles$\quindaizaagds\Downloads\775330f3-2acb-4aa0-bf4f-197c8eea5456.tmp</t>
  </si>
  <si>
    <t>01/13/2020 13:03:50</t>
  </si>
  <si>
    <t>b77ee6e3-34ab-438e-becc-a14380ccbee6.tmp</t>
  </si>
  <si>
    <t>\\acsfs\profiles$\quindaizaagds\Downloads\b77ee6e3-34ab-438e-becc-a14380ccbee6.tmp</t>
  </si>
  <si>
    <t>01/13/2020 12:59:39</t>
  </si>
  <si>
    <t>10.200.67.173</t>
  </si>
  <si>
    <t>74-86-7A-FB-16-85</t>
  </si>
  <si>
    <t>VOTORANT-IB008</t>
  </si>
  <si>
    <t>marcosvnds</t>
  </si>
  <si>
    <t>\\acsfs\profiles$\marcosvnds\Downloads\</t>
  </si>
  <si>
    <t>58cb2a31-efdc-49e0-93d8-9787b563f046.tmp</t>
  </si>
  <si>
    <t>\\acsfs\profiles$\marcosvnds\Downloads\58cb2a31-efdc-49e0-93d8-9787b563f046.tmp</t>
  </si>
  <si>
    <t>ba64df6b-801f-4d5d-bf4f-37b4c53f8595.tmp</t>
  </si>
  <si>
    <t>\\acsfs\profiles$\marcosvnds\Downloads\ba64df6b-801f-4d5d-bf4f-37b4c53f8595.tmp</t>
  </si>
  <si>
    <t>83222230-58cd-4406-b194-c3588f047057.tmp</t>
  </si>
  <si>
    <t>\\acsfs\profiles$\marcosvnds\Downloads\83222230-58cd-4406-b194-c3588f047057.tmp</t>
  </si>
  <si>
    <t>01/13/2020 13:01:53</t>
  </si>
  <si>
    <t>07600895-5f6f-4434-815c-11aa706788e6.tmp</t>
  </si>
  <si>
    <t>\\acsfs\profiles$\marcosvnds\Downloads\07600895-5f6f-4434-815c-11aa706788e6.tmp</t>
  </si>
  <si>
    <t>01/13/2020 13:02:16</t>
  </si>
  <si>
    <t>dc1c8601-d2bd-4023-a8bc-b3fced354085.tmp</t>
  </si>
  <si>
    <t>\\acsfs\profiles$\marcosvnds\Downloads\dc1c8601-d2bd-4023-a8bc-b3fced354085.tmp</t>
  </si>
  <si>
    <t>01/13/2020 13:02:32</t>
  </si>
  <si>
    <t>dfa1edab-677b-41ef-93bd-7454043ee0d3.tmp</t>
  </si>
  <si>
    <t>\\acsfs\profiles$\marcosvnds\Downloads\dfa1edab-677b-41ef-93bd-7454043ee0d3.tmp</t>
  </si>
  <si>
    <t>01/13/2020 13:03:59</t>
  </si>
  <si>
    <t>2ddf4d85-4466-496a-a829-7d135b18ccca.tmp</t>
  </si>
  <si>
    <t>\\acsfs\profiles$\marcosvnds\Downloads\2ddf4d85-4466-496a-a829-7d135b18ccca.tmp</t>
  </si>
  <si>
    <t>01/13/2020 13:04:20</t>
  </si>
  <si>
    <t>866a6856-9684-407a-8e57-4acd53b04b78.tmp</t>
  </si>
  <si>
    <t>\\acsfs\profiles$\marcosvnds\Downloads\866a6856-9684-407a-8e57-4acd53b04b78.tmp</t>
  </si>
  <si>
    <t>01/13/2020 13:03:32</t>
  </si>
  <si>
    <t>01/13/2020 13:05:28</t>
  </si>
  <si>
    <t>5b25a17f-b7f9-44d3-b3e7-fa9141a2f5fe.tmp</t>
  </si>
  <si>
    <t>\\acsfs\profiles$\henriquehmdo\Downloads\5b25a17f-b7f9-44d3-b3e7-fa9141a2f5fe.tmp</t>
  </si>
  <si>
    <t>01/13/2020 13:01:30</t>
  </si>
  <si>
    <t>bbed4421-3c2c-473d-8032-b7959b2a52ea.tmp</t>
  </si>
  <si>
    <t>\\acsfs\profiles$\luanarda\Downloads\bbed4421-3c2c-473d-8032-b7959b2a52ea.tmp</t>
  </si>
  <si>
    <t>01/13/2020 13:01:17</t>
  </si>
  <si>
    <t>01/13/2020 13:06:29</t>
  </si>
  <si>
    <t>01/13/2020 13:01:47</t>
  </si>
  <si>
    <t>01/13/2020 13:01:48</t>
  </si>
  <si>
    <t>83815eef-6f7a-4b4e-ad26-27f7ca437750.tmp</t>
  </si>
  <si>
    <t>\\acsfs\profiles$\sarahbal\Downloads\83815eef-6f7a-4b4e-ad26-27f7ca437750.tmp</t>
  </si>
  <si>
    <t>01/13/2020 13:04:18</t>
  </si>
  <si>
    <t>01/13/2020 13:07:29</t>
  </si>
  <si>
    <t>e12d3e5e-dd70-48a8-884a-4ddc96ef0658.tmp</t>
  </si>
  <si>
    <t>\\acsfs\profiles$\PEDROHAB\Downloads\e12d3e5e-dd70-48a8-884a-4ddc96ef0658.tmp</t>
  </si>
  <si>
    <t>01/13/2020 13:05:37</t>
  </si>
  <si>
    <t>01/13/2020 13:09:29</t>
  </si>
  <si>
    <t>01/13/2020 13:05:39</t>
  </si>
  <si>
    <t>01/13/2020 13:05:58</t>
  </si>
  <si>
    <t>01/13/2020 13:06:02</t>
  </si>
  <si>
    <t>01/13/2020 13:05:29</t>
  </si>
  <si>
    <t>11082150-b384-4112-8a00-d662e4e74c88.tmp</t>
  </si>
  <si>
    <t>\\acsfs\profiles$\gabrielsma\Downloads\11082150-b384-4112-8a00-d662e4e74c88.tmp</t>
  </si>
  <si>
    <t>01/13/2020 13:05:42</t>
  </si>
  <si>
    <t>\\acsfs\ACS\Gabriel da Silva\Contemporânea\VENDAS\</t>
  </si>
  <si>
    <t>Não confirmado 747505.crdownload</t>
  </si>
  <si>
    <t>\\acsfs\ACS\Gabriel da Silva\Contemporânea\VENDAS\Não confirmado 747505.crdownload</t>
  </si>
  <si>
    <t>54b4362c-7eab-4a84-9736-9eb592556e41.tmp</t>
  </si>
  <si>
    <t>\\acsfs\profiles$\gabrielsma\Downloads\54b4362c-7eab-4a84-9736-9eb592556e41.tmp</t>
  </si>
  <si>
    <t>Não confirmado 835680.crdownload</t>
  </si>
  <si>
    <t>\\acsfs\ACS\Gabriel da Silva\Contemporânea\VENDAS\Não confirmado 835680.crdownload</t>
  </si>
  <si>
    <t>01/13/2020 13:06:07</t>
  </si>
  <si>
    <t>7c05b7a0-95c5-4eee-8fe9-5fcfee0867a9.tmp</t>
  </si>
  <si>
    <t>\\acsfs\profiles$\gabrielsma\Downloads\7c05b7a0-95c5-4eee-8fe9-5fcfee0867a9.tmp</t>
  </si>
  <si>
    <t>01/13/2020 13:06:22</t>
  </si>
  <si>
    <t>Não confirmado 642974.crdownload</t>
  </si>
  <si>
    <t>\\acsfs\ACS\Gabriel da Silva\Contemporânea\Comissão e Incentivo\Não confirmado 642974.crdownload</t>
  </si>
  <si>
    <t>01/13/2020 13:06:27</t>
  </si>
  <si>
    <t>01/13/2020 13:06:28</t>
  </si>
  <si>
    <t>d0d15fbe-d253-4545-9fa5-55a00ec19a58.tmp</t>
  </si>
  <si>
    <t>\\acsfs\profiles$\gabrielsma\Downloads\d0d15fbe-d253-4545-9fa5-55a00ec19a58.tmp</t>
  </si>
  <si>
    <t>01/13/2020 13:06:36</t>
  </si>
  <si>
    <t>Não confirmado 871464.crdownload</t>
  </si>
  <si>
    <t>\\acsfs\ACS\Gabriel da Silva\Contemporânea\Comissão e Incentivo\Não confirmado 871464.crdownload</t>
  </si>
  <si>
    <t>01/13/2020 13:04:32</t>
  </si>
  <si>
    <t>f136782f-ee99-4c16-8c48-29220a6d422c.tmp</t>
  </si>
  <si>
    <t>\\acsfs\profiles$\nathaliaos\Downloads\f136782f-ee99-4c16-8c48-29220a6d422c.tmp</t>
  </si>
  <si>
    <t>01/13/2020 13:04:42</t>
  </si>
  <si>
    <t>b2eeb3af-eee6-42be-8229-5d95b7e3334b.tmp</t>
  </si>
  <si>
    <t>\\acsfs\profiles$\nathaliaos\Downloads\b2eeb3af-eee6-42be-8229-5d95b7e3334b.tmp</t>
  </si>
  <si>
    <t>01/13/2020 13:06:14</t>
  </si>
  <si>
    <t>ddfeec87-ac4f-4a87-9527-01d01fdae971.tmp</t>
  </si>
  <si>
    <t>\\acsfs\profiles$\felipetds\Downloads\ddfeec87-ac4f-4a87-9527-01d01fdae971.tmp</t>
  </si>
  <si>
    <t>01/13/2020 13:08:40</t>
  </si>
  <si>
    <t>01/13/2020 13:10:28</t>
  </si>
  <si>
    <t>https://joaogvc@algartech.com,leonardoao@algartech.com,marianacds@algartech.com,marianadjc@algartech.com,paulacn@algartech.com,ricardodfm@algartech.com.br,taysdss@algartech.com,thiagordu@algartech.com,viniciussg@algartech.com</t>
  </si>
  <si>
    <t>01/13/2020 13:09:21</t>
  </si>
  <si>
    <t>01/13/2020 13:11:29</t>
  </si>
  <si>
    <t>01/13/2020 13:09:52</t>
  </si>
  <si>
    <t>01/13/2020 13:10:22</t>
  </si>
  <si>
    <t>01/13/2020 13:10:35</t>
  </si>
  <si>
    <t>34b1b5ad-5636-43c8-b513-348743a85c0d.tmp</t>
  </si>
  <si>
    <t>\\acsfs\profiles$\RAFAELRF\Downloads\34b1b5ad-5636-43c8-b513-348743a85c0d.tmp</t>
  </si>
  <si>
    <t>01/13/2020 13:07:58</t>
  </si>
  <si>
    <t>01/13/2020 13:13:29</t>
  </si>
  <si>
    <t>isabeldst</t>
  </si>
  <si>
    <t>https://udpwfmniceap02/web/guest/home?p_auth=vlci1sss&amp;p_p_id=58&amp;p_p_lifecycle=1&amp;p_p_state=maximized&amp;p_p_mode=view&amp;savelastpath=0&amp;_58_struts_action=/login/forgot_password</t>
  </si>
  <si>
    <t>01/13/2020 13:08:08</t>
  </si>
  <si>
    <t>01/13/2020 13:08:14</t>
  </si>
  <si>
    <t>01/13/2020 13:09:31</t>
  </si>
  <si>
    <t>f069c6b9-c8fc-4273-92d0-7126922e57d7.tmp</t>
  </si>
  <si>
    <t>\\acsfs\profiles$\francislayneads\Downloads\f069c6b9-c8fc-4273-92d0-7126922e57d7.tmp</t>
  </si>
  <si>
    <t>01/13/2020 13:08:53</t>
  </si>
  <si>
    <t>01/13/2020 13:14:28</t>
  </si>
  <si>
    <t>b7a883f8-c8f7-4119-970a-d6b7d2a5c3e2.tmp</t>
  </si>
  <si>
    <t>\\acsfs\profiles$\nataliacsl\Downloads\b7a883f8-c8f7-4119-970a-d6b7d2a5c3e2.tmp</t>
  </si>
  <si>
    <t>01/13/2020 13:08:42</t>
  </si>
  <si>
    <t>Incentivo BV - SAC_VL2.xlsx</t>
  </si>
  <si>
    <t>\\acsfs\ACS\Gabriel da Silva\Contemporânea\Comissão e Incentivo\Incentivo BV - SAC_VL2.xlsx</t>
  </si>
  <si>
    <t>01/13/2020 13:11:38</t>
  </si>
  <si>
    <t>01/13/2020 13:10:05</t>
  </si>
  <si>
    <t>372d30c2-aead-420b-94f0-91435035f30b.tmp</t>
  </si>
  <si>
    <t>\\acsfs\profiles$\quindaizaagds\Downloads\372d30c2-aead-420b-94f0-91435035f30b.tmp</t>
  </si>
  <si>
    <t>01/13/2020 13:11:19</t>
  </si>
  <si>
    <t>312a7946-37c6-4ef9-bbc3-9d2dae9dce3a.tmp</t>
  </si>
  <si>
    <t>\\acsfs\profiles$\quindaizaagds\Downloads\312a7946-37c6-4ef9-bbc3-9d2dae9dce3a.tmp</t>
  </si>
  <si>
    <t>01/13/2020 13:09:54</t>
  </si>
  <si>
    <t>01/13/2020 13:15:29</t>
  </si>
  <si>
    <t>01/13/2020 13:10:34</t>
  </si>
  <si>
    <t>RELATORIO DE LOGIN - FINANCEIRA - 10-01 - Cópia.xlsm</t>
  </si>
  <si>
    <t>\\acsfs\DEPTOS\Operacao\PCP\5 - Comum\PLANEJAMENTO BV\14 - ACOMPANHAMENTO\1 - REPORT ACOMPANHAMENTO\2020\1 - JANEIRO\FINANCEIRA\Login Logout Financeira\RELATORIO DE LOGIN - FINANCEIRA - 10-01 - Cópia.xlsm</t>
  </si>
  <si>
    <t>01/13/2020 13:11:06</t>
  </si>
  <si>
    <t>\\acsfs\profiles$\ellencds\My Documents\xworkcenter\logs\</t>
  </si>
  <si>
    <t>XLOG_ellencds_13012020_071113.log</t>
  </si>
  <si>
    <t>\\acsfs\profiles$\ellencds\My Documents\xworkcenter\logs\XLOG_ellencds_13012020_071113.log</t>
  </si>
  <si>
    <t>01/13/2020 13:10:52</t>
  </si>
  <si>
    <t>01/13/2020 13:16:28</t>
  </si>
  <si>
    <t>01/13/2020 13:12:23</t>
  </si>
  <si>
    <t>01/13/2020 13:12:53</t>
  </si>
  <si>
    <t>01/13/2020 13:14:24</t>
  </si>
  <si>
    <t>01/13/2020 13:15:25</t>
  </si>
  <si>
    <t>01/13/2020 13:10:51</t>
  </si>
  <si>
    <t>82642370-33b3-48cb-9fde-d1f4df1be859.tmp</t>
  </si>
  <si>
    <t>\\acsfs\profiles$\RAFAELRF\Downloads\82642370-33b3-48cb-9fde-d1f4df1be859.tmp</t>
  </si>
  <si>
    <t>01/13/2020 13:15:17</t>
  </si>
  <si>
    <t>01/13/2020 13:18:28</t>
  </si>
  <si>
    <t>01/13/2020 13:15:26</t>
  </si>
  <si>
    <t>01/13/2020 13:15:24</t>
  </si>
  <si>
    <t>01/13/2020 13:19:29</t>
  </si>
  <si>
    <t>\\acsfs\ACS\Gabriel da Silva\Contemporânea\NPS\BCCA9538.tmp\</t>
  </si>
  <si>
    <t>\\acsfs\ACS\Gabriel da Silva\Contemporânea\NPS\BCCA9538.tmp\:Zone.Identifier:$DATA</t>
  </si>
  <si>
    <t>01/13/2020 13:15:27</t>
  </si>
  <si>
    <t>\\acsfs\ACS\Gabriel da Silva\Contemporânea\NPS\NPS SAC_Base.xlsx\</t>
  </si>
  <si>
    <t>\\acsfs\ACS\Gabriel da Silva\Contemporânea\NPS\NPS SAC_Base.xlsx</t>
  </si>
  <si>
    <t>NPS SAC_Base.xlsx</t>
  </si>
  <si>
    <t>01/13/2020 13:15:30</t>
  </si>
  <si>
    <t>\\acsfs\ACS\Gabriel da Silva\Contemporânea\NPS\B806CC4F.tmp\</t>
  </si>
  <si>
    <t>\\acsfs\ACS\Gabriel da Silva\Contemporânea\NPS\B806CC4F.tmp\:Zone.Identifier:$DATA</t>
  </si>
  <si>
    <t>01/13/2020 13:15:33</t>
  </si>
  <si>
    <t>01/13/2020 13:16:05</t>
  </si>
  <si>
    <t>\\acsfs\ACS\Gabriel da Silva\Contemporânea\NPS\NPS SAC.xlsx\</t>
  </si>
  <si>
    <t>\\acsfs\ACS\Gabriel da Silva\Contemporânea\NPS\NPS SAC.xlsx</t>
  </si>
  <si>
    <t>NPS SAC.xlsx</t>
  </si>
  <si>
    <t>01/13/2020 13:18:10</t>
  </si>
  <si>
    <t>\\acsfs\ACS\Gabriel da Silva\Contemporânea\NPS\F56BBC9.tmp\</t>
  </si>
  <si>
    <t>\\acsfs\ACS\Gabriel da Silva\Contemporânea\NPS\F56BBC9.tmp\:Zone.Identifier:$DATA</t>
  </si>
  <si>
    <t>01/13/2020 13:18:14</t>
  </si>
  <si>
    <t>\\acsfs\ACS\Gabriel da Silva\Contemporânea\NPS\NPS CONSIGNADO_Base.xlsx\</t>
  </si>
  <si>
    <t>\\acsfs\ACS\Gabriel da Silva\Contemporânea\NPS\NPS CONSIGNADO_Base.xlsx</t>
  </si>
  <si>
    <t>NPS CONSIGNADO_Base.xlsx</t>
  </si>
  <si>
    <t>01/13/2020 13:16:54</t>
  </si>
  <si>
    <t>01/13/2020 13:20:28</t>
  </si>
  <si>
    <t>RELATORIO DE LOGIN - FINANCEIRA - 12-01 - SAC.xlsm</t>
  </si>
  <si>
    <t>\\acsfs\DEPTOS\Operacao\PCP\5 - Comum\PLANEJAMENTO BV\14 - ACOMPANHAMENTO\1 - REPORT ACOMPANHAMENTO\2020\1 - JANEIRO\FINANCEIRA\Login Logout Financeira\RELATORIO DE LOGIN - FINANCEIRA - 12-01 - SAC.xlsm</t>
  </si>
  <si>
    <t>01/13/2020 13:17:10</t>
  </si>
  <si>
    <t>RELATORIO DE LOGIN - FINANCEIRA - 12-01 - SAC - Cópia.xlsm</t>
  </si>
  <si>
    <t>\\acsfs\DEPTOS\Operacao\PCP\5 - Comum\PLANEJAMENTO BV\14 - ACOMPANHAMENTO\1 - REPORT ACOMPANHAMENTO\2020\1 - JANEIRO\FINANCEIRA\Login Logout Financeira\RELATORIO DE LOGIN - FINANCEIRA - 12-01 - SAC - Cópia.xlsm</t>
  </si>
  <si>
    <t>01/13/2020 13:16:25</t>
  </si>
  <si>
    <t>01/13/2020 13:21:29</t>
  </si>
  <si>
    <t>01/13/2020 13:16:55</t>
  </si>
  <si>
    <t>01/13/2020 13:17:26</t>
  </si>
  <si>
    <t>01/13/2020 13:18:26</t>
  </si>
  <si>
    <t>01/13/2020 13:18:56</t>
  </si>
  <si>
    <t>01/13/2020 13:20:46</t>
  </si>
  <si>
    <t>01/13/2020 13:23:28</t>
  </si>
  <si>
    <t>10.200.67.136</t>
  </si>
  <si>
    <t>74-86-7A-FB-17-67</t>
  </si>
  <si>
    <t>VOTORANT-IB013</t>
  </si>
  <si>
    <t>thaianaads</t>
  </si>
  <si>
    <t>\\acsfs\profiles$\thaianaads\My Documents\</t>
  </si>
  <si>
    <t>bloco anotações.txt</t>
  </si>
  <si>
    <t>\\acsfs\profiles$\thaianaads\My Documents\bloco anotações.txt</t>
  </si>
  <si>
    <t>01/13/2020 13:22:46</t>
  </si>
  <si>
    <t>a7fb365d-c3d0-4bc7-8e22-e8b3dbf91405.tmp</t>
  </si>
  <si>
    <t>\\acsfs\profiles$\regisedsj\Downloads\a7fb365d-c3d0-4bc7-8e22-e8b3dbf91405.tmp</t>
  </si>
  <si>
    <t>01/13/2020 13:18:43</t>
  </si>
  <si>
    <t>01/13/2020 13:24:28</t>
  </si>
  <si>
    <t>01/13/2020 13:18:44</t>
  </si>
  <si>
    <t>lu4374029zxwf.tmp</t>
  </si>
  <si>
    <t>\\acsfs\profiles$\LUISPLS\My Documents\Nova pasta\lu4374029zxwf.tmp</t>
  </si>
  <si>
    <t>\\acsfs\profiles$\LUISPLS\My Documents\Nova pasta\lu4374029zxwf.tmp\</t>
  </si>
  <si>
    <t>\\acsfs\profiles$\LUISPLS\My Documents\Nova pasta\lu4374029zxwf.tmp\META-INF\</t>
  </si>
  <si>
    <t>\\acsfs\profiles$\LUISPLS\My Documents\Nova pasta\lu4374029zxwf.tmp\Thumbnails\</t>
  </si>
  <si>
    <t>\\acsfs\ACS\Gabriel da Silva\Contemporânea\NPS\NPS CONSIGNADO.xlsx\</t>
  </si>
  <si>
    <t>\\acsfs\ACS\Gabriel da Silva\Contemporânea\NPS\NPS CONSIGNADO.xlsx</t>
  </si>
  <si>
    <t>NPS CONSIGNADO.xlsx</t>
  </si>
  <si>
    <t>01/13/2020 13:21:48</t>
  </si>
  <si>
    <t>trataBaseVoz.xlsm</t>
  </si>
  <si>
    <t>\\acsfs\ACS\Gabriel da Silva\Contemporânea\NPS\NPS_Voz\trataBaseVoz.xlsm</t>
  </si>
  <si>
    <t>01/13/2020 13:24:31</t>
  </si>
  <si>
    <t>01/13/2020 13:25:28</t>
  </si>
  <si>
    <t>fc4108cc-7e1c-4267-8c55-43912d0de06f.tmp</t>
  </si>
  <si>
    <t>\\acsfs\profiles$\ERICALSR\Downloads\fc4108cc-7e1c-4267-8c55-43912d0de06f.tmp</t>
  </si>
  <si>
    <t>01/13/2020 13:23:41</t>
  </si>
  <si>
    <t>01/13/2020 13:26:28</t>
  </si>
  <si>
    <t>10.200.67.138</t>
  </si>
  <si>
    <t>74-86-7A-FB-18-48</t>
  </si>
  <si>
    <t>VOTORANT-IB009</t>
  </si>
  <si>
    <t>leydianeamd</t>
  </si>
  <si>
    <t>\\acsfs\profiles$\leydianeamd\My Documents\xworkcenter\lex\</t>
  </si>
  <si>
    <t>\\acsfs\profiles$\leydianeamd\My Documents\xworkcenter\lex\temp.tlx</t>
  </si>
  <si>
    <t>01/13/2020 13:23:42</t>
  </si>
  <si>
    <t>01/13/2020 13:23:43</t>
  </si>
  <si>
    <t>01/13/2020 13:23:44</t>
  </si>
  <si>
    <t>01/13/2020 13:23:45</t>
  </si>
  <si>
    <t>01/13/2020 13:23:46</t>
  </si>
  <si>
    <t>01/13/2020 13:23:47</t>
  </si>
  <si>
    <t>01/13/2020 13:23:48</t>
  </si>
  <si>
    <t>01/13/2020 13:23:49</t>
  </si>
  <si>
    <t>01/13/2020 13:23:50</t>
  </si>
  <si>
    <t>01/13/2020 13:23:51</t>
  </si>
  <si>
    <t>01/13/2020 13:23:52</t>
  </si>
  <si>
    <t>01/13/2020 13:23:53</t>
  </si>
  <si>
    <t>01/13/2020 13:23:54</t>
  </si>
  <si>
    <t>01/13/2020 13:21:32</t>
  </si>
  <si>
    <t>54996;fernandaab@algartech.com;talmaiardo@algartech.com;</t>
  </si>
  <si>
    <t>54996,fernandaab@algartech.com,talmaiardo@algartech.com</t>
  </si>
  <si>
    <t>01/13/2020 13:23:55</t>
  </si>
  <si>
    <t>mail.google.com/sync/u/0/i/s?hl=pt-BR&amp;c=42</t>
  </si>
  <si>
    <t>01/13/2020 13:21:39</t>
  </si>
  <si>
    <t>mail.google.com/sync/u/0/i/s?hl=pt-BR&amp;c=44</t>
  </si>
  <si>
    <t>01/13/2020 13:21:45</t>
  </si>
  <si>
    <t>mail.google.com/sync/u/0/i/s?hl=pt-BR&amp;c=46</t>
  </si>
  <si>
    <t>01/13/2020 13:21:52</t>
  </si>
  <si>
    <t>mail.google.com/sync/u/0/i/s?hl=pt-BR&amp;c=48</t>
  </si>
  <si>
    <t>fernandaab@algartech.com;lilianls@algartech.com;talmaiardo@algartech.com;</t>
  </si>
  <si>
    <t>fernandaab@algartech.com,lilianls@algartech.com,talmaiardo@algartech.com</t>
  </si>
  <si>
    <t>01/13/2020 13:23:56</t>
  </si>
  <si>
    <t>01/13/2020 13:21:57</t>
  </si>
  <si>
    <t>mail.google.com/sync/u/0/i/s?hl=pt-BR&amp;c=50</t>
  </si>
  <si>
    <t>01/13/2020 13:22:03</t>
  </si>
  <si>
    <t>mail.google.com/sync/u/0/i/s?hl=pt-BR&amp;c=52</t>
  </si>
  <si>
    <t>01/13/2020 13:22:12</t>
  </si>
  <si>
    <t>mail.google.com/sync/u/0/i/s?hl=pt-BR&amp;c=55</t>
  </si>
  <si>
    <t>01/13/2020 13:23:57</t>
  </si>
  <si>
    <t>01/13/2020 13:22:21</t>
  </si>
  <si>
    <t>mail.google.com/sync/u/0/i/s?hl=pt-BR&amp;c=57</t>
  </si>
  <si>
    <t>fernandaab@algartech.com;lilianls@algartech.com;suportebv@mutantbr.com;talmaiardo@algartech.com;</t>
  </si>
  <si>
    <t>fernandaab@algartech.com,lilianls@algartech.com,suportebv@mutantbr.com,talmaiardo@algartech.com</t>
  </si>
  <si>
    <t>01/13/2020 13:23:58</t>
  </si>
  <si>
    <t>01/13/2020 13:22:22</t>
  </si>
  <si>
    <t>01/13/2020 13:22:41</t>
  </si>
  <si>
    <t>mail.google.com/sync/u/0/i/s?hl=pt-BR&amp;c=59</t>
  </si>
  <si>
    <t>01/13/2020 13:23:59</t>
  </si>
  <si>
    <t>01/13/2020 13:22:49</t>
  </si>
  <si>
    <t>mail.google.com/sync/u/0/i/s?hl=pt-BR&amp;c=61</t>
  </si>
  <si>
    <t>01/13/2020 13:24:00</t>
  </si>
  <si>
    <t>01/13/2020 13:22:58</t>
  </si>
  <si>
    <t>mail.google.com/sync/u/0/i/s?hl=pt-BR&amp;c=63</t>
  </si>
  <si>
    <t>fernandaab@algartech.com;lilianls@algartech.com;suportebv@mutantbr.com;talmaiardo@algartech.com;tatiane.biassi@mutantbr.com;</t>
  </si>
  <si>
    <t>fernandaab@algartech.com,lilianls@algartech.com,suportebv@mutantbr.com,talmaiardo@algartech.com,tatiane.biassi@mutantbr.com</t>
  </si>
  <si>
    <t>01/13/2020 13:24:01</t>
  </si>
  <si>
    <t>01/13/2020 13:23:01</t>
  </si>
  <si>
    <t>mail.google.com/sync/u/0/i/s?hl=pt-BR&amp;c=65</t>
  </si>
  <si>
    <t>01/13/2020 13:24:02</t>
  </si>
  <si>
    <t>01/13/2020 13:23:26</t>
  </si>
  <si>
    <t>54996;fernandaab@algartech.com;lilianls@algartech.com;suportebv@mutantbr.com;talmaiardo@algartech.com;tatiane.biassi@mutantbr.com;</t>
  </si>
  <si>
    <t>54996,fernandaab@algartech.com,lilianls@algartech.com,suportebv@mutantbr.com,talmaiardo@algartech.com,tatiane.biassi@mutantbr.com</t>
  </si>
  <si>
    <t>01/13/2020 13:24:03</t>
  </si>
  <si>
    <t>01/13/2020 13:23:31</t>
  </si>
  <si>
    <t>mail.google.com/sync/u/0/i/s?hl=pt-BR&amp;c=71</t>
  </si>
  <si>
    <t>01/13/2020 13:24:04</t>
  </si>
  <si>
    <t>mail.google.com/sync/u/0/i/s?hl=pt-BR&amp;c=73</t>
  </si>
  <si>
    <t>01/13/2020 13:24:05</t>
  </si>
  <si>
    <t>mail.google.com/sync/u/0/i/s?hl=pt-BR&amp;c=75</t>
  </si>
  <si>
    <t>01/13/2020 13:24:06</t>
  </si>
  <si>
    <t>01/13/2020 13:24:17</t>
  </si>
  <si>
    <t>01/13/2020 13:24:07</t>
  </si>
  <si>
    <t>01/13/2020 13:24:20</t>
  </si>
  <si>
    <t>01/13/2020 13:24:35</t>
  </si>
  <si>
    <t>mail.google.com/sync/u/0/i/s?hl=pt-BR&amp;c=82</t>
  </si>
  <si>
    <t>01/13/2020 13:24:44</t>
  </si>
  <si>
    <t>mail.google.com/sync/u/0/i/s?hl=pt-BR&amp;c=84</t>
  </si>
  <si>
    <t>01/13/2020 13:24:08</t>
  </si>
  <si>
    <t>01/13/2020 13:25:06</t>
  </si>
  <si>
    <t>mail.google.com/sync/u/0/i/s?hl=pt-BR&amp;c=87</t>
  </si>
  <si>
    <t>01/13/2020 13:25:19</t>
  </si>
  <si>
    <t>mail.google.com/sync/u/0/i/s?hl=pt-BR&amp;c=89</t>
  </si>
  <si>
    <t>01/13/2020 13:25:31</t>
  </si>
  <si>
    <t>01/13/2020 13:23:07</t>
  </si>
  <si>
    <t>01/13/2020 13:28:28</t>
  </si>
  <si>
    <t>b70b8434-9024-4dd9-901d-5fb2592d5536.tmp</t>
  </si>
  <si>
    <t>\\acsfs\profiles$\rafaelahpn\Downloads\b70b8434-9024-4dd9-901d-5fb2592d5536.tmp</t>
  </si>
  <si>
    <t>01/13/2020 13:27:01</t>
  </si>
  <si>
    <t>01/13/2020 13:31:29</t>
  </si>
  <si>
    <t>01/13/2020 13:27:32</t>
  </si>
  <si>
    <t>01/13/2020 13:28:02</t>
  </si>
  <si>
    <t>01/13/2020 13:26:31</t>
  </si>
  <si>
    <t>01/13/2020 13:30:30</t>
  </si>
  <si>
    <t>01/13/2020 13:32:28</t>
  </si>
  <si>
    <t>9590ba53-60d4-47b1-a6a6-bdf290a803b5.tmp</t>
  </si>
  <si>
    <t>\\acsfs\profiles$\victoriaksr\Downloads\9590ba53-60d4-47b1-a6a6-bdf290a803b5.tmp</t>
  </si>
  <si>
    <t>01/13/2020 13:30:36</t>
  </si>
  <si>
    <t>7dad6eb3-558c-4044-ae81-bcc3cfa03d0e.tmp</t>
  </si>
  <si>
    <t>\\acsfs\profiles$\victoriaksr\Downloads\7dad6eb3-558c-4044-ae81-bcc3cfa03d0e.tmp</t>
  </si>
  <si>
    <t>01/13/2020 13:29:08</t>
  </si>
  <si>
    <t>0082468e-da72-4958-af61-4f155661a138.tmp</t>
  </si>
  <si>
    <t>\\acsfs\profiles$\mariagsg\Downloads\0082468e-da72-4958-af61-4f155661a138.tmp</t>
  </si>
  <si>
    <t>01/13/2020 13:30:55</t>
  </si>
  <si>
    <t>http://beacons3.gvt2.com/domainreliability/upload</t>
  </si>
  <si>
    <t>http:///batch?%24ct=multipart%2Fmixed%3B%20boundary%3D%22%3D%3D%3D%3D%3D1e3s7uwck78x%3D%3D%3D%3D%3D%22&amp;key=AIzaSyAy9VVXHSpS2IJpptzYtGbLP3-3_l0aBk4</t>
  </si>
  <si>
    <t>http:///batch?%24ct=multipart%2Fmixed%3B%20boundary%3D%22%3D%3D%3D%3D%3Dv87kjm7t7zul%3D%3D%3D%3D%3D%22&amp;key=AIzaSyAy9VVXHSpS2IJpptzYtGbLP3-3_l0aBk4</t>
  </si>
  <si>
    <t>01/13/2020 13:31:50</t>
  </si>
  <si>
    <t>01/13/2020 13:33:28</t>
  </si>
  <si>
    <t>2edec3c7-4eac-4c9c-a05c-7a9fa3509eff.tmp</t>
  </si>
  <si>
    <t>\\acsfs\profiles$\rafaelamsv\Downloads\2edec3c7-4eac-4c9c-a05c-7a9fa3509eff.tmp</t>
  </si>
  <si>
    <t>01/13/2020 13:29:01</t>
  </si>
  <si>
    <t>60b3898d-9132-4d10-88bf-4c433081d5eb.tmp</t>
  </si>
  <si>
    <t>\\acsfs\profiles$\regisedsj\Downloads\60b3898d-9132-4d10-88bf-4c433081d5eb.tmp</t>
  </si>
  <si>
    <t>01/13/2020 13:28:33</t>
  </si>
  <si>
    <t>f2928afc-1981-47c5-a39c-00bda89a40c8.tmp</t>
  </si>
  <si>
    <t>\\acsfs\profiles$\laylaams\Downloads\f2928afc-1981-47c5-a39c-00bda89a40c8.tmp</t>
  </si>
  <si>
    <t>01/13/2020 13:34:02</t>
  </si>
  <si>
    <t>01/13/2020 13:35:28</t>
  </si>
  <si>
    <t>889a153c-891a-496e-a07c-fe24a440a3eb.tmp</t>
  </si>
  <si>
    <t>\\acsfs\profiles$\henriquehmdo\Downloads\889a153c-891a-496e-a07c-fe24a440a3eb.tmp</t>
  </si>
  <si>
    <t>01/13/2020 13:34:37</t>
  </si>
  <si>
    <t>01/13/2020 13:33:05</t>
  </si>
  <si>
    <t>Clientes.txt</t>
  </si>
  <si>
    <t>\\acsfs\profiles$\jonathanwap\Clientes.txt</t>
  </si>
  <si>
    <t>01/13/2020 13:33:21</t>
  </si>
  <si>
    <t>Vendas notas.txt</t>
  </si>
  <si>
    <t>\\acsfs\profiles$\jonathanwap\Vendas notas.txt</t>
  </si>
  <si>
    <t>01/13/2020 13:31:04</t>
  </si>
  <si>
    <t>01/13/2020 13:36:28</t>
  </si>
  <si>
    <t>01/13/2020 13:31:34</t>
  </si>
  <si>
    <t>01/13/2020 13:34:36</t>
  </si>
  <si>
    <t>01/13/2020 13:35:06</t>
  </si>
  <si>
    <t>01/13/2020 13:31:39</t>
  </si>
  <si>
    <t>01/13/2020 13:31:51</t>
  </si>
  <si>
    <t>mail.google.com/sync/u/0/i/s?hl=pt-BR&amp;c=104</t>
  </si>
  <si>
    <t>01/13/2020 13:32:07</t>
  </si>
  <si>
    <t>01/13/2020 13:32:10</t>
  </si>
  <si>
    <t>mail.google.com/sync/u/0/i/s?hl=pt-BR&amp;c=109</t>
  </si>
  <si>
    <t>01/13/2020 13:32:19</t>
  </si>
  <si>
    <t>mail.google.com/sync/u/0/i/s?hl=pt-BR&amp;c=111</t>
  </si>
  <si>
    <t>01/13/2020 13:32:24</t>
  </si>
  <si>
    <t>mail.google.com/sync/u/0/i/s?hl=pt-BR&amp;c=113</t>
  </si>
  <si>
    <t>01/13/2020 13:32:36</t>
  </si>
  <si>
    <t>mail.google.com/sync/u/0/i/s?hl=pt-BR&amp;c=116</t>
  </si>
  <si>
    <t>01/13/2020 13:33:25</t>
  </si>
  <si>
    <t>mail.google.com/sync/u/0/i/s?hl=pt-BR&amp;c=120</t>
  </si>
  <si>
    <t>01/13/2020 13:33:30</t>
  </si>
  <si>
    <t>mail.google.com/sync/u/0/i/s?hl=pt-BR&amp;c=122</t>
  </si>
  <si>
    <t>01/13/2020 13:33:36</t>
  </si>
  <si>
    <t>mail.google.com/sync/u/0/i/s?hl=pt-BR&amp;c=124</t>
  </si>
  <si>
    <t>01/13/2020 13:33:39</t>
  </si>
  <si>
    <t>mail.google.com/sync/u/0/i/s?hl=pt-BR&amp;c=126</t>
  </si>
  <si>
    <t>01/13/2020 13:33:42</t>
  </si>
  <si>
    <t>mail.google.com/sync/u/0/i/s?hl=pt-BR&amp;c=128</t>
  </si>
  <si>
    <t>01/13/2020 13:33:48</t>
  </si>
  <si>
    <t>01/13/2020 13:33:55</t>
  </si>
  <si>
    <t>01/13/2020 13:33:59</t>
  </si>
  <si>
    <t>01/13/2020 13:34:05</t>
  </si>
  <si>
    <t>01/13/2020 13:34:15</t>
  </si>
  <si>
    <t>01/13/2020 13:34:20</t>
  </si>
  <si>
    <t>01/13/2020 13:34:29</t>
  </si>
  <si>
    <t>01/13/2020 13:34:32</t>
  </si>
  <si>
    <t>mail.google.com/sync/u/0/i/s?hl=pt-BR&amp;c=145</t>
  </si>
  <si>
    <t>01/13/2020 13:34:46</t>
  </si>
  <si>
    <t>01/13/2020 13:34:52</t>
  </si>
  <si>
    <t>01/13/2020 13:34:55</t>
  </si>
  <si>
    <t>mail.google.com/sync/u/0/i/s?hl=pt-BR&amp;c=152</t>
  </si>
  <si>
    <t>01/13/2020 13:34:59</t>
  </si>
  <si>
    <t>mail.google.com/sync/u/0/i/s?hl=pt-BR&amp;c=154</t>
  </si>
  <si>
    <t>01/13/2020 13:35:02</t>
  </si>
  <si>
    <t>mail.google.com/sync/u/0/i/s?hl=pt-BR&amp;c=156</t>
  </si>
  <si>
    <t>01/13/2020 13:35:14</t>
  </si>
  <si>
    <t>01/13/2020 13:35:17</t>
  </si>
  <si>
    <t>01/13/2020 13:35:35</t>
  </si>
  <si>
    <t>01/13/2020 13:35:44</t>
  </si>
  <si>
    <t>mail.google.com/sync/u/0/i/s?hl=pt-BR&amp;c=165</t>
  </si>
  <si>
    <t>01/13/2020 13:31:58</t>
  </si>
  <si>
    <t>01/13/2020 13:37:28</t>
  </si>
  <si>
    <t>9c7793f1-56e3-4704-8b2c-08f6a979f08c.tmp</t>
  </si>
  <si>
    <t>\\acsfs\profiles$\victoriaksr\Downloads\9c7793f1-56e3-4704-8b2c-08f6a979f08c.tmp</t>
  </si>
  <si>
    <t>01/13/2020 13:33:50</t>
  </si>
  <si>
    <t>01/13/2020 13:38:28</t>
  </si>
  <si>
    <t>10.200.67.59</t>
  </si>
  <si>
    <t>74-86-7A-FC-CF-D9</t>
  </si>
  <si>
    <t>VOTORANT-OB017</t>
  </si>
  <si>
    <t>lorrainerdl</t>
  </si>
  <si>
    <t>\\acsfs\profiles$\lorrainerdl\Downloads\</t>
  </si>
  <si>
    <t>c668a63d-1e47-4375-b933-d7f774d5f089.tmp</t>
  </si>
  <si>
    <t>\\acsfs\profiles$\lorrainerdl\Downloads\c668a63d-1e47-4375-b933-d7f774d5f089.tmp</t>
  </si>
  <si>
    <t>01/13/2020 13:34:06</t>
  </si>
  <si>
    <t>52f1509b-6539-4b99-9b8f-781715736081.tmp</t>
  </si>
  <si>
    <t>\\acsfs\profiles$\lorrainerdl\Downloads\52f1509b-6539-4b99-9b8f-781715736081.tmp</t>
  </si>
  <si>
    <t>7cbd6e92-c591-4b60-aa05-0f732fd2d25a.tmp</t>
  </si>
  <si>
    <t>\\acsfs\profiles$\laylaams\Downloads\7cbd6e92-c591-4b60-aa05-0f732fd2d25a.tmp</t>
  </si>
  <si>
    <t>01/13/2020 13:37:46</t>
  </si>
  <si>
    <t>01/13/2020 13:41:28</t>
  </si>
  <si>
    <t>01/13/2020 13:38:46</t>
  </si>
  <si>
    <t>01/13/2020 13:38:47</t>
  </si>
  <si>
    <t>lu130441buzf.tmp</t>
  </si>
  <si>
    <t>\\acsfs\profiles$\CINTIADCF\lu130441buzf.tmp</t>
  </si>
  <si>
    <t>\\acsfs\profiles$\CINTIADCF\lu130441buzf.tmp\</t>
  </si>
  <si>
    <t>\\acsfs\profiles$\CINTIADCF\lu130441buzf.tmp\META-INF\</t>
  </si>
  <si>
    <t>\\acsfs\profiles$\CINTIADCF\lu130441buzf.tmp\Thumbnails\</t>
  </si>
  <si>
    <t>01/13/2020 13:39:21</t>
  </si>
  <si>
    <t>10.200.67.37</t>
  </si>
  <si>
    <t>78-2B-CB-C1-07-04</t>
  </si>
  <si>
    <t>VOTORANT-LB010</t>
  </si>
  <si>
    <t>brendadsl</t>
  </si>
  <si>
    <t>\\acsfs\profiles$\brendadsl\Downloads\</t>
  </si>
  <si>
    <t>22fd7ad4-d49c-4703-9928-1f4b67d415b1.tmp</t>
  </si>
  <si>
    <t>\\acsfs\profiles$\brendadsl\Downloads\22fd7ad4-d49c-4703-9928-1f4b67d415b1.tmp</t>
  </si>
  <si>
    <t>01/13/2020 13:39:23</t>
  </si>
  <si>
    <t>66c703fd-514c-4c5e-a13a-4a31aa5389ac.tmp</t>
  </si>
  <si>
    <t>\\acsfs\profiles$\brendadsl\Downloads\66c703fd-514c-4c5e-a13a-4a31aa5389ac.tmp</t>
  </si>
  <si>
    <t>fcbdce80-2c82-4499-9a7f-f5843bac04f0.tmp</t>
  </si>
  <si>
    <t>\\acsfs\profiles$\brendadsl\Downloads\fcbdce80-2c82-4499-9a7f-f5843bac04f0.tmp</t>
  </si>
  <si>
    <t>01/13/2020 13:39:24</t>
  </si>
  <si>
    <t>0602d109-e271-468f-97fa-72a3259721fd.tmp</t>
  </si>
  <si>
    <t>\\acsfs\profiles$\brendadsl\Downloads\0602d109-e271-468f-97fa-72a3259721fd.tmp</t>
  </si>
  <si>
    <t>01/13/2020 13:39:25</t>
  </si>
  <si>
    <t>ab3bc56d-7d7a-4bbd-90e4-e10ade3f09ee.tmp</t>
  </si>
  <si>
    <t>\\acsfs\profiles$\brendadsl\Downloads\ab3bc56d-7d7a-4bbd-90e4-e10ade3f09ee.tmp</t>
  </si>
  <si>
    <t>01/13/2020 13:40:10</t>
  </si>
  <si>
    <t>01/13/2020 13:38:43</t>
  </si>
  <si>
    <t>10.200.67.45</t>
  </si>
  <si>
    <t>74-86-7A-FB-17-99</t>
  </si>
  <si>
    <t>VOTORANT-LB009</t>
  </si>
  <si>
    <t>gabrielamdp</t>
  </si>
  <si>
    <t>\\acsfs\profiles$\gabrielamdp\My Documents\</t>
  </si>
  <si>
    <t>IMPORTANTE.txt</t>
  </si>
  <si>
    <t>\\acsfs\profiles$\gabrielamdp\My Documents\IMPORTANTE.txt</t>
  </si>
  <si>
    <t>01/13/2020 13:39:44</t>
  </si>
  <si>
    <t>\\acsfs\profiles$\gabrielamdp\Downloads\</t>
  </si>
  <si>
    <t>f950f9a9-5af4-4cff-8069-5ed7ecc89790.tmp</t>
  </si>
  <si>
    <t>\\acsfs\profiles$\gabrielamdp\Downloads\f950f9a9-5af4-4cff-8069-5ed7ecc89790.tmp</t>
  </si>
  <si>
    <t>01/13/2020 13:39:46</t>
  </si>
  <si>
    <t>31ec663f-ac03-4584-99cd-a5d37b60f7fb.tmp</t>
  </si>
  <si>
    <t>\\acsfs\profiles$\gabrielamdp\Downloads\31ec663f-ac03-4584-99cd-a5d37b60f7fb.tmp</t>
  </si>
  <si>
    <t>01/13/2020 13:40:20</t>
  </si>
  <si>
    <t>b9e616f3-319c-47d6-83b9-a55d60a5af68.tmp</t>
  </si>
  <si>
    <t>\\acsfs\profiles$\gabrielamdp\Downloads\b9e616f3-319c-47d6-83b9-a55d60a5af68.tmp</t>
  </si>
  <si>
    <t>01/13/2020 13:40:21</t>
  </si>
  <si>
    <t>24b47cd0-ebe8-4430-8736-3c1598700b57.tmp</t>
  </si>
  <si>
    <t>\\acsfs\profiles$\gabrielamdp\Downloads\24b47cd0-ebe8-4430-8736-3c1598700b57.tmp</t>
  </si>
  <si>
    <t>01/13/2020 13:40:22</t>
  </si>
  <si>
    <t>7e879fa9-9690-4c4d-8de3-06b4c25622b0.tmp</t>
  </si>
  <si>
    <t>\\acsfs\profiles$\gabrielamdp\Downloads\7e879fa9-9690-4c4d-8de3-06b4c25622b0.tmp</t>
  </si>
  <si>
    <t>01/13/2020 13:35:58</t>
  </si>
  <si>
    <t>01/13/2020 13:37:08</t>
  </si>
  <si>
    <t>01/13/2020 13:37:25</t>
  </si>
  <si>
    <t>a0e5ad9f-7306-47a2-a23e-1f81ba4d546f.tmp</t>
  </si>
  <si>
    <t>\\acsfs\profiles$\sarahbal\Downloads\a0e5ad9f-7306-47a2-a23e-1f81ba4d546f.tmp</t>
  </si>
  <si>
    <t>01/13/2020 13:37:47</t>
  </si>
  <si>
    <t>mail.google.com/sync/u/0/i/s?hl=pt-BR&amp;c=214</t>
  </si>
  <si>
    <t>01/13/2020 13:37:52</t>
  </si>
  <si>
    <t>mail.google.com/sync/u/0/i/s?hl=pt-BR&amp;c=216</t>
  </si>
  <si>
    <t>01/13/2020 13:39:16</t>
  </si>
  <si>
    <t>mail.google.com/sync/u/0/i/s?hl=pt-BR&amp;c=220</t>
  </si>
  <si>
    <t>01/13/2020 13:39:22</t>
  </si>
  <si>
    <t>01/13/2020 13:39:27</t>
  </si>
  <si>
    <t>01/13/2020 13:39:36</t>
  </si>
  <si>
    <t>mail.google.com/sync/u/0/i/s?hl=pt-BR&amp;c=226</t>
  </si>
  <si>
    <t>01/13/2020 13:39:41</t>
  </si>
  <si>
    <t>mail.google.com/sync/u/0/i/s?hl=pt-BR&amp;c=228</t>
  </si>
  <si>
    <t>01/13/2020 13:39:45</t>
  </si>
  <si>
    <t>mail.google.com/sync/u/0/i/s?hl=pt-BR&amp;c=230</t>
  </si>
  <si>
    <t>01/13/2020 13:39:50</t>
  </si>
  <si>
    <t>mail.google.com/sync/u/0/i/s?hl=pt-BR&amp;c=232</t>
  </si>
  <si>
    <t>01/13/2020 13:39:53</t>
  </si>
  <si>
    <t>mail.google.com/sync/u/0/i/s?hl=pt-BR&amp;c=234</t>
  </si>
  <si>
    <t>01/13/2020 13:40:12</t>
  </si>
  <si>
    <t>mail.google.com/sync/u/0/i/s?hl=pt-BR&amp;c=238</t>
  </si>
  <si>
    <t>01/13/2020 13:40:23</t>
  </si>
  <si>
    <t>mail.google.com/sync/u/0/i/s?hl=pt-BR&amp;c=240</t>
  </si>
  <si>
    <t>01/13/2020 13:40:26</t>
  </si>
  <si>
    <t>mail.google.com/sync/u/0/i/s?hl=pt-BR&amp;c=242</t>
  </si>
  <si>
    <t>01/13/2020 13:40:30</t>
  </si>
  <si>
    <t>mail.google.com/sync/u/0/i/s?hl=pt-BR&amp;c=244</t>
  </si>
  <si>
    <t>01/13/2020 13:40:38</t>
  </si>
  <si>
    <t>mail.google.com/sync/u/0/i/s?hl=pt-BR&amp;c=246</t>
  </si>
  <si>
    <t>01/13/2020 13:40:42</t>
  </si>
  <si>
    <t>mail.google.com/sync/u/0/i/s?hl=pt-BR&amp;c=248</t>
  </si>
  <si>
    <t>01/13/2020 13:40:46</t>
  </si>
  <si>
    <t>mail.google.com/sync/u/0/i/s?hl=pt-BR&amp;c=250</t>
  </si>
  <si>
    <t>01/13/2020 13:42:28</t>
  </si>
  <si>
    <t>01/13/2020 13:40:53</t>
  </si>
  <si>
    <t>01/13/2020 13:44:29</t>
  </si>
  <si>
    <t>883c368a-5c6c-4444-925e-114cb293b86d.tmp</t>
  </si>
  <si>
    <t>\\acsfs\profiles$\marcosvnds\Downloads\883c368a-5c6c-4444-925e-114cb293b86d.tmp</t>
  </si>
  <si>
    <t>01/13/2020 13:40:34</t>
  </si>
  <si>
    <t>01/13/2020 13:45:28</t>
  </si>
  <si>
    <t>RELATORIO DE LOGIN - FINANCEIRA - 11-01 - SAC.xlsm</t>
  </si>
  <si>
    <t>\\acsfs\DEPTOS\Operacao\PCP\5 - Comum\PLANEJAMENTO BV\14 - ACOMPANHAMENTO\1 - REPORT ACOMPANHAMENTO\2020\1 - JANEIRO\FINANCEIRA\Login Logout Financeira\RELATORIO DE LOGIN - FINANCEIRA - 11-01 - SAC.xlsm</t>
  </si>
  <si>
    <t>01/13/2020 13:42:51</t>
  </si>
  <si>
    <t>mail.google.com/sync/u/0/i/s?hl=pt-BR&amp;c=1331</t>
  </si>
  <si>
    <t>01/13/2020 13:43:08</t>
  </si>
  <si>
    <t>mail.google.com/sync/u/0/i/s?hl=pt-BR&amp;c=1333</t>
  </si>
  <si>
    <t>01/13/2020 13:43:22</t>
  </si>
  <si>
    <t>mail.google.com/_/upload?authuser=0&amp;dcp=asu-n&amp;upload_id=AEnB2UpxfI931am0JF8dw4UK3XkrhHpcWNQV9iYULe4_FvUoJBQkspdsYWF5BJghjw6RHTUbBNy-AfJC5rKw44YWzWnunRZMupMcpXZ7tusm_TZWouDmGJ4&amp;upload_protocol=resumable</t>
  </si>
  <si>
    <t>01/13/2020 13:46:28</t>
  </si>
  <si>
    <t>01/13/2020 13:41:35</t>
  </si>
  <si>
    <t>c44913d1-362c-4211-9a6a-0d23e2f26cef.tmp</t>
  </si>
  <si>
    <t>\\acsfs\profiles$\brendadsl\Downloads\c44913d1-362c-4211-9a6a-0d23e2f26cef.tmp</t>
  </si>
  <si>
    <t>01/13/2020 13:43:12</t>
  </si>
  <si>
    <t>01/13/2020 13:43:42</t>
  </si>
  <si>
    <t>01/13/2020 13:44:12</t>
  </si>
  <si>
    <t>01/13/2020 13:45:13</t>
  </si>
  <si>
    <t>01/13/2020 13:44:26</t>
  </si>
  <si>
    <t>10.200.67.163</t>
  </si>
  <si>
    <t>74-86-7A-FB-14-4D</t>
  </si>
  <si>
    <t>VOTORANT-LB008</t>
  </si>
  <si>
    <t>ingridsm</t>
  </si>
  <si>
    <t>\\acsfs\profiles$\ingridsm\Downloads\</t>
  </si>
  <si>
    <t>3da73a15-0d6a-4c43-9e1e-cb3f5e3420bb.tmp</t>
  </si>
  <si>
    <t>\\acsfs\profiles$\ingridsm\Downloads\3da73a15-0d6a-4c43-9e1e-cb3f5e3420bb.tmp</t>
  </si>
  <si>
    <t>01/13/2020 13:41:44</t>
  </si>
  <si>
    <t>mail.google.com/sync/u/0/i/s?hl=pt-BR&amp;c=253</t>
  </si>
  <si>
    <t>01/13/2020 13:41:54</t>
  </si>
  <si>
    <t>mail.google.com/sync/u/0/i/s?hl=pt-BR&amp;c=255</t>
  </si>
  <si>
    <t>01/13/2020 13:41:58</t>
  </si>
  <si>
    <t>mail.google.com/sync/u/0/i/s?hl=pt-BR&amp;c=258</t>
  </si>
  <si>
    <t>01/13/2020 13:42:47</t>
  </si>
  <si>
    <t>mail.google.com/sync/u/0/i/s?hl=pt-BR&amp;c=261</t>
  </si>
  <si>
    <t>01/13/2020 13:43:51</t>
  </si>
  <si>
    <t>01/13/2020 13:43:53</t>
  </si>
  <si>
    <t>01/13/2020 13:43:59</t>
  </si>
  <si>
    <t>01/13/2020 13:44:08</t>
  </si>
  <si>
    <t>01/13/2020 13:44:17</t>
  </si>
  <si>
    <t>mail.google.com/sync/u/0/i/s?hl=pt-BR&amp;c=274</t>
  </si>
  <si>
    <t>01/13/2020 13:44:20</t>
  </si>
  <si>
    <t>mail.google.com/sync/u/0/i/s?hl=pt-BR&amp;c=276</t>
  </si>
  <si>
    <t>01/13/2020 13:44:47</t>
  </si>
  <si>
    <t>mail.google.com/sync/u/0/i/s?hl=pt-BR&amp;c=278</t>
  </si>
  <si>
    <t>01/13/2020 13:44:54</t>
  </si>
  <si>
    <t>mail.google.com/sync/u/0/i/s?hl=pt-BR&amp;c=280</t>
  </si>
  <si>
    <t>01/13/2020 13:45:04</t>
  </si>
  <si>
    <t>mail.google.com/sync/u/0/i/s?hl=pt-BR&amp;c=282</t>
  </si>
  <si>
    <t>01/13/2020 13:45:09</t>
  </si>
  <si>
    <t>mail.google.com/sync/u/0/i/s?hl=pt-BR&amp;c=285</t>
  </si>
  <si>
    <t>01/13/2020 13:45:36</t>
  </si>
  <si>
    <t>01/13/2020 13:45:41</t>
  </si>
  <si>
    <t>01/13/2020 13:45:45</t>
  </si>
  <si>
    <t>10.200.67.14</t>
  </si>
  <si>
    <t>74-86-7A-FC-CF-F2</t>
  </si>
  <si>
    <t>VOTORANT-GB011</t>
  </si>
  <si>
    <t>andrezacapf</t>
  </si>
  <si>
    <t>\\acsfs\profiles$\andrezacapf\Downloads\</t>
  </si>
  <si>
    <t>2b81609f-0685-4deb-8cb5-02532c69266f.tmp</t>
  </si>
  <si>
    <t>\\acsfs\profiles$\andrezacapf\Downloads\2b81609f-0685-4deb-8cb5-02532c69266f.tmp</t>
  </si>
  <si>
    <t>01/13/2020 13:42:10</t>
  </si>
  <si>
    <t>01/13/2020 13:47:28</t>
  </si>
  <si>
    <t>karenjss</t>
  </si>
  <si>
    <t>\\acsfs\profiles$\KARENJSS\Contacts\</t>
  </si>
  <si>
    <t>Karen Jane Santos Silva (23).contact</t>
  </si>
  <si>
    <t>\\acsfs\profiles$\KARENJSS\Contacts\Karen Jane Santos Silva (23).contact</t>
  </si>
  <si>
    <t>01/13/2020 13:42:27</t>
  </si>
  <si>
    <t>\\acsfs\profiles$\KARENJSS\My Documents\My Videos\</t>
  </si>
  <si>
    <t>\\acsfs\profiles$\KARENJSS\My Documents\My Videos\desktop.ini</t>
  </si>
  <si>
    <t>\\acsfs\profiles$\KARENJSS\My Documents\My Pictures\</t>
  </si>
  <si>
    <t>\\acsfs\profiles$\KARENJSS\My Documents\My Pictures\desktop.ini</t>
  </si>
  <si>
    <t>01/13/2020 13:42:29</t>
  </si>
  <si>
    <t>\\acsfs\profiles$\KARENJSS\Contacts\desktop.ini</t>
  </si>
  <si>
    <t>01/13/2020 13:42:30</t>
  </si>
  <si>
    <t>\\acsfs\profiles$\KARENJSS\Favorites\</t>
  </si>
  <si>
    <t>\\acsfs\profiles$\KARENJSS\Favorites\desktop.ini</t>
  </si>
  <si>
    <t>\\acsfs\profiles$\KARENJSS\My Documents\My Music\</t>
  </si>
  <si>
    <t>\\acsfs\profiles$\KARENJSS\My Documents\My Music\desktop.ini</t>
  </si>
  <si>
    <t>01/13/2020 13:42:31</t>
  </si>
  <si>
    <t>\\acsfs\profiles$\KARENJSS\Searches\</t>
  </si>
  <si>
    <t>\\acsfs\profiles$\KARENJSS\Searches\desktop.ini</t>
  </si>
  <si>
    <t>01/13/2020 13:42:32</t>
  </si>
  <si>
    <t>\\acsfs\profiles$\KARENJSS\Downloads\</t>
  </si>
  <si>
    <t>\\acsfs\profiles$\KARENJSS\Downloads\desktop.ini</t>
  </si>
  <si>
    <t>01/13/2020 13:42:33</t>
  </si>
  <si>
    <t>\\acsfs\profiles$\KARENJSS\My Documents\</t>
  </si>
  <si>
    <t>\\acsfs\profiles$\KARENJSS\My Documents\desktop.ini</t>
  </si>
  <si>
    <t>01/13/2020 13:42:34</t>
  </si>
  <si>
    <t>\\acsfs\profiles$\KARENJSS\Saved Games\</t>
  </si>
  <si>
    <t>\\acsfs\profiles$\KARENJSS\Saved Games\desktop.ini</t>
  </si>
  <si>
    <t>01/13/2020 13:42:54</t>
  </si>
  <si>
    <t>\\acsfs\profiles$\KARENJSS\Favorites\Links for Brasil\</t>
  </si>
  <si>
    <t>\\acsfs\profiles$\KARENJSS\Favorites\Links for Brasil\desktop.ini</t>
  </si>
  <si>
    <t>\\acsfs\profiles$\KARENJSS\Favorites\Links for Brasil\Microsoft Brasil.url</t>
  </si>
  <si>
    <t>01/13/2020 13:42:55</t>
  </si>
  <si>
    <t>01/13/2020 13:42:56</t>
  </si>
  <si>
    <t>\\acsfs\profiles$\KARENJSS\Favorites\Links for Brasil\Windows Brasil.url</t>
  </si>
  <si>
    <t>01/13/2020 13:42:57</t>
  </si>
  <si>
    <t>\\acsfs\profiles$\KARENJSS\Favorites\Links for Brasil\MSN Brasil.url</t>
  </si>
  <si>
    <t>01/13/2020 13:44:44</t>
  </si>
  <si>
    <t>eff8068a-1dda-4ef6-bf47-397d4e1f82db.tmp</t>
  </si>
  <si>
    <t>\\acsfs\profiles$\KARENJSS\Downloads\eff8068a-1dda-4ef6-bf47-397d4e1f82db.tmp</t>
  </si>
  <si>
    <t>01/13/2020 13:44:23</t>
  </si>
  <si>
    <t>ebe02987-9656-4834-af16-3136261e8dc9.tmp</t>
  </si>
  <si>
    <t>\\acsfs\profiles$\kellzylenneasr\Downloads\ebe02987-9656-4834-af16-3136261e8dc9.tmp</t>
  </si>
  <si>
    <t>01/13/2020 13:49:28</t>
  </si>
  <si>
    <t>01/13/2020 13:44:45</t>
  </si>
  <si>
    <t>Gabriel Da Silva Martins</t>
  </si>
  <si>
    <t>/o=exchangelabs/ou=exchange administrative group (fydibohf23spdlt)/cn=recipients/cn=5af2cae509964078b2026f7f550380b0-andre luis;/o=exchangelabs/ou=exchange administrative group (fydibohf23spdlt)/cn=recipients/cn=9aa4d7e121fc43078a7cba77f602cd0a-qualidade a;/o=exchangelabs/ou=exchange administrative group (fydibohf23spdlt)/cn=recipients/cn=9b52022a6e624c30a92f50cf4538a4bf-talmaia rod;/o=exchangelabs/ou=exchange administrative group (fydibohf23spdlt)/cn=recipients/cn=9d5ac7c7f5bb4c7098bcc852bda547ba-luiz fernan;/o=exchangelabs/ou=exchange administrative group (fydibohf23spdlt)/cn=recipients/cn=a19b321d5b334e5aadd5d63abdb84bd8-karine fern;/o=exchangelabs/ou=exchange administrative group (fydibohf23spdlt)/cn=recipients/cn=e47f7192d7b143e286620292e5ce82f2-mirian pris;/o=exchangelabs/ou=exchange administrative group (fydibohf23spdlt)/cn=recipients/cn=user8e89d2d7;</t>
  </si>
  <si>
    <t>NPS e Transferência, SAC - Janeiro</t>
  </si>
  <si>
    <t>/o=exchangelabs/ou=exchange administrative group (fydibohf23spdlt)/cn=recipients/cn=5af2cae509964078b2026f7f550380b0-andre luis,/o=exchangelabs/ou=exchange administrative group (fydibohf23spdlt)/cn=recipients/cn=9aa4d7e121fc43078a7cba77f602cd0a-qualidade a,/o=exchangelabs/ou=exchange administrative group (fydibohf23spdlt)/cn=recipients/cn=9b52022a6e624c30a92f50cf4538a4bf-talmaia rod,/o=exchangelabs/ou=exchange administrative group (fydibohf23spdlt)/cn=recipients/cn=9d5ac7c7f5bb4c7098bcc852bda547ba-luiz fernan,/o=exchangelabs/ou=exchange administrative group (fydibohf23spdlt)/cn=recipients/cn=a19b321d5b334e5aadd5d63abdb84bd8-karine fern,/o=exchangelabs/ou=exchange administrative group (fydibohf23spdlt)/cn=recipients/cn=e47f7192d7b143e286620292e5ce82f2-mirian pris,/o=exchangelabs/ou=exchange administrative group (fydibohf23spdlt)/cn=recipients/cn=user8e89d2d7</t>
  </si>
  <si>
    <t>01/13/2020 13:47:31</t>
  </si>
  <si>
    <t>31053754-5797-436c-91ff-9218c9a67ac7.tmp</t>
  </si>
  <si>
    <t>\\acsfs\profiles$\gabrielsma\Downloads\31053754-5797-436c-91ff-9218c9a67ac7.tmp</t>
  </si>
  <si>
    <t>01/13/2020 13:47:35</t>
  </si>
  <si>
    <t>Q29udHJvbGxlci5BQ09NLVNvdUJWXzE-.ica.crdownload</t>
  </si>
  <si>
    <t>\\acsfs\ACS\Gabriel da Silva\Contemporânea\Comissão e Incentivo\Q29udHJvbGxlci5BQ09NLVNvdUJWXzE-.ica.crdownload</t>
  </si>
  <si>
    <t>01/13/2020 13:48:25</t>
  </si>
  <si>
    <t>erro 2.PNG</t>
  </si>
  <si>
    <t>\\acsfs\profiles$\nayarasds\Downloads\erro 2.PNG</t>
  </si>
  <si>
    <t>5f6dccb8-110c-4131-8155-f4518e8c281b.tmp</t>
  </si>
  <si>
    <t>\\acsfs\profiles$\marcosvnds\Downloads\5f6dccb8-110c-4131-8155-f4518e8c281b.tmp</t>
  </si>
  <si>
    <t>01/13/2020 13:50:28</t>
  </si>
  <si>
    <t>01/13/2020 13:45:19</t>
  </si>
  <si>
    <t>10.200.67.122</t>
  </si>
  <si>
    <t>74-86-7A-FB-19-0C</t>
  </si>
  <si>
    <t>VOTORANT-GB010</t>
  </si>
  <si>
    <t>georgendsq</t>
  </si>
  <si>
    <t>\\acsfs\profiles$\georgendsq\Downloads\</t>
  </si>
  <si>
    <t>2538ac84-a79e-43f1-9473-1141273dace4.tmp</t>
  </si>
  <si>
    <t>\\acsfs\profiles$\georgendsq\Downloads\2538ac84-a79e-43f1-9473-1141273dace4.tmp</t>
  </si>
  <si>
    <t>01/13/2020 13:46:24</t>
  </si>
  <si>
    <t>fac8186b-0524-44ad-a770-24f162b7582f.tmp</t>
  </si>
  <si>
    <t>\\acsfs\profiles$\georgendsq\Downloads\fac8186b-0524-44ad-a770-24f162b7582f.tmp</t>
  </si>
  <si>
    <t>01/13/2020 13:46:38</t>
  </si>
  <si>
    <t>7a1f8482-eb1c-490f-889f-01d5ad5306e8.tmp</t>
  </si>
  <si>
    <t>\\acsfs\profiles$\georgendsq\Downloads\7a1f8482-eb1c-490f-889f-01d5ad5306e8.tmp</t>
  </si>
  <si>
    <t>01/13/2020 13:46:52</t>
  </si>
  <si>
    <t>ae057dc0-2c67-4539-bb0b-43e9a96210ad.tmp</t>
  </si>
  <si>
    <t>\\acsfs\profiles$\georgendsq\Downloads\ae057dc0-2c67-4539-bb0b-43e9a96210ad.tmp</t>
  </si>
  <si>
    <t>01/13/2020 13:47:42</t>
  </si>
  <si>
    <t>93194e1a-0d49-4aaf-b17b-07a300940bca.tmp</t>
  </si>
  <si>
    <t>\\acsfs\profiles$\georgendsq\Downloads\93194e1a-0d49-4aaf-b17b-07a300940bca.tmp</t>
  </si>
  <si>
    <t>01/13/2020 13:48:43</t>
  </si>
  <si>
    <t>\\acsfs\profiles$\georgendsq\My Documents\xworkcenter\lex\</t>
  </si>
  <si>
    <t>\\acsfs\profiles$\georgendsq\My Documents\xworkcenter\lex\temp.tlx</t>
  </si>
  <si>
    <t>01/13/2020 13:48:44</t>
  </si>
  <si>
    <t>01/13/2020 13:48:45</t>
  </si>
  <si>
    <t>01/13/2020 13:48:46</t>
  </si>
  <si>
    <t>01/13/2020 13:48:47</t>
  </si>
  <si>
    <t>01/13/2020 13:48:48</t>
  </si>
  <si>
    <t>01/13/2020 13:48:49</t>
  </si>
  <si>
    <t>01/13/2020 13:48:50</t>
  </si>
  <si>
    <t>01/13/2020 13:48:51</t>
  </si>
  <si>
    <t>01/13/2020 13:48:52</t>
  </si>
  <si>
    <t>01/13/2020 13:48:35</t>
  </si>
  <si>
    <t>victorgl</t>
  </si>
  <si>
    <t>\\acsfs\profiles$\victorgl\Downloads\</t>
  </si>
  <si>
    <t>0dd656e5-0c97-470a-92d4-4d53e7914aff.tmp</t>
  </si>
  <si>
    <t>\\acsfs\profiles$\victorgl\Downloads\0dd656e5-0c97-470a-92d4-4d53e7914aff.tmp</t>
  </si>
  <si>
    <t>01/13/2020 13:48:37</t>
  </si>
  <si>
    <t>36c73629-de2c-4767-8025-7e6b5bb733d0.tmp</t>
  </si>
  <si>
    <t>\\acsfs\profiles$\victorgl\Downloads\36c73629-de2c-4767-8025-7e6b5bb733d0.tmp</t>
  </si>
  <si>
    <t>01/13/2020 13:48:53</t>
  </si>
  <si>
    <t>01/13/2020 13:48:54</t>
  </si>
  <si>
    <t>01/13/2020 13:48:55</t>
  </si>
  <si>
    <t>01/13/2020 13:48:56</t>
  </si>
  <si>
    <t>01/13/2020 13:48:57</t>
  </si>
  <si>
    <t>01/13/2020 13:48:58</t>
  </si>
  <si>
    <t>01/13/2020 13:48:59</t>
  </si>
  <si>
    <t>01/13/2020 13:49:00</t>
  </si>
  <si>
    <t>01/13/2020 13:49:01</t>
  </si>
  <si>
    <t>01/13/2020 13:49:02</t>
  </si>
  <si>
    <t>01/13/2020 13:49:03</t>
  </si>
  <si>
    <t>01/13/2020 13:49:04</t>
  </si>
  <si>
    <t>01/13/2020 13:49:05</t>
  </si>
  <si>
    <t>01/13/2020 13:49:06</t>
  </si>
  <si>
    <t>01/13/2020 13:51:29</t>
  </si>
  <si>
    <t>01/13/2020 13:47:02</t>
  </si>
  <si>
    <t>dabbbcb5-74db-40c6-8e16-8b41b785b502.tmp</t>
  </si>
  <si>
    <t>\\acsfs\profiles$\ingridsm\Downloads\dabbbcb5-74db-40c6-8e16-8b41b785b502.tmp</t>
  </si>
  <si>
    <t>01/13/2020 13:48:40</t>
  </si>
  <si>
    <t>22d20413-bb74-4c48-a05e-b5312d71b896.tmp</t>
  </si>
  <si>
    <t>\\acsfs\profiles$\ingridsm\Downloads\22d20413-bb74-4c48-a05e-b5312d71b896.tmp</t>
  </si>
  <si>
    <t>01/13/2020 13:49:53</t>
  </si>
  <si>
    <t>e6c9938a-3213-4094-bf54-def65ea94602.tmp</t>
  </si>
  <si>
    <t>\\acsfs\profiles$\ingridsm\Downloads\e6c9938a-3213-4094-bf54-def65ea94602.tmp</t>
  </si>
  <si>
    <t>01/13/2020 13:46:13</t>
  </si>
  <si>
    <t>01/13/2020 13:46:16</t>
  </si>
  <si>
    <t>01/13/2020 13:46:20</t>
  </si>
  <si>
    <t>mail.google.com/sync/u/0/i/s?hl=pt-BR&amp;c=299</t>
  </si>
  <si>
    <t>01/13/2020 13:46:26</t>
  </si>
  <si>
    <t>mail.google.com/sync/u/0/i/s?hl=pt-BR&amp;c=301</t>
  </si>
  <si>
    <t>01/13/2020 13:46:31</t>
  </si>
  <si>
    <t>mail.google.com/sync/u/0/i/s?hl=pt-BR&amp;c=303</t>
  </si>
  <si>
    <t>01/13/2020 13:47:10</t>
  </si>
  <si>
    <t>mail.google.com/sync/u/0/i/s?hl=pt-BR&amp;c=306</t>
  </si>
  <si>
    <t>01/13/2020 13:47:16</t>
  </si>
  <si>
    <t>mail.google.com/sync/u/0/i/s?hl=pt-BR&amp;c=308</t>
  </si>
  <si>
    <t>01/13/2020 13:47:45</t>
  </si>
  <si>
    <t>361f15ed-9943-49dc-a4e5-d577c7b68b48.tmp</t>
  </si>
  <si>
    <t>\\acsfs\profiles$\andrezacapf\Downloads\361f15ed-9943-49dc-a4e5-d577c7b68b48.tmp</t>
  </si>
  <si>
    <t>01/13/2020 13:47:47</t>
  </si>
  <si>
    <t>8f803623-a514-4878-8e45-381b9b26e316.tmp</t>
  </si>
  <si>
    <t>\\acsfs\profiles$\andrezacapf\Downloads\8f803623-a514-4878-8e45-381b9b26e316.tmp</t>
  </si>
  <si>
    <t>01/13/2020 13:48:05</t>
  </si>
  <si>
    <t>ac07e000-e631-4ae5-afc4-547ad69323d9.tmp</t>
  </si>
  <si>
    <t>\\acsfs\profiles$\andrezacapf\Downloads\ac07e000-e631-4ae5-afc4-547ad69323d9.tmp</t>
  </si>
  <si>
    <t>01/13/2020 13:48:08</t>
  </si>
  <si>
    <t>d04adb31-4686-4aea-acb1-51ec18d44724.tmp</t>
  </si>
  <si>
    <t>\\acsfs\profiles$\andrezacapf\Downloads\d04adb31-4686-4aea-acb1-51ec18d44724.tmp</t>
  </si>
  <si>
    <t>01/13/2020 13:48:15</t>
  </si>
  <si>
    <t>b8f61c22-83a3-4556-a0db-35771b626411.tmp</t>
  </si>
  <si>
    <t>\\acsfs\profiles$\andrezacapf\Downloads\b8f61c22-83a3-4556-a0db-35771b626411.tmp</t>
  </si>
  <si>
    <t>a59ac0ea-0b6a-42f7-8f69-c475ad891736.tmp</t>
  </si>
  <si>
    <t>\\acsfs\profiles$\andrezacapf\Downloads\a59ac0ea-0b6a-42f7-8f69-c475ad891736.tmp</t>
  </si>
  <si>
    <t>01/13/2020 13:48:31</t>
  </si>
  <si>
    <t>01/13/2020 13:52:29</t>
  </si>
  <si>
    <t>99d0f051-fce9-4258-939c-9285614b59ae.tmp</t>
  </si>
  <si>
    <t>\\acsfs\profiles$\KARENJSS\Downloads\99d0f051-fce9-4258-939c-9285614b59ae.tmp</t>
  </si>
  <si>
    <t>b65ca4c3-6aa7-4516-abec-91508d84e6d3.tmp</t>
  </si>
  <si>
    <t>\\acsfs\profiles$\KARENJSS\Downloads\b65ca4c3-6aa7-4516-abec-91508d84e6d3.tmp</t>
  </si>
  <si>
    <t>01/13/2020 13:49:19</t>
  </si>
  <si>
    <t>2d1f8d4f-b93b-4766-8ce7-fe5807e3ce7e.tmp</t>
  </si>
  <si>
    <t>\\acsfs\profiles$\KARENJSS\Downloads\2d1f8d4f-b93b-4766-8ce7-fe5807e3ce7e.tmp</t>
  </si>
  <si>
    <t>01/13/2020 13:50:03</t>
  </si>
  <si>
    <t>01/13/2020 13:53:29</t>
  </si>
  <si>
    <t>16b5217f-cadc-43b4-807c-b88472c87c8f.tmp</t>
  </si>
  <si>
    <t>\\acsfs\profiles$\lorrainerdl\Downloads\16b5217f-cadc-43b4-807c-b88472c87c8f.tmp</t>
  </si>
  <si>
    <t>01/13/2020 13:49:48</t>
  </si>
  <si>
    <t>e0912784-5b5a-4a0e-a28a-32b184c26549.tmp</t>
  </si>
  <si>
    <t>\\acsfs\profiles$\rafaelahpn\Downloads\e0912784-5b5a-4a0e-a28a-32b184c26549.tmp</t>
  </si>
  <si>
    <t>01/13/2020 13:51:50</t>
  </si>
  <si>
    <t>01/13/2020 13:54:29</t>
  </si>
  <si>
    <t>df849064-b8a2-4359-bcac-44b73b97b4da.tmp</t>
  </si>
  <si>
    <t>\\acsfs\profiles$\nataliacsl\Downloads\df849064-b8a2-4359-bcac-44b73b97b4da.tmp</t>
  </si>
  <si>
    <t>01/13/2020 13:53:03</t>
  </si>
  <si>
    <t>da4a83d4-d500-4332-95a8-4d21a20367c0.tmp</t>
  </si>
  <si>
    <t>\\acsfs\profiles$\nataliacsl\Downloads\da4a83d4-d500-4332-95a8-4d21a20367c0.tmp</t>
  </si>
  <si>
    <t>01/13/2020 13:51:30</t>
  </si>
  <si>
    <t>01/13/2020 13:51:44</t>
  </si>
  <si>
    <t>/o=exchangelabs/ou=exchange administrative group (fydibohf23spdlt)/cn=recipients/cn=5af2cae509964078b2026f7f550380b0-andre luis;/o=exchangelabs/ou=exchange administrative group (fydibohf23spdlt)/cn=recipients/cn=9aa4d7e121fc43078a7cba77f602cd0a-qualidade a;/o=exchangelabs/ou=exchange administrative group (fydibohf23spdlt)/cn=recipients/cn=9b52022a6e624c30a92f50cf4538a4bf-talmaia rod;/o=exchangelabs/ou=exchange administrative group (fydibohf23spdlt)/cn=recipients/cn=9d5ac7c7f5bb4c7098bcc852bda547ba-luiz fernan;/o=exchangelabs/ou=exchange administrative group (fydibohf23spdlt)/cn=recipients/cn=e47f7192d7b143e286620292e5ce82f2-mirian pris;/o=exchangelabs/ou=exchange administrative group (fydibohf23spdlt)/cn=recipients/cn=user8e89d2d7;thiagolrc@bv.algartech.com;</t>
  </si>
  <si>
    <t>NPS e Transferência, Consignado - Janeiro</t>
  </si>
  <si>
    <t>/o=exchangelabs/ou=exchange administrative group (fydibohf23spdlt)/cn=recipients/cn=5af2cae509964078b2026f7f550380b0-andre luis,/o=exchangelabs/ou=exchange administrative group (fydibohf23spdlt)/cn=recipients/cn=9aa4d7e121fc43078a7cba77f602cd0a-qualidade a,/o=exchangelabs/ou=exchange administrative group (fydibohf23spdlt)/cn=recipients/cn=9b52022a6e624c30a92f50cf4538a4bf-talmaia rod,/o=exchangelabs/ou=exchange administrative group (fydibohf23spdlt)/cn=recipients/cn=9d5ac7c7f5bb4c7098bcc852bda547ba-luiz fernan,/o=exchangelabs/ou=exchange administrative group (fydibohf23spdlt)/cn=recipients/cn=e47f7192d7b143e286620292e5ce82f2-mirian pris,/o=exchangelabs/ou=exchange administrative group (fydibohf23spdlt)/cn=recipients/cn=user8e89d2d7,thiagolrc@bv.algartech.com</t>
  </si>
  <si>
    <t>10.200.67.34</t>
  </si>
  <si>
    <t>78-2B-CB-C1-07-8E</t>
  </si>
  <si>
    <t>VOTORANT-LB003</t>
  </si>
  <si>
    <t>regisadsa</t>
  </si>
  <si>
    <t>\\acsfs\profiles$\regisadsa\Downloads\</t>
  </si>
  <si>
    <t>0f2c0f4e-4f8f-4669-a6a8-46f822aeba6a.tmp</t>
  </si>
  <si>
    <t>\\acsfs\profiles$\regisadsa\Downloads\0f2c0f4e-4f8f-4669-a6a8-46f822aeba6a.tmp</t>
  </si>
  <si>
    <t>01/13/2020 13:53:09</t>
  </si>
  <si>
    <t>31c48836-73ba-4115-949a-698ad43f2160.tmp</t>
  </si>
  <si>
    <t>\\acsfs\profiles$\regisadsa\Downloads\31c48836-73ba-4115-949a-698ad43f2160.tmp</t>
  </si>
  <si>
    <t>01/13/2020 13:52:58</t>
  </si>
  <si>
    <t>01/13/2020 13:55:29</t>
  </si>
  <si>
    <t>01/13/2020 13:53:18</t>
  </si>
  <si>
    <t>01/13/2020 13:53:36</t>
  </si>
  <si>
    <t>01/13/2020 13:53:37</t>
  </si>
  <si>
    <t>01/13/2020 13:52:35</t>
  </si>
  <si>
    <t>01/13/2020 13:56:29</t>
  </si>
  <si>
    <t>mail.google.com/sync/u/0/i/s?hl=pt-BR&amp;c=822</t>
  </si>
  <si>
    <t>01/13/2020 13:52:42</t>
  </si>
  <si>
    <t>mail.google.com/sync/u/0/i/s?hl=pt-BR&amp;c=824</t>
  </si>
  <si>
    <t>mail.google.com/sync/u/0/i/s?hl=pt-BR&amp;c=827</t>
  </si>
  <si>
    <t>mail.google.com/sync/u/0/i/s?hl=pt-BR&amp;c=829</t>
  </si>
  <si>
    <t>01/13/2020 13:53:32</t>
  </si>
  <si>
    <t>mail.google.com/sync/u/0/i/s?hl=pt-BR&amp;c=831</t>
  </si>
  <si>
    <t>01/13/2020 13:53:39</t>
  </si>
  <si>
    <t>mail.google.com/sync/u/0/i/s?hl=pt-BR&amp;c=833</t>
  </si>
  <si>
    <t>01/13/2020 13:53:46</t>
  </si>
  <si>
    <t>mail.google.com/sync/u/0/i/s?hl=pt-BR&amp;c=835</t>
  </si>
  <si>
    <t>01/13/2020 13:54:09</t>
  </si>
  <si>
    <t>mail.google.com/sync/u/0/i/s?hl=pt-BR&amp;c=838</t>
  </si>
  <si>
    <t>01/13/2020 13:54:22</t>
  </si>
  <si>
    <t>mail.google.com/sync/u/0/i/s?hl=pt-BR&amp;c=840</t>
  </si>
  <si>
    <t>mail.google.com/sync/u/0/i/s?hl=pt-BR&amp;c=842</t>
  </si>
  <si>
    <t>01/13/2020 13:55:06</t>
  </si>
  <si>
    <t>mail.google.com/sync/u/0/i/s?hl=pt-BR&amp;c=845</t>
  </si>
  <si>
    <t>01/13/2020 13:55:15</t>
  </si>
  <si>
    <t>mail.google.com/sync/u/0/i/s?hl=pt-BR&amp;c=847</t>
  </si>
  <si>
    <t>01/13/2020 13:55:20</t>
  </si>
  <si>
    <t>mail.google.com/sync/u/0/i/s?hl=pt-BR&amp;c=849</t>
  </si>
  <si>
    <t>mail.google.com/sync/u/0/i/s?hl=pt-BR&amp;c=851</t>
  </si>
  <si>
    <t>01/13/2020 13:51:48</t>
  </si>
  <si>
    <t>01/13/2020 13:51:41</t>
  </si>
  <si>
    <t>\\acsfs\profiles$\andrezacapf\My Documents\xworkcenter\lex\</t>
  </si>
  <si>
    <t>\\acsfs\profiles$\andrezacapf\My Documents\xworkcenter\lex\temp.tlx</t>
  </si>
  <si>
    <t>01/13/2020 13:51:42</t>
  </si>
  <si>
    <t>01/13/2020 13:51:43</t>
  </si>
  <si>
    <t>01/13/2020 13:51:46</t>
  </si>
  <si>
    <t>01/13/2020 13:51:47</t>
  </si>
  <si>
    <t>01/13/2020 13:51:49</t>
  </si>
  <si>
    <t>01/13/2020 13:51:51</t>
  </si>
  <si>
    <t>01/13/2020 13:51:52</t>
  </si>
  <si>
    <t>01/13/2020 13:51:53</t>
  </si>
  <si>
    <t>01/13/2020 13:51:54</t>
  </si>
  <si>
    <t>01/13/2020 13:51:55</t>
  </si>
  <si>
    <t>01/13/2020 13:51:56</t>
  </si>
  <si>
    <t>01/13/2020 13:51:57</t>
  </si>
  <si>
    <t>01/13/2020 13:51:58</t>
  </si>
  <si>
    <t>01/13/2020 13:51:59</t>
  </si>
  <si>
    <t>01/13/2020 13:52:00</t>
  </si>
  <si>
    <t>01/13/2020 13:52:01</t>
  </si>
  <si>
    <t>01/13/2020 13:52:02</t>
  </si>
  <si>
    <t>01/13/2020 13:52:03</t>
  </si>
  <si>
    <t>01/13/2020 13:52:04</t>
  </si>
  <si>
    <t>01/13/2020 13:57:29</t>
  </si>
  <si>
    <t>be036c23-cb79-4cec-9c52-9cd1cc8f4bd8.tmp</t>
  </si>
  <si>
    <t>\\acsfs\profiles$\KARENJSS\Downloads\be036c23-cb79-4cec-9c52-9cd1cc8f4bd8.tmp</t>
  </si>
  <si>
    <t>01/13/2020 13:54:51</t>
  </si>
  <si>
    <t>01/13/2020 13:58:29</t>
  </si>
  <si>
    <t>01/13/2020 13:55:59</t>
  </si>
  <si>
    <t>20ee2a8b-6e95-4433-bcac-7f721a9e50d7.tmp</t>
  </si>
  <si>
    <t>\\acsfs\profiles$\regisedsj\Downloads\20ee2a8b-6e95-4433-bcac-7f721a9e50d7.tmp</t>
  </si>
  <si>
    <t>01/13/2020 13:57:14</t>
  </si>
  <si>
    <t>01/13/2020 13:59:29</t>
  </si>
  <si>
    <t>302ba352-bcad-459c-a516-5a3730b05de1.tmp</t>
  </si>
  <si>
    <t>\\acsfs\profiles$\nataliacsl\Downloads\302ba352-bcad-459c-a516-5a3730b05de1.tmp</t>
  </si>
  <si>
    <t>01/13/2020 13:57:25</t>
  </si>
  <si>
    <t>c944b530-a8bc-461a-8275-67eeb5f4f10e.tmp</t>
  </si>
  <si>
    <t>\\acsfs\profiles$\LUISPLS\Downloads\c944b530-a8bc-461a-8275-67eeb5f4f10e.tmp</t>
  </si>
  <si>
    <t>01/13/2020 13:55:04</t>
  </si>
  <si>
    <t>\\acsfs\ACS\Gabriel da Silva\Contemporânea\NPS\NPS CRBV.xlsx\</t>
  </si>
  <si>
    <t>\\acsfs\ACS\Gabriel da Silva\Contemporânea\NPS\NPS CRBV.xlsx</t>
  </si>
  <si>
    <t>NPS CRBV.xlsx</t>
  </si>
  <si>
    <t>01/13/2020 13:55:28</t>
  </si>
  <si>
    <t>/o=exchangelabs/ou=exchange administrative group (fydibohf23spdlt)/cn=recipients/cn=4f1c81c2e16143f68596016ac3b45ef1-gustavo dam;/o=exchangelabs/ou=exchange administrative group (fydibohf23spdlt)/cn=recipients/cn=5af2cae509964078b2026f7f550380b0-andre luis;/o=exchangelabs/ou=exchange administrative group (fydibohf23spdlt)/cn=recipients/cn=6530aaa31df24237888421b849a2b4da-mariana cri;/o=exchangelabs/ou=exchange administrative group (fydibohf23spdlt)/cn=recipients/cn=9aa4d7e121fc43078a7cba77f602cd0a-qualidade a;/o=exchangelabs/ou=exchange administrative group (fydibohf23spdlt)/cn=recipients/cn=9b52022a6e624c30a92f50cf4538a4bf-talmaia rod;/o=exchangelabs/ou=exchange administrative group (fydibohf23spdlt)/cn=recipients/cn=9d5ac7c7f5bb4c7098bcc852bda547ba-luiz fernan;/o=exchangelabs/ou=exchange administrative group (fydibohf23spdlt)/cn=recipients/cn=cf023be226744f8a9c38076dbccfd020-flavia cons;/o=exchangelabs/ou=exchange administrative group (fydibohf23spdlt)/cn=recipients/cn=db4783aa152745d2a683beb0f57fe5d4-rai c</t>
  </si>
  <si>
    <t>NPS e Transferência, CRBV - Janeiro</t>
  </si>
  <si>
    <t>/o=exchangelabs/ou=exchange administrative group (fydibohf23spdlt)/cn=recipients/cn=4f1c81c2e16143f68596016ac3b45ef1-gustavo dam,/o=exchangelabs/ou=exchange administrative group (fydibohf23spdlt)/cn=recipients/cn=5af2cae509964078b2026f7f550380b0-andre luis,/o=exchangelabs/ou=exchange administrative group (fydibohf23spdlt)/cn=recipients/cn=6530aaa31df24237888421b849a2b4da-mariana cri,/o=exchangelabs/ou=exchange administrative group (fydibohf23spdlt)/cn=recipients/cn=9aa4d7e121fc43078a7cba77f602cd0a-qualidade a,/o=exchangelabs/ou=exchange administrative group (fydibohf23spdlt)/cn=recipients/cn=9b52022a6e624c30a92f50cf4538a4bf-talmaia rod,/o=exchangelabs/ou=exchange administrative group (fydibohf23spdlt)/cn=recipients/cn=9d5ac7c7f5bb4c7098bcc852bda547ba-luiz fernan,/o=exchangelabs/ou=exchange administrative group (fydibohf23spdlt)/cn=recipients/cn=cf023be226744f8a9c38076dbccfd020-flavia cons,/o=exchangelabs/ou=exchange administrative group (fydibohf23spdlt)/cn=recipients/cn=db4783aa152745d2a683beb0f57fe5d4-rai c</t>
  </si>
  <si>
    <t>01/13/2020 13:57:26</t>
  </si>
  <si>
    <t>d13b1c1f-1051-459b-91c1-708a3c180724.tmp</t>
  </si>
  <si>
    <t>\\acsfs\profiles$\regisadsa\Downloads\d13b1c1f-1051-459b-91c1-708a3c180724.tmp</t>
  </si>
  <si>
    <t>01/13/2020 13:58:03</t>
  </si>
  <si>
    <t>37b40ab7-f177-4023-922f-ad6d144a4e48.tmp</t>
  </si>
  <si>
    <t>\\acsfs\profiles$\regisadsa\Downloads\37b40ab7-f177-4023-922f-ad6d144a4e48.tmp</t>
  </si>
  <si>
    <t>01/13/2020 13:59:23</t>
  </si>
  <si>
    <t>\\acsfs\profiles$\marcosvnds\My Documents\xworkcenter\lex\</t>
  </si>
  <si>
    <t>\\acsfs\profiles$\marcosvnds\My Documents\xworkcenter\lex\temp.tlx</t>
  </si>
  <si>
    <t>01/13/2020 13:59:24</t>
  </si>
  <si>
    <t>01/13/2020 14:00:29</t>
  </si>
  <si>
    <t>01/13/2020 13:58:46</t>
  </si>
  <si>
    <t>522556b3-0aad-4351-8c19-7eca2265d131.tmp</t>
  </si>
  <si>
    <t>\\acsfs\profiles$\georgendsq\Downloads\522556b3-0aad-4351-8c19-7eca2265d131.tmp</t>
  </si>
  <si>
    <t>01/13/2020 13:55:52</t>
  </si>
  <si>
    <t>01/13/2020 14:01:29</t>
  </si>
  <si>
    <t>mail.google.com/sync/u/0/i/s?hl=pt-BR&amp;c=853</t>
  </si>
  <si>
    <t>01/13/2020 13:56:01</t>
  </si>
  <si>
    <t>mail.google.com/sync/u/0/i/s?hl=pt-BR&amp;c=856</t>
  </si>
  <si>
    <t>01/13/2020 13:56:07</t>
  </si>
  <si>
    <t>mail.google.com/sync/u/0/i/s?hl=pt-BR&amp;c=858</t>
  </si>
  <si>
    <t>01/13/2020 13:56:32</t>
  </si>
  <si>
    <t>mail.google.com/sync/u/0/i/s?hl=pt-BR&amp;c=860</t>
  </si>
  <si>
    <t>01/13/2020 13:56:41</t>
  </si>
  <si>
    <t>mail.google.com/sync/u/0/i/s?hl=pt-BR&amp;c=862</t>
  </si>
  <si>
    <t>01/13/2020 13:56:48</t>
  </si>
  <si>
    <t>mail.google.com/sync/u/0/i/s?hl=pt-BR&amp;c=867</t>
  </si>
  <si>
    <t>01/13/2020 13:57:38</t>
  </si>
  <si>
    <t>mail.google.com/sync/u/0/i/s?hl=pt-BR&amp;c=869</t>
  </si>
  <si>
    <t>01/13/2020 13:57:42</t>
  </si>
  <si>
    <t>mail.google.com/sync/u/0/i/s?hl=pt-BR&amp;c=871</t>
  </si>
  <si>
    <t>01/13/2020 13:57:48</t>
  </si>
  <si>
    <t>mail.google.com/sync/u/0/i/s?hl=pt-BR&amp;c=873</t>
  </si>
  <si>
    <t>01/13/2020 13:57:59</t>
  </si>
  <si>
    <t>mail.google.com/sync/u/0/i/s?hl=pt-BR&amp;c=875</t>
  </si>
  <si>
    <t>01/13/2020 13:58:47</t>
  </si>
  <si>
    <t>mail.google.com/sync/u/0/i/s?hl=pt-BR&amp;c=878</t>
  </si>
  <si>
    <t>01/13/2020 13:59:01</t>
  </si>
  <si>
    <t>01/13/2020 13:59:22</t>
  </si>
  <si>
    <t>mail.google.com/sync/u/0/i/s?hl=pt-BR&amp;c=883</t>
  </si>
  <si>
    <t>01/13/2020 13:59:36</t>
  </si>
  <si>
    <t>mail.google.com/sync/u/0/i/s?hl=pt-BR&amp;c=885</t>
  </si>
  <si>
    <t>01/13/2020 13:59:43</t>
  </si>
  <si>
    <t>mail.google.com/sync/u/0/i/s?hl=pt-BR&amp;c=887</t>
  </si>
  <si>
    <t>01/13/2020 13:59:49</t>
  </si>
  <si>
    <t>mail.google.com/sync/u/0/i/s?hl=pt-BR&amp;c=889</t>
  </si>
  <si>
    <t>01/13/2020 14:00:28</t>
  </si>
  <si>
    <t>mail.google.com/sync/u/0/i/s?hl=pt-BR&amp;c=892</t>
  </si>
  <si>
    <t>01/13/2020 13:56:51</t>
  </si>
  <si>
    <t>01/13/2020 13:59:31</t>
  </si>
  <si>
    <t>13e11ab9-32f6-4863-994d-b9bf269629f2.tmp</t>
  </si>
  <si>
    <t>\\acsfs\profiles$\RAFAELRF\Downloads\13e11ab9-32f6-4863-994d-b9bf269629f2.tmp</t>
  </si>
  <si>
    <t>01/13/2020 13:56:34</t>
  </si>
  <si>
    <t>c1375a8f-8561-4346-961a-e770c942feb3.tmp</t>
  </si>
  <si>
    <t>\\acsfs\profiles$\ingridsm\Downloads\c1375a8f-8561-4346-961a-e770c942feb3.tmp</t>
  </si>
  <si>
    <t>01/13/2020 14:01:00</t>
  </si>
  <si>
    <t>01/13/2020 14:02:29</t>
  </si>
  <si>
    <t>01/13/2020 13:58:58</t>
  </si>
  <si>
    <t>2c03d11e-bea0-44f9-ac13-9962fc04a11e;</t>
  </si>
  <si>
    <t>https://algar.folhasinergyrh.com.br/rescisao/upload?id=0&amp;idsolicitacao=0&amp;idprerescisao=0&amp;temp=true</t>
  </si>
  <si>
    <t>"mozilla/5.0 (windows nt 6.1) applewebkit/537.36 (khtml;0];0]06;0]]]]];0]�*�ogq^�w`��;1;13;13700014;13700109;13700185;13700451;13700951;13701207;13701298;13701422;13701430;13701450;13701506;13701537;13701573;13701577;13701625;13701657;1370169;13701749;13701825;13701901;13701905;13701957;13701969;13702068;13702088;142961685;1578930052848000;1578930058554000;1578930068590;1578930857342\;1578930857476;1]]";346;5701393;[1;[4;[[13701418;[];[]]];adfn-ct7ciskssyu-68afh9xg7xv2c6f8dx_seofhsqerkx2bhpqslb3crfufkpjjmcd4mgjscrt;atuima2v-l-r4mlrttnejldjmmcmtjqqdb_eo8phe2_wqj_y1ojumr1iabvw2ppblwocree42tuodgonxc9zyjvd_xfo84rwydpsbvhcnrhj5v_llmeiev56vw6hfdoo\";false;false];flaviacno@algartech.com;fu-jjgodysoi_w";gbvŢ_x001C_���{_x001C_x�g�?`�ǻq_x001C_t��msyn���_x000E_�`�ݻqglz/e�#n�ߣɡ`��^m�/�w_x001E_y1۟?\�8;gbvŢ_x001C_���{_x001C_x�i�?`��;gbvŢ_x001C_���{_x001C_x�n�?`��;gustavodsil@algartech.com;ken=ac4w5vhljczanhxnqi1woyx0avs9x8dipw:1578930052842&amp;buildlabel=drive.web-frontend_20200101.00_p4855072\";like gecko) chrome/79.0.3945.117 safari/537.36";maristelavodq@bv.algartech.com;null;</t>
  </si>
  <si>
    <t>Desligamento Lays.zip</t>
  </si>
  <si>
    <t>https://"mozilla/5.0 (windows nt 6.1) applewebkit/537.36 (khtml,0],0]06,0]]]]],0]�*�ogq^�w`��,1,13,13700014,13700109,13700185,13700451,13700951,13701207,13701298,13701422,13701430,13701450,13701506,13701537,13701573,13701577,13701625,13701657,1370169,13701749,13701825,13701901,13701905,13701957,13701969,13702068,13702088,142961685,1578930052848000,1578930058554000,1578930068590,1578930857342\,1578930857476,1]]",346,5701393,[1,[4,[[13701418,[],[]]],adfn-ct7ciskssyu-68afh9xg7xv2c6f8dx_seofhsqerkx2bhpqslb3crfufkpjjmcd4mgjscrt,atuima2v-l-r4mlrttnejldjmmcmtjqqdb_eo8phe2_wqj_y1ojumr1iabvw2ppblwocree42tuodgonxc9zyjvd_xfo84rwydpsbvhcnrhj5v_llmeiev56vw6hfdoo\",false,false],flaviacno@algartech.com,fu-jjgodysoi_w",gbvŢ_x001C_���{_x001C_x�g�?`�ǻq_x001C_t��msyn���_x000E_�`�ݻqglz/e�#n�ߣɡ`��^m�/�w_x001E_y1۟?\�8,gbvŢ_x001C_���{_x001C_x�i�?`��,gbvŢ_x001C_���{_x001C_x�n�?`��,gustavodsil@algartech.com,ken=ac4w5vhljczanhxnqi1woyx0avs9x8dipw:1578930052842&amp;buildlabel=drive.web-frontend_20200101.00_p4855072\",like gecko) chrome/79.0.3945.117 safari/537.36",maristelavodq@bv.algartech.c</t>
  </si>
  <si>
    <t>C:\Users\raicdf\Downloads\Desligamento Lays.zip\</t>
  </si>
  <si>
    <t>Desligamento Lays.pdf</t>
  </si>
  <si>
    <t>01/13/2020 13:59:21</t>
  </si>
  <si>
    <t>https://algar.folhasinergyrh.com.br/rescisao/upload?id=0&amp;idsolicitacao=20587&amp;idprerescisao=0</t>
  </si>
  <si>
    <t>0]ll;13/01/2020;142961685;1578931268841;5;[];[]]];andrelpsa@algartech.com;atuima2v-l-r4mlrttnejldjmmcmtjqqdb_eo8phe2_wqj_y1ojumr1iabvw2ppblwocree42tuodgonxc9zyivd_xfpqawwfk-djhhoaw8xisktehnirbxymmss-bbe\";false;null;true]";</t>
  </si>
  <si>
    <t>https://0]ll,13/01/2020,142961685,1578931268841,5,[],[]]],andrelpsa@algartech.com,atuima2v-l-r4mlrttnejldjmmcmtjqqdb_eo8phe2_wqj_y1ojumr1iabvw2ppblwocree42tuodgonxc9zyivd_xfpqawwfk-djhhoaw8xisktehnirbxymmss-bbe\",false,null,true]"</t>
  </si>
  <si>
    <t>01/13/2020 14:00:02</t>
  </si>
  <si>
    <t>mail.google.com/sync/u/0/i/s?hl=pt-BR&amp;c=608</t>
  </si>
  <si>
    <t>01/13/2020 14:00:18</t>
  </si>
  <si>
    <t>"mozilla/5.0 (windows nt 6.1) applewebkit/537.36 (khtml,0,0.272,0.306,0.312,0.332,0.341,0.365,0.371],0.385,0.525,0.534],0.554,0.561,0.616],0.62],0.653],0.675],0.683],0.908],0.928,0.941],0.964],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d&gt;&lt;td styl</t>
  </si>
  <si>
    <t>01/13/2020 14:00:19</t>
  </si>
  <si>
    <t>mail.google.com/sync/u/0/i/s?hl=pt-BR&amp;c=612</t>
  </si>
  <si>
    <t>_x0012_�_x0016_��i�ue��pbԟ��_x0002_��tb_x0012_�_x0012_�¨�8��� �j��_x0013_��j� �_x0014_Ԍ�*!* ʈn�!*�*�q�2б'_x001A_w��Ԓ�$b;"mozilla/5.0 (windows nt 6.1) applewebkit/537.36 (khtml;1;13;13700014;13700109�;13700185;13700951;13701207;13701298;13701422;13701450;13701537;13701573;13701577;13701625;13701749;13701825;13701901;13701957;13701969;13702068;13702088;1578930052848000;1578930058554000;5701393;[[13701418;adfn-ct7ciskssyu-68afh9xg7xv2c6f8dx_seofhsqerkx2bhpqslb3crfufkpjjmcd4mgjscrt;ancestorhasaugmentedpermissions;containsunsubscribedchildren;displayname;domain;emailaddress;false];file(kind;fileid;filesize;fu-jjgodysoi_w";hasthumbnail;hasvisitorpermissions;id;id);items(deleted;ken;ken=ac4w5vhljczanhxnqi1woyx0avs9x8dipw:1578930052842&amp;buildlabel=drive.web-frontend_20200101.00_p4g_x0001_0z��f�����s��j�?�)�z�._x001F_�hk���;kind;lastmodifyinguser(kind;lastviewedbymedate;like gecko) chrome/79.0.3945.117 safari/537.36";martala@algartech.com;modifiedbymedate;modifieddate;null;ontainsunsubscribedchildren;owners(kind;per;permiss;permissionid;picture;pt-br;rpermissions;shared;shared</t>
  </si>
  <si>
    <t>_x0012_�_x0016_��i�ue��pbԟ��_x0002_��tb_x0012_�_x0012_�¨�8��� �j��_x0013_��j� �_x0014_Ԍ�*!* ʈn�!*�*�q�2б'_x001A_w��Ԓ�$b,"mozilla/5.0 (windows nt 6.1) applewebkit/537.36 (khtml,1,13,13700014,13700109�,13700185,13700951,13701207,13701298,13701422,13701450,13701537,13701573,13701577,13701625,13701749,13701825,13701901,13701957,13701969,13702068,13702088,1578930052848000,1578930058554000,5701393,[[13701418,adfn-ct7ciskssyu-68afh9xg7xv2c6f8dx_seofhsqerkx2bhpqslb3crfufkpjjmcd4mgjscrt,ancestorhasaugmentedpermissions,containsunsubscribedchildren,displayname,domain,emailaddress,false],file(kind,fileid,filesize,fu-jjgodysoi_w",hasthumbnail,hasvisitorpermissions,id,id),items(deleted,ken,ken=ac4w5vhljczanhxnqi1woyx0avs9x8dipw:1578930052842&amp;buildlabel=drive.web-frontend_20200101.00_p4g_x0001_0z��f�����s��j�?�)�z�._x001F_�hk���,kind,lastmodifyinguser(kind,lastviewedbymedate,like gecko) chrome/79.0.3945.117 safari/537.36",martala@algartech.com,modifiedbymedate,modifieddate,null,ontainsunsubscribedchildren,owners(kind,per,permiss,permissionid,picture,pt-br,rpermissions,shared,shared</t>
  </si>
  <si>
    <t>01/13/2020 14:00:51</t>
  </si>
  <si>
    <t>1578915906535000]]]p_x0006_؉p_x0006_;a5wikfioulti1ndm0mjkznjuymdeznja1nzekcwicq6c8ktlntdibmkg15qdfuepqrzomotq3mze4otg5odazef3x85w1tkmwgas=";martala@algartech.com;</t>
  </si>
  <si>
    <t>1578915906535000]]]p_x0006_؉p_x0006_,a5wikfioulti1ndm0mjkznjuymdeznja1nzekcwicq6c8ktlntdibmkg15qdfuepqrzomotq3mze4otg5odazef3x85w1tkmwgas=",martala@algartech.com</t>
  </si>
  <si>
    <t>01/13/2020 14:01:20</t>
  </si>
  <si>
    <t>martala@algartech.com;</t>
  </si>
  <si>
    <t>martala@algartech.com</t>
  </si>
  <si>
    <t>01/13/2020 14:01:21</t>
  </si>
  <si>
    <t>01/13/2020 14:03:30</t>
  </si>
  <si>
    <t>01/13/2020 13:58:17</t>
  </si>
  <si>
    <t>c66348eb-581d-4432-8b3b-db9e86ce65b2.tmp</t>
  </si>
  <si>
    <t>\\acsfs\profiles$\victorgl\Downloads\c66348eb-581d-4432-8b3b-db9e86ce65b2.tmp</t>
  </si>
  <si>
    <t>e8369e30-4d9f-415c-93f0-8b216cdef64e.tmp</t>
  </si>
  <si>
    <t>\\acsfs\profiles$\victorgl\Downloads\e8369e30-4d9f-415c-93f0-8b216cdef64e.tmp</t>
  </si>
  <si>
    <t>01/13/2020 13:58:54</t>
  </si>
  <si>
    <t>dd6bd3bc-15b3-4e4d-b88e-3ea38ead4b84.tmp</t>
  </si>
  <si>
    <t>\\acsfs\profiles$\victorgl\Downloads\dd6bd3bc-15b3-4e4d-b88e-3ea38ead4b84.tmp</t>
  </si>
  <si>
    <t>01/13/2020 14:00:03</t>
  </si>
  <si>
    <t>a603c25d-2019-4cc2-be5e-d0969da1e148.tmp</t>
  </si>
  <si>
    <t>\\acsfs\profiles$\victorgl\Downloads\a603c25d-2019-4cc2-be5e-d0969da1e148.tmp</t>
  </si>
  <si>
    <t>01/13/2020 14:02:32</t>
  </si>
  <si>
    <t>01/13/2020 14:02:41</t>
  </si>
  <si>
    <t>mail.google.com/sync/u/0/i/s?hl=pt-BR&amp;c=51</t>
  </si>
  <si>
    <t>01/13/2020 14:03:07</t>
  </si>
  <si>
    <t>mail.google.com/sync/u/0/i/s?hl=pt-BR&amp;c=54</t>
  </si>
  <si>
    <t>01/13/2020 14:01:50</t>
  </si>
  <si>
    <t>360b87e6-a2e1-4dfc-b866-81308c25d09c.tmp</t>
  </si>
  <si>
    <t>\\acsfs\profiles$\regisedsj\Downloads\360b87e6-a2e1-4dfc-b866-81308c25d09c.tmp</t>
  </si>
  <si>
    <t>01/13/2020 14:01:22</t>
  </si>
  <si>
    <t>01/13/2020 14:04:29</t>
  </si>
  <si>
    <t>01/13/2020 14:01:36</t>
  </si>
  <si>
    <t>10.200.66.18</t>
  </si>
  <si>
    <t>74-86-7A-FB-1B-1E</t>
  </si>
  <si>
    <t>VOTORANT-OB003</t>
  </si>
  <si>
    <t>flaviacno</t>
  </si>
  <si>
    <t>\\acsfs\Deptos\Operacao\Banco_Votorantim\Supervisao\Flávia Constantina Nogueira\</t>
  </si>
  <si>
    <t>Resultados Qualidade Janeiro.xlsx</t>
  </si>
  <si>
    <t>\\acsfs\Deptos\Operacao\Banco_Votorantim\Supervisao\Flávia Constantina Nogueira\Resultados Qualidade Janeiro.xlsx</t>
  </si>
  <si>
    <t>01/13/2020 14:02:01</t>
  </si>
  <si>
    <t>01/13/2020 14:05:30</t>
  </si>
  <si>
    <t>01/13/2020 13:59:25</t>
  </si>
  <si>
    <t>01/13/2020 13:59:26</t>
  </si>
  <si>
    <t>01/13/2020 13:59:27</t>
  </si>
  <si>
    <t>01/13/2020 13:59:28</t>
  </si>
  <si>
    <t>01/13/2020 13:59:30</t>
  </si>
  <si>
    <t>01/13/2020 13:59:32</t>
  </si>
  <si>
    <t>01/13/2020 13:59:33</t>
  </si>
  <si>
    <t>01/13/2020 13:59:34</t>
  </si>
  <si>
    <t>01/13/2020 13:59:35</t>
  </si>
  <si>
    <t>01/13/2020 13:59:37</t>
  </si>
  <si>
    <t>01/13/2020 13:59:38</t>
  </si>
  <si>
    <t>01/13/2020 13:59:39</t>
  </si>
  <si>
    <t>01/13/2020 13:59:40</t>
  </si>
  <si>
    <t>01/13/2020 13:59:41</t>
  </si>
  <si>
    <t>01/13/2020 13:59:42</t>
  </si>
  <si>
    <t>01/13/2020 13:59:44</t>
  </si>
  <si>
    <t>01/13/2020 13:59:45</t>
  </si>
  <si>
    <t>01/13/2020 13:59:46</t>
  </si>
  <si>
    <t>01/13/2020 13:59:47</t>
  </si>
  <si>
    <t>01/13/2020 13:59:48</t>
  </si>
  <si>
    <t>01/13/2020 14:03:37</t>
  </si>
  <si>
    <t>01/13/2020 14:03:41</t>
  </si>
  <si>
    <t>01/13/2020 14:01:03</t>
  </si>
  <si>
    <t>layonmof</t>
  </si>
  <si>
    <t>\\acsfs\profiles$\layonmof\Contacts\</t>
  </si>
  <si>
    <t>LAYON MARCIO OLIVEIRA FARIA (2972).contact</t>
  </si>
  <si>
    <t>\\acsfs\profiles$\layonmof\Contacts\LAYON MARCIO OLIVEIRA FARIA (2972).contact</t>
  </si>
  <si>
    <t>01/13/2020 14:01:18</t>
  </si>
  <si>
    <t>\\acsfs\profiles$\layonmof\My Documents\My Videos\</t>
  </si>
  <si>
    <t>\\acsfs\profiles$\layonmof\My Documents\My Videos\desktop.ini</t>
  </si>
  <si>
    <t>01/13/2020 14:01:19</t>
  </si>
  <si>
    <t>\\acsfs\profiles$\layonmof\My Documents\My Pictures\</t>
  </si>
  <si>
    <t>\\acsfs\profiles$\layonmof\My Documents\My Pictures\desktop.ini</t>
  </si>
  <si>
    <t>\\acsfs\profiles$\layonmof\Contacts\desktop.ini</t>
  </si>
  <si>
    <t>\\acsfs\profiles$\layonmof\Favorites\</t>
  </si>
  <si>
    <t>\\acsfs\profiles$\layonmof\Favorites\desktop.ini</t>
  </si>
  <si>
    <t>\\acsfs\profiles$\layonmof\My Documents\My Music\</t>
  </si>
  <si>
    <t>\\acsfs\profiles$\layonmof\My Documents\My Music\desktop.ini</t>
  </si>
  <si>
    <t>01/13/2020 14:01:23</t>
  </si>
  <si>
    <t>\\acsfs\profiles$\layonmof\Searches\</t>
  </si>
  <si>
    <t>\\acsfs\profiles$\layonmof\Searches\desktop.ini</t>
  </si>
  <si>
    <t>01/13/2020 14:01:24</t>
  </si>
  <si>
    <t>\\acsfs\profiles$\layonmof\Downloads\</t>
  </si>
  <si>
    <t>\\acsfs\profiles$\layonmof\Downloads\desktop.ini</t>
  </si>
  <si>
    <t>\\acsfs\profiles$\layonmof\My Documents\</t>
  </si>
  <si>
    <t>\\acsfs\profiles$\layonmof\My Documents\desktop.ini</t>
  </si>
  <si>
    <t>01/13/2020 14:01:25</t>
  </si>
  <si>
    <t>01/13/2020 14:01:26</t>
  </si>
  <si>
    <t>\\acsfs\profiles$\layonmof\Saved Games\</t>
  </si>
  <si>
    <t>\\acsfs\profiles$\layonmof\Saved Games\desktop.ini</t>
  </si>
  <si>
    <t>01/13/2020 14:01:38</t>
  </si>
  <si>
    <t>\\acsfs\profiles$\layonmof\Favorites\Links for Brasil\</t>
  </si>
  <si>
    <t>\\acsfs\profiles$\layonmof\Favorites\Links for Brasil\desktop.ini</t>
  </si>
  <si>
    <t>\\acsfs\profiles$\layonmof\Favorites\Links for Brasil\Microsoft Brasil.url</t>
  </si>
  <si>
    <t>01/13/2020 14:01:39</t>
  </si>
  <si>
    <t>\\acsfs\profiles$\layonmof\Favorites\Links for Brasil\Windows Brasil.url</t>
  </si>
  <si>
    <t>\\acsfs\profiles$\layonmof\Favorites\Links for Brasil\MSN Brasil.url</t>
  </si>
  <si>
    <t>01/13/2020 14:03:49</t>
  </si>
  <si>
    <t>ef2a8ff8-964b-420c-83f5-d1bf39f4a499.tmp</t>
  </si>
  <si>
    <t>\\acsfs\profiles$\layonmof\Downloads\ef2a8ff8-964b-420c-83f5-d1bf39f4a499.tmp</t>
  </si>
  <si>
    <t>01/13/2020 14:00:50</t>
  </si>
  <si>
    <t>01/13/2020 14:06:29</t>
  </si>
  <si>
    <t>mail.google.com/sync/u/0/i/s?hl=pt-BR&amp;c=895</t>
  </si>
  <si>
    <t>01/13/2020 14:00:55</t>
  </si>
  <si>
    <t>mail.google.com/sync/u/0/i/s?hl=pt-BR&amp;c=897</t>
  </si>
  <si>
    <t>01/13/2020 14:01:02</t>
  </si>
  <si>
    <t>mail.google.com/sync/u/0/i/s?hl=pt-BR&amp;c=900</t>
  </si>
  <si>
    <t>01/13/2020 14:01:06</t>
  </si>
  <si>
    <t>mail.google.com/sync/u/0/i/s?hl=pt-BR&amp;c=902</t>
  </si>
  <si>
    <t>01/13/2020 14:01:13</t>
  </si>
  <si>
    <t>mail.google.com/sync/u/0/i/s?hl=pt-BR&amp;c=904</t>
  </si>
  <si>
    <t>01/13/2020 14:01:34</t>
  </si>
  <si>
    <t>mail.google.com/sync/u/0/i/s?hl=pt-BR&amp;c=906</t>
  </si>
  <si>
    <t>100029219261351;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100029219261351,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01/13/2020 14:03:47</t>
  </si>
  <si>
    <t>mail.google.com/sync/u/0/i/s?hl=pt-BR&amp;c=909</t>
  </si>
  <si>
    <t>01/13/2020 14:03:35</t>
  </si>
  <si>
    <t>\\acsfs\Deptos\EDUCACAO EMPRESARIAL\KÉSIA\Ligações 2º ciclo - Janeiro 2020\</t>
  </si>
  <si>
    <t>DHIULLIANA NETO APARECIDO DE SOUZA_1_6777821481116175023_1_32.wav</t>
  </si>
  <si>
    <t>\\acsfs\Deptos\EDUCACAO EMPRESARIAL\KÉSIA\Ligações 2º ciclo - Janeiro 2020\DHIULLIANA NETO APARECIDO DE SOUZA_1_6777821481116175023_1_32.wav</t>
  </si>
  <si>
    <t>01/13/2020 14:06:27</t>
  </si>
  <si>
    <t>01/13/2020 14:08:29</t>
  </si>
  <si>
    <t>01/13/2020 14:06:01</t>
  </si>
  <si>
    <t>10.200.67.176</t>
  </si>
  <si>
    <t>78-2B-CB-C1-07-4E</t>
  </si>
  <si>
    <t>VOTORANT-OB008</t>
  </si>
  <si>
    <t>alinepp</t>
  </si>
  <si>
    <t>\\acsfs\profiles$\alinepp\Contacts\</t>
  </si>
  <si>
    <t>ALINE PEREIRA PORFIRIO (7014).contact</t>
  </si>
  <si>
    <t>\\acsfs\profiles$\alinepp\Contacts\ALINE PEREIRA PORFIRIO (7014).contact</t>
  </si>
  <si>
    <t>01/13/2020 14:06:24</t>
  </si>
  <si>
    <t>\\acsfs\profiles$\alinepp\My Documents\My Videos\</t>
  </si>
  <si>
    <t>\\acsfs\profiles$\alinepp\My Documents\My Videos\desktop.ini</t>
  </si>
  <si>
    <t>01/13/2020 14:06:25</t>
  </si>
  <si>
    <t>01/13/2020 14:06:26</t>
  </si>
  <si>
    <t>\\acsfs\profiles$\alinepp\My Documents\My Pictures\</t>
  </si>
  <si>
    <t>\\acsfs\profiles$\alinepp\My Documents\My Pictures\desktop.ini</t>
  </si>
  <si>
    <t>01/13/2020 14:06:28</t>
  </si>
  <si>
    <t>\\acsfs\profiles$\alinepp\Contacts\desktop.ini</t>
  </si>
  <si>
    <t>\\acsfs\profiles$\alinepp\Favorites\</t>
  </si>
  <si>
    <t>\\acsfs\profiles$\alinepp\Favorites\desktop.ini</t>
  </si>
  <si>
    <t>01/13/2020 14:06:30</t>
  </si>
  <si>
    <t>01/13/2020 14:06:31</t>
  </si>
  <si>
    <t>\\acsfs\profiles$\alinepp\My Documents\My Music\</t>
  </si>
  <si>
    <t>\\acsfs\profiles$\alinepp\My Documents\My Music\desktop.ini</t>
  </si>
  <si>
    <t>01/13/2020 14:06:32</t>
  </si>
  <si>
    <t>01/13/2020 14:06:34</t>
  </si>
  <si>
    <t>\\acsfs\profiles$\alinepp\Searches\</t>
  </si>
  <si>
    <t>\\acsfs\profiles$\alinepp\Searches\desktop.ini</t>
  </si>
  <si>
    <t>01/13/2020 14:06:35</t>
  </si>
  <si>
    <t>01/13/2020 14:06:36</t>
  </si>
  <si>
    <t>\\acsfs\profiles$\alinepp\Downloads\</t>
  </si>
  <si>
    <t>\\acsfs\profiles$\alinepp\Downloads\desktop.ini</t>
  </si>
  <si>
    <t>01/13/2020 14:06:37</t>
  </si>
  <si>
    <t>\\acsfs\profiles$\alinepp\My Documents\</t>
  </si>
  <si>
    <t>\\acsfs\profiles$\alinepp\My Documents\desktop.ini</t>
  </si>
  <si>
    <t>01/13/2020 14:06:38</t>
  </si>
  <si>
    <t>01/13/2020 14:06:39</t>
  </si>
  <si>
    <t>01/13/2020 14:06:41</t>
  </si>
  <si>
    <t>\\acsfs\profiles$\alinepp\Saved Games\</t>
  </si>
  <si>
    <t>\\acsfs\profiles$\alinepp\Saved Games\desktop.ini</t>
  </si>
  <si>
    <t>01/13/2020 14:06:42</t>
  </si>
  <si>
    <t>01/13/2020 14:07:04</t>
  </si>
  <si>
    <t>\\acsfs\profiles$\alinepp\Favorites\Links for Brasil\</t>
  </si>
  <si>
    <t>\\acsfs\profiles$\alinepp\Favorites\Links for Brasil\desktop.ini</t>
  </si>
  <si>
    <t>\\acsfs\profiles$\alinepp\Favorites\Links for Brasil\Microsoft Brasil.url</t>
  </si>
  <si>
    <t>01/13/2020 14:07:05</t>
  </si>
  <si>
    <t>\\acsfs\profiles$\alinepp\Favorites\Links for Brasil\Windows Brasil.url</t>
  </si>
  <si>
    <t>01/13/2020 14:07:06</t>
  </si>
  <si>
    <t>01/13/2020 14:07:07</t>
  </si>
  <si>
    <t>\\acsfs\profiles$\alinepp\Favorites\Links for Brasil\MSN Brasil.url</t>
  </si>
  <si>
    <t>01/13/2020 14:07:44</t>
  </si>
  <si>
    <t>01/13/2020 14:09:29</t>
  </si>
  <si>
    <t>01/13/2020 14:08:01</t>
  </si>
  <si>
    <t>01/13/2020 14:08:40</t>
  </si>
  <si>
    <t>01/13/2020 14:06:11</t>
  </si>
  <si>
    <t>01/13/2020 14:04:45</t>
  </si>
  <si>
    <t>10.200.67.60</t>
  </si>
  <si>
    <t>74-86-7A-FB-17-23</t>
  </si>
  <si>
    <t>VOTORANT-OB007</t>
  </si>
  <si>
    <t>ALINE PEREIRA PORFIRIO (6995).contact</t>
  </si>
  <si>
    <t>\\acsfs\profiles$\alinepp\Contacts\ALINE PEREIRA PORFIRIO (6995).contact</t>
  </si>
  <si>
    <t>01/13/2020 14:05:23</t>
  </si>
  <si>
    <t>01/13/2020 14:05:24</t>
  </si>
  <si>
    <t>01/13/2020 14:05:25</t>
  </si>
  <si>
    <t>01/13/2020 14:05:26</t>
  </si>
  <si>
    <t>01/13/2020 14:05:27</t>
  </si>
  <si>
    <t>01/13/2020 14:05:28</t>
  </si>
  <si>
    <t>01/13/2020 14:05:29</t>
  </si>
  <si>
    <t>01/13/2020 14:05:31</t>
  </si>
  <si>
    <t>01/13/2020 14:05:32</t>
  </si>
  <si>
    <t>01/13/2020 14:05:33</t>
  </si>
  <si>
    <t>01/13/2020 14:05:34</t>
  </si>
  <si>
    <t>01/13/2020 14:10:29</t>
  </si>
  <si>
    <t>01/13/2020 14:05:35</t>
  </si>
  <si>
    <t>01/13/2020 14:05:36</t>
  </si>
  <si>
    <t>01/13/2020 14:06:04</t>
  </si>
  <si>
    <t>01/13/2020 14:06:06</t>
  </si>
  <si>
    <t>01/13/2020 14:06:08</t>
  </si>
  <si>
    <t>01/13/2020 14:06:09</t>
  </si>
  <si>
    <t>01/13/2020 14:06:10</t>
  </si>
  <si>
    <t>01/13/2020 14:09:19</t>
  </si>
  <si>
    <t>13ce23f9-0579-40e1-804a-c4f8ee8ad1a4.tmp</t>
  </si>
  <si>
    <t>\\acsfs\profiles$\alinepp\Downloads\13ce23f9-0579-40e1-804a-c4f8ee8ad1a4.tmp</t>
  </si>
  <si>
    <t>336483ba-fc9e-4f58-b797-5844447ceb51.tmp</t>
  </si>
  <si>
    <t>\\acsfs\profiles$\layonmof\Downloads\336483ba-fc9e-4f58-b797-5844447ceb51.tmp</t>
  </si>
  <si>
    <t>01/13/2020 14:06:19</t>
  </si>
  <si>
    <t>e835e915-f54a-4905-a426-38c2207c5e0a.tmp</t>
  </si>
  <si>
    <t>\\acsfs\profiles$\layonmof\Downloads\e835e915-f54a-4905-a426-38c2207c5e0a.tmp</t>
  </si>
  <si>
    <t>01/13/2020 14:08:24</t>
  </si>
  <si>
    <t>01/13/2020 14:11:29</t>
  </si>
  <si>
    <t>6db826ac-b337-40a5-b71c-f75ce963dada.tmp</t>
  </si>
  <si>
    <t>\\acsfs\profiles$\gabrielamdp\Downloads\6db826ac-b337-40a5-b71c-f75ce963dada.tmp</t>
  </si>
  <si>
    <t>01/13/2020 14:11:49</t>
  </si>
  <si>
    <t>01/13/2020 14:12:29</t>
  </si>
  <si>
    <t>874171e1-dcc1-4c1a-928f-24cf8d272261.tmp</t>
  </si>
  <si>
    <t>\\acsfs\profiles$\adelvinsonle\Downloads\874171e1-dcc1-4c1a-928f-24cf8d272261.tmp</t>
  </si>
  <si>
    <t>01/13/2020 14:13:29</t>
  </si>
  <si>
    <t>01/13/2020 14:12:10</t>
  </si>
  <si>
    <t>ab90f665-d7d6-4939-9360-98ae4b472c1c.tmp</t>
  </si>
  <si>
    <t>\\acsfs\profiles$\rafaelamsv\Downloads\ab90f665-d7d6-4939-9360-98ae4b472c1c.tmp</t>
  </si>
  <si>
    <t>01/13/2020 14:11:34</t>
  </si>
  <si>
    <t>01/13/2020 14:14:29</t>
  </si>
  <si>
    <t>01/13/2020 14:11:36</t>
  </si>
  <si>
    <t>lu194641ypoiw.tmp</t>
  </si>
  <si>
    <t>\\acsfs\profiles$\marcellewdl\My Documents\lu194641ypoiw.tmp</t>
  </si>
  <si>
    <t>\\acsfs\profiles$\marcellewdl\My Documents\lu194641ypoiw.tmp\</t>
  </si>
  <si>
    <t>\\acsfs\profiles$\marcellewdl\My Documents\lu194641ypoiw.tmp\META-INF\</t>
  </si>
  <si>
    <t>\\acsfs\profiles$\marcellewdl\My Documents\lu194641ypoiw.tmp\Thumbnails\</t>
  </si>
  <si>
    <t>01/13/2020 14:11:44</t>
  </si>
  <si>
    <t>vendas.txt</t>
  </si>
  <si>
    <t>\\acsfs\profiles$\marcellewdl\My Documents\vendas.txt</t>
  </si>
  <si>
    <t>01/13/2020 14:11:06</t>
  </si>
  <si>
    <t>\\acsfs\ACS\Gabriel da Silva\Contemporânea\Acessos\</t>
  </si>
  <si>
    <t>Acompanhamento de solicitações.xlsm</t>
  </si>
  <si>
    <t>\\acsfs\ACS\Gabriel da Silva\Contemporânea\Acessos\Acompanhamento de solicitações.xlsm</t>
  </si>
  <si>
    <t>01/13/2020 14:09:47</t>
  </si>
  <si>
    <t>01/13/2020 14:15:29</t>
  </si>
  <si>
    <t>40da4903-10a0-4caf-ad59-6065f2ac4f7e.tmp</t>
  </si>
  <si>
    <t>\\acsfs\profiles$\alinepp\Downloads\40da4903-10a0-4caf-ad59-6065f2ac4f7e.tmp</t>
  </si>
  <si>
    <t>01/13/2020 14:11:15</t>
  </si>
  <si>
    <t>101fc467-940b-4f40-b1c7-fff8304d6f53.tmp</t>
  </si>
  <si>
    <t>\\acsfs\profiles$\alinepp\Downloads\101fc467-940b-4f40-b1c7-fff8304d6f53.tmp</t>
  </si>
  <si>
    <t>01/13/2020 14:12:21</t>
  </si>
  <si>
    <t>57c72a8a-05f2-4cfa-9960-f43bfa45866c.tmp</t>
  </si>
  <si>
    <t>\\acsfs\profiles$\alinepp\Downloads\57c72a8a-05f2-4cfa-9960-f43bfa45866c.tmp</t>
  </si>
  <si>
    <t>01/13/2020 14:12:20</t>
  </si>
  <si>
    <t>68d7c884-f2eb-4635-8733-2370f20336d6.tmp</t>
  </si>
  <si>
    <t>\\acsfs\profiles$\layonmof\Downloads\68d7c884-f2eb-4635-8733-2370f20336d6.tmp</t>
  </si>
  <si>
    <t>01/13/2020 14:12:06</t>
  </si>
  <si>
    <t>01/13/2020 14:16:29</t>
  </si>
  <si>
    <t>3fd664ac-78a3-4da5-a60c-a0b36d9a60a1.tmp</t>
  </si>
  <si>
    <t>\\acsfs\profiles$\brendadsl\Downloads\3fd664ac-78a3-4da5-a60c-a0b36d9a60a1.tmp</t>
  </si>
  <si>
    <t>01/13/2020 14:13:49</t>
  </si>
  <si>
    <t>01/13/2020 14:17:29</t>
  </si>
  <si>
    <t>574ec2e6-ae63-4c1c-b317-dbf123a7e1c1.tmp</t>
  </si>
  <si>
    <t>\\acsfs\profiles$\KARENJSS\Downloads\574ec2e6-ae63-4c1c-b317-dbf123a7e1c1.tmp</t>
  </si>
  <si>
    <t>01/13/2020 14:18:29</t>
  </si>
  <si>
    <t>10.200.66.221</t>
  </si>
  <si>
    <t>D0-94-66-B5-48-21</t>
  </si>
  <si>
    <t>VOTORANT-ABB020</t>
  </si>
  <si>
    <t>01/13/2020 14:15:35</t>
  </si>
  <si>
    <t>Relatorio de Vendas - Auditoria BV Cartoes (Janeiro)...50 - original - Cópia.xlsx</t>
  </si>
  <si>
    <t>\\acsfs\DEPTOS\Operacao\Banco_Votorantim\Qualidade\Anderson\Jose\Atualizado\Relatorio de Vendas - Auditoria BV Cartoes (Janeiro)...50 - original - Cópia.xlsx</t>
  </si>
  <si>
    <t>01/13/2020 14:16:55</t>
  </si>
  <si>
    <t>01/13/2020 14:14:16</t>
  </si>
  <si>
    <t>296f8453-b9de-411e-985b-8302c5327ce9.tmp</t>
  </si>
  <si>
    <t>\\acsfs\profiles$\alinepp\Downloads\296f8453-b9de-411e-985b-8302c5327ce9.tmp</t>
  </si>
  <si>
    <t>01/13/2020 14:14:25</t>
  </si>
  <si>
    <t>b46f8006-3578-4c72-b13c-020c932c562e.tmp</t>
  </si>
  <si>
    <t>\\acsfs\profiles$\alinepp\Downloads\b46f8006-3578-4c72-b13c-020c932c562e.tmp</t>
  </si>
  <si>
    <t>e6e6baa3-8f51-4923-b464-c172e089e3b3.tmp</t>
  </si>
  <si>
    <t>\\acsfs\profiles$\alinepp\Downloads\e6e6baa3-8f51-4923-b464-c172e089e3b3.tmp</t>
  </si>
  <si>
    <t>01/13/2020 14:13:37</t>
  </si>
  <si>
    <t>01/13/2020 14:19:29</t>
  </si>
  <si>
    <t>\\acsfs\profiles$\marcellewdl\My Documents\$RECYCLE.BIN\</t>
  </si>
  <si>
    <t>$I97L14C.ods</t>
  </si>
  <si>
    <t>\\acsfs\profiles$\marcellewdl\My Documents\$RECYCLE.BIN\$I97L14C.ods</t>
  </si>
  <si>
    <t>01/13/2020 14:13:52</t>
  </si>
  <si>
    <t>.~lock.vendas.ods#</t>
  </si>
  <si>
    <t>\\acsfs\profiles$\marcellewdl\My Documents\.~lock.vendas.ods#</t>
  </si>
  <si>
    <t>01/13/2020 14:14:09</t>
  </si>
  <si>
    <t>$IK4ARUF.ods</t>
  </si>
  <si>
    <t>\\acsfs\profiles$\marcellewdl\My Documents\$RECYCLE.BIN\$IK4ARUF.ods</t>
  </si>
  <si>
    <t>01/13/2020 14:15:27</t>
  </si>
  <si>
    <t>10.200.67.154</t>
  </si>
  <si>
    <t>34-E6-D7-FC-B7-EE</t>
  </si>
  <si>
    <t>VOTORANT-WB019</t>
  </si>
  <si>
    <t>Gustavomro</t>
  </si>
  <si>
    <t>\\acsfs\profiles$\Gustavomro\Contacts\</t>
  </si>
  <si>
    <t>GUSTAVO MOURA RODRIGUES (16).contact</t>
  </si>
  <si>
    <t>\\acsfs\profiles$\Gustavomro\Contacts\GUSTAVO MOURA RODRIGUES (16).contact</t>
  </si>
  <si>
    <t>01/13/2020 14:15:28</t>
  </si>
  <si>
    <t>01/13/2020 14:15:38</t>
  </si>
  <si>
    <t>\\acsfs\profiles$\Gustavomro\My Documents\My Videos\</t>
  </si>
  <si>
    <t>\\acsfs\profiles$\Gustavomro\My Documents\My Videos\desktop.ini</t>
  </si>
  <si>
    <t>01/13/2020 14:15:39</t>
  </si>
  <si>
    <t>01/13/2020 14:15:40</t>
  </si>
  <si>
    <t>\\acsfs\profiles$\Gustavomro\My Documents\My Pictures\</t>
  </si>
  <si>
    <t>\\acsfs\profiles$\Gustavomro\My Documents\My Pictures\desktop.ini</t>
  </si>
  <si>
    <t>01/13/2020 14:15:41</t>
  </si>
  <si>
    <t>\\acsfs\profiles$\Gustavomro\Contacts\desktop.ini</t>
  </si>
  <si>
    <t>01/13/2020 14:15:42</t>
  </si>
  <si>
    <t>\\acsfs\profiles$\Gustavomro\Favorites\</t>
  </si>
  <si>
    <t>\\acsfs\profiles$\Gustavomro\Favorites\desktop.ini</t>
  </si>
  <si>
    <t>01/13/2020 14:15:43</t>
  </si>
  <si>
    <t>01/13/2020 14:15:44</t>
  </si>
  <si>
    <t>\\acsfs\profiles$\Gustavomro\My Documents\My Music\</t>
  </si>
  <si>
    <t>\\acsfs\profiles$\Gustavomro\My Documents\My Music\desktop.ini</t>
  </si>
  <si>
    <t>01/13/2020 14:15:45</t>
  </si>
  <si>
    <t>01/13/2020 14:15:46</t>
  </si>
  <si>
    <t>\\acsfs\profiles$\Gustavomro\Searches\</t>
  </si>
  <si>
    <t>\\acsfs\profiles$\Gustavomro\Searches\desktop.ini</t>
  </si>
  <si>
    <t>01/13/2020 14:15:47</t>
  </si>
  <si>
    <t>\\acsfs\profiles$\Gustavomro\Downloads\</t>
  </si>
  <si>
    <t>\\acsfs\profiles$\Gustavomro\Downloads\desktop.ini</t>
  </si>
  <si>
    <t>01/13/2020 14:15:48</t>
  </si>
  <si>
    <t>\\acsfs\profiles$\Gustavomro\My Documents\</t>
  </si>
  <si>
    <t>\\acsfs\profiles$\Gustavomro\My Documents\desktop.ini</t>
  </si>
  <si>
    <t>01/13/2020 14:15:49</t>
  </si>
  <si>
    <t>01/13/2020 14:15:50</t>
  </si>
  <si>
    <t>\\acsfs\profiles$\Gustavomro\Saved Games\</t>
  </si>
  <si>
    <t>\\acsfs\profiles$\Gustavomro\Saved Games\desktop.ini</t>
  </si>
  <si>
    <t>01/13/2020 14:16:02</t>
  </si>
  <si>
    <t>\\acsfs\profiles$\GUSTAVOMRO\Favorites\Links for Brasil\</t>
  </si>
  <si>
    <t>\\acsfs\profiles$\GUSTAVOMRO\Favorites\Links for Brasil\desktop.ini</t>
  </si>
  <si>
    <t>\\acsfs\profiles$\GUSTAVOMRO\Favorites\Links for Brasil\Microsoft Brasil.url</t>
  </si>
  <si>
    <t>01/13/2020 14:16:03</t>
  </si>
  <si>
    <t>\\acsfs\profiles$\GUSTAVOMRO\Favorites\Links for Brasil\Windows Brasil.url</t>
  </si>
  <si>
    <t>\\acsfs\profiles$\GUSTAVOMRO\Favorites\Links for Brasil\MSN Brasil.url</t>
  </si>
  <si>
    <t>01/13/2020 14:16:04</t>
  </si>
  <si>
    <t>01/13/2020 14:17:01</t>
  </si>
  <si>
    <t>5be678d6-9673-4340-9b42-50768244daea.tmp</t>
  </si>
  <si>
    <t>\\acsfs\profiles$\nathaliaos\Downloads\5be678d6-9673-4340-9b42-50768244daea.tmp</t>
  </si>
  <si>
    <t>01/13/2020 14:14:38</t>
  </si>
  <si>
    <t>01/13/2020 14:20:28</t>
  </si>
  <si>
    <t>10.200.66.106</t>
  </si>
  <si>
    <t>D0-94-66-B5-4E-78</t>
  </si>
  <si>
    <t>VOTORANT-ABB019</t>
  </si>
  <si>
    <t>01/13/2020 14:17:24</t>
  </si>
  <si>
    <t>erichds</t>
  </si>
  <si>
    <t>\\acsfs\profiles$\erichds\My Documents\My Pictures\</t>
  </si>
  <si>
    <t>\\acsfs\profiles$\erichds\My Documents\My Videos\desktop.ini</t>
  </si>
  <si>
    <t>\\acsfs\profiles$\erichds\My Documents\My Videos\</t>
  </si>
  <si>
    <t>01/13/2020 14:17:32</t>
  </si>
  <si>
    <t>01/13/2020 14:17:33</t>
  </si>
  <si>
    <t>01/13/2020 14:17:37</t>
  </si>
  <si>
    <t>01/13/2020 14:17:42</t>
  </si>
  <si>
    <t>\\acsfs\profiles$\erichds\My Documents\My Music\</t>
  </si>
  <si>
    <t>\\acsfs\profiles$\erichds\My Documents\My Pictures\desktop.ini</t>
  </si>
  <si>
    <t>01/13/2020 14:17:45</t>
  </si>
  <si>
    <t>01/13/2020 14:17:47</t>
  </si>
  <si>
    <t>01/13/2020 14:17:48</t>
  </si>
  <si>
    <t>01/13/2020 14:17:50</t>
  </si>
  <si>
    <t>01/13/2020 14:17:52</t>
  </si>
  <si>
    <t>\\acsfs\profiles$\erichds\Contacts\</t>
  </si>
  <si>
    <t>\\acsfs\profiles$\erichds\Contacts\desktop.ini</t>
  </si>
  <si>
    <t>01/13/2020 14:17:55</t>
  </si>
  <si>
    <t>01/13/2020 14:17:57</t>
  </si>
  <si>
    <t>01/13/2020 14:17:59</t>
  </si>
  <si>
    <t>01/13/2020 14:18:02</t>
  </si>
  <si>
    <t>01/13/2020 14:18:03</t>
  </si>
  <si>
    <t>01/13/2020 14:18:05</t>
  </si>
  <si>
    <t>\\acsfs\profiles$\erichds\My Documents\</t>
  </si>
  <si>
    <t>\\acsfs\profiles$\erichds\Favorites\desktop.ini</t>
  </si>
  <si>
    <t>01/13/2020 14:18:08</t>
  </si>
  <si>
    <t>01/13/2020 14:18:10</t>
  </si>
  <si>
    <t>01/13/2020 14:18:11</t>
  </si>
  <si>
    <t>01/13/2020 14:18:15</t>
  </si>
  <si>
    <t>01/13/2020 14:20:29</t>
  </si>
  <si>
    <t>01/13/2020 14:18:17</t>
  </si>
  <si>
    <t>01/13/2020 14:18:19</t>
  </si>
  <si>
    <t>01/13/2020 14:18:21</t>
  </si>
  <si>
    <t>\\acsfs\profiles$\erichds\My Documents\My Music\desktop.ini</t>
  </si>
  <si>
    <t>01/13/2020 14:18:24</t>
  </si>
  <si>
    <t>01/13/2020 14:18:26</t>
  </si>
  <si>
    <t>01/13/2020 14:18:31</t>
  </si>
  <si>
    <t>01/13/2020 14:18:35</t>
  </si>
  <si>
    <t>\\acsfs\profiles$\erichds\Searches\</t>
  </si>
  <si>
    <t>\\acsfs\profiles$\erichds\Searches\desktop.ini</t>
  </si>
  <si>
    <t>01/13/2020 14:18:37</t>
  </si>
  <si>
    <t>01/13/2020 14:18:40</t>
  </si>
  <si>
    <t>01/13/2020 14:18:43</t>
  </si>
  <si>
    <t>01/13/2020 14:18:46</t>
  </si>
  <si>
    <t>01/13/2020 14:18:48</t>
  </si>
  <si>
    <t>C:\Users\erichds\Desktop\</t>
  </si>
  <si>
    <t>\\acsfs\profiles$\erichds\Downloads\desktop.ini</t>
  </si>
  <si>
    <t>01/13/2020 14:18:51</t>
  </si>
  <si>
    <t>01/13/2020 14:18:55</t>
  </si>
  <si>
    <t>\\acsfs\profiles$\erichds\Favorites\</t>
  </si>
  <si>
    <t>\\acsfs\profiles$\erichds\My Documents\desktop.ini</t>
  </si>
  <si>
    <t>01/13/2020 14:18:58</t>
  </si>
  <si>
    <t>01/13/2020 14:19:01</t>
  </si>
  <si>
    <t>01/13/2020 14:19:03</t>
  </si>
  <si>
    <t>01/13/2020 14:19:06</t>
  </si>
  <si>
    <t>01/13/2020 14:19:09</t>
  </si>
  <si>
    <t>01/13/2020 14:19:14</t>
  </si>
  <si>
    <t>\\acsfs\profiles$\erichds\Downloads\</t>
  </si>
  <si>
    <t>\\acsfs\profiles$\erichds\Saved Games\desktop.ini</t>
  </si>
  <si>
    <t>01/13/2020 14:19:17</t>
  </si>
  <si>
    <t>01/13/2020 14:16:37</t>
  </si>
  <si>
    <t>01/13/2020 14:21:30</t>
  </si>
  <si>
    <t>01/13/2020 14:17:08</t>
  </si>
  <si>
    <t>01/13/2020 14:20:41</t>
  </si>
  <si>
    <t>01/13/2020 14:16:40</t>
  </si>
  <si>
    <t>LUANA ROSA DE ALMEIDA_1_6778095667533393829_1_32.wav</t>
  </si>
  <si>
    <t>\\acsfs\Deptos\EDUCACAO EMPRESARIAL\KÉSIA\Ligações 2º ciclo - Janeiro 2020\LUANA ROSA DE ALMEIDA_1_6778095667533393829_1_32.wav</t>
  </si>
  <si>
    <t>01/13/2020 14:18:57</t>
  </si>
  <si>
    <t>lu226161ybmgc.tmp</t>
  </si>
  <si>
    <t>\\acsfs\profiles$\luanarda\lu226161ybmgc.tmp</t>
  </si>
  <si>
    <t>\\acsfs\profiles$\luanarda\lu226161ybmgc.tmp\</t>
  </si>
  <si>
    <t>\\acsfs\profiles$\luanarda\lu226161ybmgc.tmp\META-INF\</t>
  </si>
  <si>
    <t>\\acsfs\profiles$\luanarda\lu226161ybmgc.tmp\Thumbnails\</t>
  </si>
  <si>
    <t>01/13/2020 14:23:29</t>
  </si>
  <si>
    <t>matheusmax</t>
  </si>
  <si>
    <t>\\acsfs\profiles$\matheusmax\Downloads\</t>
  </si>
  <si>
    <t>ac5c798f-3c59-496c-89a4-ed6b5b5591c4.tmp</t>
  </si>
  <si>
    <t>\\acsfs\profiles$\matheusmax\Downloads\ac5c798f-3c59-496c-89a4-ed6b5b5591c4.tmp</t>
  </si>
  <si>
    <t>01/13/2020 14:18:16</t>
  </si>
  <si>
    <t>b241cb62-cf7b-4513-93c4-a78616f4cec3.tmp</t>
  </si>
  <si>
    <t>\\acsfs\profiles$\matheusmax\Downloads\b241cb62-cf7b-4513-93c4-a78616f4cec3.tmp</t>
  </si>
  <si>
    <t>01/13/2020 14:22:34</t>
  </si>
  <si>
    <t>01/13/2020 14:24:28</t>
  </si>
  <si>
    <t>01/13/2020 14:22:35</t>
  </si>
  <si>
    <t>01/13/2020 14:22:36</t>
  </si>
  <si>
    <t>10.200.66.212</t>
  </si>
  <si>
    <t>D0-94-66-B5-70-B8</t>
  </si>
  <si>
    <t>VOTORANT-ABB018</t>
  </si>
  <si>
    <t>01/13/2020 14:21:35</t>
  </si>
  <si>
    <t>anacms</t>
  </si>
  <si>
    <t>\\acsfs\profiles$\anacms\My Documents\My Pictures\</t>
  </si>
  <si>
    <t>\\acsfs\profiles$\anacms\My Documents\My Videos\desktop.ini</t>
  </si>
  <si>
    <t>01/13/2020 14:21:39</t>
  </si>
  <si>
    <t>\\acsfs\profiles$\anacms\My Documents\My Videos\</t>
  </si>
  <si>
    <t>01/13/2020 14:21:41</t>
  </si>
  <si>
    <t>01/13/2020 14:21:43</t>
  </si>
  <si>
    <t>01/13/2020 14:21:48</t>
  </si>
  <si>
    <t>01/13/2020 14:21:51</t>
  </si>
  <si>
    <t>\\acsfs\profiles$\anacms\My Documents\My Music\</t>
  </si>
  <si>
    <t>\\acsfs\profiles$\anacms\My Documents\My Pictures\desktop.ini</t>
  </si>
  <si>
    <t>01/13/2020 14:21:54</t>
  </si>
  <si>
    <t>01/13/2020 14:22:02</t>
  </si>
  <si>
    <t>01/13/2020 14:22:03</t>
  </si>
  <si>
    <t>01/13/2020 14:22:12</t>
  </si>
  <si>
    <t>01/13/2020 14:22:14</t>
  </si>
  <si>
    <t>\\acsfs\profiles$\anacms\Contacts\</t>
  </si>
  <si>
    <t>\\acsfs\profiles$\anacms\Contacts\desktop.ini</t>
  </si>
  <si>
    <t>01/13/2020 14:22:16</t>
  </si>
  <si>
    <t>01/13/2020 14:22:17</t>
  </si>
  <si>
    <t>01/13/2020 14:22:19</t>
  </si>
  <si>
    <t>01/13/2020 14:22:21</t>
  </si>
  <si>
    <t>01/13/2020 14:22:22</t>
  </si>
  <si>
    <t>01/13/2020 14:22:25</t>
  </si>
  <si>
    <t>\\acsfs\profiles$\anacms\My Documents\</t>
  </si>
  <si>
    <t>\\acsfs\profiles$\anacms\Favorites\desktop.ini</t>
  </si>
  <si>
    <t>01/13/2020 14:22:27</t>
  </si>
  <si>
    <t>01/13/2020 14:22:28</t>
  </si>
  <si>
    <t>01/13/2020 14:22:30</t>
  </si>
  <si>
    <t>01/13/2020 14:22:32</t>
  </si>
  <si>
    <t>01/13/2020 14:22:37</t>
  </si>
  <si>
    <t>01/13/2020 14:22:38</t>
  </si>
  <si>
    <t>\\acsfs\profiles$\anacms\My Documents\My Music\desktop.ini</t>
  </si>
  <si>
    <t>01/13/2020 14:22:41</t>
  </si>
  <si>
    <t>01/13/2020 14:22:42</t>
  </si>
  <si>
    <t>01/13/2020 14:23:03</t>
  </si>
  <si>
    <t>01/13/2020 14:23:06</t>
  </si>
  <si>
    <t>01/13/2020 14:23:08</t>
  </si>
  <si>
    <t>\\acsfs\profiles$\anacms\Searches\</t>
  </si>
  <si>
    <t>\\acsfs\profiles$\anacms\Searches\desktop.ini</t>
  </si>
  <si>
    <t>01/13/2020 14:23:18</t>
  </si>
  <si>
    <t>01/13/2020 14:23:20</t>
  </si>
  <si>
    <t>01/13/2020 14:23:22</t>
  </si>
  <si>
    <t>01/13/2020 14:23:23</t>
  </si>
  <si>
    <t>01/13/2020 14:23:25</t>
  </si>
  <si>
    <t>\\acsfs\profiles$\anacms\Downloads\</t>
  </si>
  <si>
    <t>\\acsfs\profiles$\anacms\Downloads\desktop.ini</t>
  </si>
  <si>
    <t>01/13/2020 14:23:34</t>
  </si>
  <si>
    <t>01/13/2020 14:23:36</t>
  </si>
  <si>
    <t>\\acsfs\profiles$\anacms\Favorites\</t>
  </si>
  <si>
    <t>\\acsfs\profiles$\anacms\My Documents\desktop.ini</t>
  </si>
  <si>
    <t>01/13/2020 14:23:38</t>
  </si>
  <si>
    <t>01/13/2020 14:23:40</t>
  </si>
  <si>
    <t>01/13/2020 14:23:42</t>
  </si>
  <si>
    <t>01/13/2020 14:20:31</t>
  </si>
  <si>
    <t>01/13/2020 14:25:29</t>
  </si>
  <si>
    <t>winrt--{S-1-5-21-602162358-764733703-839522115-358591}-.searchconnector-ms</t>
  </si>
  <si>
    <t>\\acsfs\profiles$\erichds\Searches\winrt--{S-1-5-21-602162358-764733703-839522115-358591}-.searchconnector-ms</t>
  </si>
  <si>
    <t>01/13/2020 14:21:50</t>
  </si>
  <si>
    <t>Incentivo BV - CRBV_VL1.xlsx</t>
  </si>
  <si>
    <t>\\acsfs\ACS\Gabriel da Silva\Contemporânea\Comissão e Incentivo\Incentivo BV - CRBV_VL1.xlsx</t>
  </si>
  <si>
    <t>01/13/2020 14:22:01</t>
  </si>
  <si>
    <t>BDBV.xlsm</t>
  </si>
  <si>
    <t>\\acsfs\ACS\Gabriel da Silva\Contemporânea\BDBV.xlsm</t>
  </si>
  <si>
    <t>01/13/2020 14:26:28</t>
  </si>
  <si>
    <t>01/13/2020 14:24:58</t>
  </si>
  <si>
    <t>philipegsf</t>
  </si>
  <si>
    <t>\\acsfs\profiles$\philipegsf\Downloads\</t>
  </si>
  <si>
    <t>10e07f6a-8d9a-4abd-932d-17ebedbe2f0e.tmp</t>
  </si>
  <si>
    <t>\\acsfs\profiles$\philipegsf\Downloads\10e07f6a-8d9a-4abd-932d-17ebedbe2f0e.tmp</t>
  </si>
  <si>
    <t>01/13/2020 14:23:24</t>
  </si>
  <si>
    <t>01/13/2020 14:28:29</t>
  </si>
  <si>
    <t>01/13/2020 14:25:31</t>
  </si>
  <si>
    <t>01/13/2020 14:24:47</t>
  </si>
  <si>
    <t>1a8ea5b7-8f51-4bdc-b80f-a0d2278070df.tmp</t>
  </si>
  <si>
    <t>\\acsfs\profiles$\alinepp\Downloads\1a8ea5b7-8f51-4bdc-b80f-a0d2278070df.tmp</t>
  </si>
  <si>
    <t>01/13/2020 14:23:56</t>
  </si>
  <si>
    <t>01/13/2020 14:29:29</t>
  </si>
  <si>
    <t>01/13/2020 14:23:58</t>
  </si>
  <si>
    <t>01/13/2020 14:24:26</t>
  </si>
  <si>
    <t>\\acsfs\profiles$\anacms\Saved Games\desktop.ini</t>
  </si>
  <si>
    <t>01/13/2020 14:25:04</t>
  </si>
  <si>
    <t>winrt--{S-1-5-21-602162358-764733703-839522115-358569}-.searchconnector-ms</t>
  </si>
  <si>
    <t>\\acsfs\profiles$\anacms\Searches\winrt--{S-1-5-21-602162358-764733703-839522115-358569}-.searchconnector-ms</t>
  </si>
  <si>
    <t>01/13/2020 14:24:52</t>
  </si>
  <si>
    <t>10.200.66.219</t>
  </si>
  <si>
    <t>D0-94-66-B5-70-B9</t>
  </si>
  <si>
    <t>VOTORANT-ABB017</t>
  </si>
  <si>
    <t>fabianobmf</t>
  </si>
  <si>
    <t>\\acsfs\profiles$\fabianobmf\My Documents\My Pictures\</t>
  </si>
  <si>
    <t>\\acsfs\profiles$\fabianobmf\My Documents\My Videos\desktop.ini</t>
  </si>
  <si>
    <t>\\acsfs\profiles$\fabianobmf\My Documents\My Videos\</t>
  </si>
  <si>
    <t>01/13/2020 14:24:53</t>
  </si>
  <si>
    <t>01/13/2020 14:24:54</t>
  </si>
  <si>
    <t>01/13/2020 14:24:57</t>
  </si>
  <si>
    <t>\\acsfs\profiles$\fabianobmf\My Documents\My Music\</t>
  </si>
  <si>
    <t>\\acsfs\profiles$\fabianobmf\My Documents\My Pictures\desktop.ini</t>
  </si>
  <si>
    <t>01/13/2020 14:24:59</t>
  </si>
  <si>
    <t>01/13/2020 14:25:02</t>
  </si>
  <si>
    <t>01/13/2020 14:25:17</t>
  </si>
  <si>
    <t>\\acsfs\profiles$\fabianobmf\Contacts\</t>
  </si>
  <si>
    <t>\\acsfs\profiles$\fabianobmf\Contacts\desktop.ini</t>
  </si>
  <si>
    <t>01/13/2020 14:25:19</t>
  </si>
  <si>
    <t>01/13/2020 14:25:20</t>
  </si>
  <si>
    <t>01/13/2020 14:25:21</t>
  </si>
  <si>
    <t>01/13/2020 14:25:24</t>
  </si>
  <si>
    <t>01/13/2020 14:25:25</t>
  </si>
  <si>
    <t>\\acsfs\profiles$\fabianobmf\My Documents\</t>
  </si>
  <si>
    <t>\\acsfs\profiles$\fabianobmf\Favorites\desktop.ini</t>
  </si>
  <si>
    <t>01/13/2020 14:25:26</t>
  </si>
  <si>
    <t>01/13/2020 14:25:27</t>
  </si>
  <si>
    <t>01/13/2020 14:25:28</t>
  </si>
  <si>
    <t>01/13/2020 14:25:30</t>
  </si>
  <si>
    <t>01/13/2020 14:25:33</t>
  </si>
  <si>
    <t>01/13/2020 14:25:35</t>
  </si>
  <si>
    <t>\\acsfs\profiles$\fabianobmf\My Documents\My Music\desktop.ini</t>
  </si>
  <si>
    <t>01/13/2020 14:25:36</t>
  </si>
  <si>
    <t>01/13/2020 14:25:37</t>
  </si>
  <si>
    <t>01/13/2020 14:25:38</t>
  </si>
  <si>
    <t>01/13/2020 14:25:39</t>
  </si>
  <si>
    <t>01/13/2020 14:25:41</t>
  </si>
  <si>
    <t>\\acsfs\profiles$\fabianobmf\Searches\</t>
  </si>
  <si>
    <t>\\acsfs\profiles$\fabianobmf\Searches\desktop.ini</t>
  </si>
  <si>
    <t>01/13/2020 14:25:42</t>
  </si>
  <si>
    <t>01/13/2020 14:25:43</t>
  </si>
  <si>
    <t>01/13/2020 14:25:44</t>
  </si>
  <si>
    <t>01/13/2020 14:25:45</t>
  </si>
  <si>
    <t>01/13/2020 14:25:46</t>
  </si>
  <si>
    <t>\\acsfs\profiles$\fabianobmf\Downloads\</t>
  </si>
  <si>
    <t>\\acsfs\profiles$\fabianobmf\Downloads\desktop.ini</t>
  </si>
  <si>
    <t>01/13/2020 14:25:48</t>
  </si>
  <si>
    <t>\\acsfs\profiles$\fabianobmf\Favorites\</t>
  </si>
  <si>
    <t>\\acsfs\profiles$\fabianobmf\My Documents\desktop.ini</t>
  </si>
  <si>
    <t>01/13/2020 14:25:50</t>
  </si>
  <si>
    <t>01/13/2020 14:25:51</t>
  </si>
  <si>
    <t>01/13/2020 14:25:53</t>
  </si>
  <si>
    <t>01/13/2020 14:25:54</t>
  </si>
  <si>
    <t>01/13/2020 14:25:57</t>
  </si>
  <si>
    <t>\\acsfs\profiles$\fabianobmf\Saved Games\desktop.ini</t>
  </si>
  <si>
    <t>01/13/2020 14:25:58</t>
  </si>
  <si>
    <t>01/13/2020 14:26:26</t>
  </si>
  <si>
    <t>winrt--{S-1-5-21-602162358-764733703-839522115-354137}-.searchconnector-ms</t>
  </si>
  <si>
    <t>\\acsfs\profiles$\fabianobmf\Searches\winrt--{S-1-5-21-602162358-764733703-839522115-354137}-.searchconnector-ms</t>
  </si>
  <si>
    <t>01/13/2020 14:28:20</t>
  </si>
  <si>
    <t>3cf40fc3-c220-4e59-adb0-4b85cd8f016a.tmp</t>
  </si>
  <si>
    <t>\\acsfs\profiles$\fabianobmf\Downloads\3cf40fc3-c220-4e59-adb0-4b85cd8f016a.tmp</t>
  </si>
  <si>
    <t>01/13/2020 14:30:29</t>
  </si>
  <si>
    <t>01/13/2020 14:29:08</t>
  </si>
  <si>
    <t>cbf4068d-2bf8-4890-8880-cbcdc634067b.tmp</t>
  </si>
  <si>
    <t>\\acsfs\profiles$\erichds\Downloads\cbf4068d-2bf8-4890-8880-cbcdc634067b.tmp</t>
  </si>
  <si>
    <t>01/13/2020 14:26:13</t>
  </si>
  <si>
    <t>01/13/2020 14:31:29</t>
  </si>
  <si>
    <t>71ed42b7-8c21-46f6-a6e5-1ebf9ff309fe.tmp</t>
  </si>
  <si>
    <t>\\acsfs\profiles$\philipegsf\Downloads\71ed42b7-8c21-46f6-a6e5-1ebf9ff309fe.tmp</t>
  </si>
  <si>
    <t>01/13/2020 14:28:31</t>
  </si>
  <si>
    <t>4d2355c0-177e-4e44-baf3-2c18488f13a3.tmp</t>
  </si>
  <si>
    <t>\\acsfs\profiles$\brendadsl\Downloads\4d2355c0-177e-4e44-baf3-2c18488f13a3.tmp</t>
  </si>
  <si>
    <t>01/13/2020 14:26:15</t>
  </si>
  <si>
    <t>01/13/2020 14:26:45</t>
  </si>
  <si>
    <t>01/13/2020 14:27:46</t>
  </si>
  <si>
    <t>01/13/2020 14:33:29</t>
  </si>
  <si>
    <t>01/13/2020 14:28:22</t>
  </si>
  <si>
    <t>d81633f9-209f-40cc-b6f7-d104f7837e2b.tmp</t>
  </si>
  <si>
    <t>\\acsfs\profiles$\matheusmax\Downloads\d81633f9-209f-40cc-b6f7-d104f7837e2b.tmp</t>
  </si>
  <si>
    <t>01/13/2020 14:30:43</t>
  </si>
  <si>
    <t>c96a0f00-0a18-4203-b05c-14a673483965.tmp</t>
  </si>
  <si>
    <t>\\acsfs\profiles$\matheusmax\Downloads\c96a0f00-0a18-4203-b05c-14a673483965.tmp</t>
  </si>
  <si>
    <t>01/13/2020 14:31:06</t>
  </si>
  <si>
    <t>01/13/2020 14:34:29</t>
  </si>
  <si>
    <t>01/13/2020 14:32:18</t>
  </si>
  <si>
    <t>01/13/2020 14:32:19</t>
  </si>
  <si>
    <t>01/13/2020 14:33:01</t>
  </si>
  <si>
    <t>7ca7cbfc-22d1-4035-80f2-b6c8789d5968.tmp</t>
  </si>
  <si>
    <t>\\acsfs\profiles$\gabrielafs\Downloads\7ca7cbfc-22d1-4035-80f2-b6c8789d5968.tmp</t>
  </si>
  <si>
    <t>01/13/2020 14:30:26</t>
  </si>
  <si>
    <t>8fc61c7e-7164-4dca-88e7-e5e2241e39be.tmp</t>
  </si>
  <si>
    <t>\\acsfs\profiles$\fabianobmf\Downloads\8fc61c7e-7164-4dca-88e7-e5e2241e39be.tmp</t>
  </si>
  <si>
    <t>01/13/2020 14:30:14</t>
  </si>
  <si>
    <t>01/13/2020 14:35:29</t>
  </si>
  <si>
    <t>ff263a69-4171-4c3f-8204-b75bbfa6fe86.tmp</t>
  </si>
  <si>
    <t>\\acsfs\profiles$\erichds\Downloads\ff263a69-4171-4c3f-8204-b75bbfa6fe86.tmp</t>
  </si>
  <si>
    <t>01/13/2020 14:34:33</t>
  </si>
  <si>
    <t>henriqueco</t>
  </si>
  <si>
    <t>\\acsfs\profiles$\henriqueco\Downloads\</t>
  </si>
  <si>
    <t>c223a1a7-d32b-4ac4-b76d-6fd661f14ef1.tmp</t>
  </si>
  <si>
    <t>\\acsfs\profiles$\henriqueco\Downloads\c223a1a7-d32b-4ac4-b76d-6fd661f14ef1.tmp</t>
  </si>
  <si>
    <t>30a8b967-b6a2-4f0b-996d-b3a2d8bb272f.tmp</t>
  </si>
  <si>
    <t>\\acsfs\profiles$\gabrielsma\Downloads\30a8b967-b6a2-4f0b-996d-b3a2d8bb272f.tmp</t>
  </si>
  <si>
    <t>01/13/2020 14:31:11</t>
  </si>
  <si>
    <t>01/13/2020 14:33:51</t>
  </si>
  <si>
    <t>01/13/2020 14:36:29</t>
  </si>
  <si>
    <t>01/13/2020 14:34:22</t>
  </si>
  <si>
    <t>01/13/2020 14:34:52</t>
  </si>
  <si>
    <t>01/13/2020 14:30:51</t>
  </si>
  <si>
    <t>01/13/2020 14:34:34</t>
  </si>
  <si>
    <t>PAULO VICTOR ALCANTARA DE CASTRO_1_6777735143683589385_1_32.wav</t>
  </si>
  <si>
    <t>\\acsfs\Deptos\EDUCACAO EMPRESARIAL\KÉSIA\Ligações 2º ciclo - Janeiro 2020\PAULO VICTOR ALCANTARA DE CASTRO_1_6777735143683589385_1_32.wav</t>
  </si>
  <si>
    <t>fabianafv</t>
  </si>
  <si>
    <t>\\acsfs\profiles$\fabianafv\Downloads\</t>
  </si>
  <si>
    <t>227393f8-a6e4-4d32-968f-f25bc8d820de.tmp</t>
  </si>
  <si>
    <t>\\acsfs\profiles$\fabianafv\Downloads\227393f8-a6e4-4d32-968f-f25bc8d820de.tmp</t>
  </si>
  <si>
    <t>01/13/2020 14:36:06</t>
  </si>
  <si>
    <t>706909e1-9b16-4c75-ba0f-4f943526190d.tmp</t>
  </si>
  <si>
    <t>\\acsfs\profiles$\fabianafv\Downloads\706909e1-9b16-4c75-ba0f-4f943526190d.tmp</t>
  </si>
  <si>
    <t>01/13/2020 14:38:29</t>
  </si>
  <si>
    <t>01/13/2020 14:34:07</t>
  </si>
  <si>
    <t>01/13/2020 14:39:29</t>
  </si>
  <si>
    <t>3d590920-c72c-4ab7-bef6-ffecca6d98ff.tmp</t>
  </si>
  <si>
    <t>\\acsfs\profiles$\leticiala\Downloads\3d590920-c72c-4ab7-bef6-ffecca6d98ff.tmp</t>
  </si>
  <si>
    <t>01/13/2020 14:38:15</t>
  </si>
  <si>
    <t>01/13/2020 14:40:30</t>
  </si>
  <si>
    <t>4e013ba1-d9c2-4111-9266-9602157aa6e8.tmp</t>
  </si>
  <si>
    <t>\\acsfs\profiles$\marcosvnds\Downloads\4e013ba1-d9c2-4111-9266-9602157aa6e8.tmp</t>
  </si>
  <si>
    <t>01/13/2020 14:35:50</t>
  </si>
  <si>
    <t>f7bf3120-9570-4c57-87aa-907c7d5d725a.tmp</t>
  </si>
  <si>
    <t>\\acsfs\profiles$\henriqueco\Downloads\f7bf3120-9570-4c57-87aa-907c7d5d725a.tmp</t>
  </si>
  <si>
    <t>01/13/2020 14:36:43</t>
  </si>
  <si>
    <t>01/13/2020 14:36:23</t>
  </si>
  <si>
    <t>01/13/2020 14:41:29</t>
  </si>
  <si>
    <t>01/13/2020 14:36:51</t>
  </si>
  <si>
    <t>d720255d-b6e3-4522-a867-8db6bbf111c2.tmp</t>
  </si>
  <si>
    <t>\\acsfs\profiles$\fabianafv\Downloads\d720255d-b6e3-4522-a867-8db6bbf111c2.tmp</t>
  </si>
  <si>
    <t>01/13/2020 14:38:26</t>
  </si>
  <si>
    <t>01/13/2020 14:42:30</t>
  </si>
  <si>
    <t>3612ab92-8042-418e-9e0f-0d07c0b648ab.tmp</t>
  </si>
  <si>
    <t>\\acsfs\profiles$\geovannasm\Downloads\3612ab92-8042-418e-9e0f-0d07c0b648ab.tmp</t>
  </si>
  <si>
    <t>1c449471-976f-4094-9e03-d804e0ade586.tmp</t>
  </si>
  <si>
    <t>\\acsfs\profiles$\geovannasm\Downloads\1c449471-976f-4094-9e03-d804e0ade586.tmp</t>
  </si>
  <si>
    <t>886290cc-4538-4dcf-8b7e-7395c654b064.tmp</t>
  </si>
  <si>
    <t>\\acsfs\profiles$\geovannasm\Downloads\886290cc-4538-4dcf-8b7e-7395c654b064.tmp</t>
  </si>
  <si>
    <t>01/13/2020 14:39:33</t>
  </si>
  <si>
    <t>e1e0e46e-482a-47a1-93b0-a47547f5079d.tmp</t>
  </si>
  <si>
    <t>\\acsfs\profiles$\geovannasm\Downloads\e1e0e46e-482a-47a1-93b0-a47547f5079d.tmp</t>
  </si>
  <si>
    <t>01/13/2020 14:40:07</t>
  </si>
  <si>
    <t>d8a9ccec-0978-4324-96bb-7e6878dc900e.tmp</t>
  </si>
  <si>
    <t>\\acsfs\profiles$\geovannasm\Downloads\d8a9ccec-0978-4324-96bb-7e6878dc900e.tmp</t>
  </si>
  <si>
    <t>01/13/2020 14:39:50</t>
  </si>
  <si>
    <t>01/13/2020 14:43:29</t>
  </si>
  <si>
    <t>1c2e23a9-0a0e-4e0c-883c-c8462a509ebc.tmp</t>
  </si>
  <si>
    <t>\\acsfs\profiles$\lorrainerdl\Downloads\1c2e23a9-0a0e-4e0c-883c-c8462a509ebc.tmp</t>
  </si>
  <si>
    <t>01/13/2020 14:40:37</t>
  </si>
  <si>
    <t>01/13/2020 14:42:43</t>
  </si>
  <si>
    <t>01/13/2020 14:42:29</t>
  </si>
  <si>
    <t>01/13/2020 14:44:30</t>
  </si>
  <si>
    <t>01/13/2020 14:42:31</t>
  </si>
  <si>
    <t>01/13/2020 14:42:33</t>
  </si>
  <si>
    <t>01/13/2020 14:42:45</t>
  </si>
  <si>
    <t>01/13/2020 14:43:07</t>
  </si>
  <si>
    <t>01/13/2020 14:41:42</t>
  </si>
  <si>
    <t>81122e74-a95c-4227-91db-8b2f7b74bc8c.tmp</t>
  </si>
  <si>
    <t>\\acsfs\profiles$\LUISPLS\Downloads\81122e74-a95c-4227-91db-8b2f7b74bc8c.tmp</t>
  </si>
  <si>
    <t>01/13/2020 14:43:31</t>
  </si>
  <si>
    <t>72287578-5664-435f-8945-a2529132d55b.tmp</t>
  </si>
  <si>
    <t>\\acsfs\profiles$\THYAGOSP\Downloads\72287578-5664-435f-8945-a2529132d55b.tmp</t>
  </si>
  <si>
    <t>01/13/2020 14:43:05</t>
  </si>
  <si>
    <t>01/13/2020 14:45:29</t>
  </si>
  <si>
    <t>01/13/2020 14:44:08</t>
  </si>
  <si>
    <t>01/13/2020 14:41:43</t>
  </si>
  <si>
    <t>af785970-efd9-49d4-8fc5-22f86621837c.tmp</t>
  </si>
  <si>
    <t>\\acsfs\profiles$\mariajra\Downloads\af785970-efd9-49d4-8fc5-22f86621837c.tmp</t>
  </si>
  <si>
    <t>01/13/2020 14:46:30</t>
  </si>
  <si>
    <t>01/13/2020 14:42:59</t>
  </si>
  <si>
    <t>01/13/2020 14:42:54</t>
  </si>
  <si>
    <t>d888d1d8-8f66-46a1-8433-5d56da880676.tmp</t>
  </si>
  <si>
    <t>\\acsfs\profiles$\gabrielamdp\Downloads\d888d1d8-8f66-46a1-8433-5d56da880676.tmp</t>
  </si>
  <si>
    <t>01/13/2020 14:43:45</t>
  </si>
  <si>
    <t>1786a0ca-81da-4a8f-bc1b-9d6742490c66.tmp</t>
  </si>
  <si>
    <t>\\acsfs\profiles$\gabrielamdp\Downloads\1786a0ca-81da-4a8f-bc1b-9d6742490c66.tmp</t>
  </si>
  <si>
    <t>01/13/2020 14:44:50</t>
  </si>
  <si>
    <t>1926c068-4ca6-4a04-8809-106024d275d4.tmp</t>
  </si>
  <si>
    <t>\\acsfs\profiles$\ingridsm\Downloads\1926c068-4ca6-4a04-8809-106024d275d4.tmp</t>
  </si>
  <si>
    <t>01/13/2020 14:43:55</t>
  </si>
  <si>
    <t>LUCAS NASCIMENTO SILVA_1_6777355464279654409_1_32.wav</t>
  </si>
  <si>
    <t>\\acsfs\Deptos\EDUCACAO EMPRESARIAL\KÉSIA\Ligações 2º ciclo - Janeiro 2020\LUCAS NASCIMENTO SILVA_1_6777355464279654409_1_32.wav</t>
  </si>
  <si>
    <t>01/13/2020 14:42:44</t>
  </si>
  <si>
    <t>01/13/2020 14:47:29</t>
  </si>
  <si>
    <t>01/13/2020 14:44:45</t>
  </si>
  <si>
    <t>4935e14e-9c29-4b08-a54c-c4cc92674e65.tmp</t>
  </si>
  <si>
    <t>\\acsfs\profiles$\geovannasm\Downloads\4935e14e-9c29-4b08-a54c-c4cc92674e65.tmp</t>
  </si>
  <si>
    <t>01/13/2020 14:49:29</t>
  </si>
  <si>
    <t>01/13/2020 14:48:44</t>
  </si>
  <si>
    <t>10.200.67.79</t>
  </si>
  <si>
    <t>78-2B-CB-C1-07-6B</t>
  </si>
  <si>
    <t>VOTORANT-JB009</t>
  </si>
  <si>
    <t>marcelacdss</t>
  </si>
  <si>
    <t>\\acsfs\profiles$\marcelacdss\Downloads\</t>
  </si>
  <si>
    <t>05615fe6-27e5-4211-99c4-042fdd9442c0.tmp</t>
  </si>
  <si>
    <t>\\acsfs\profiles$\marcelacdss\Downloads\05615fe6-27e5-4211-99c4-042fdd9442c0.tmp</t>
  </si>
  <si>
    <t>01/13/2020 14:48:48</t>
  </si>
  <si>
    <t>5b3004c7-a30e-417c-bf3f-5b67f0635d87.tmp</t>
  </si>
  <si>
    <t>\\acsfs\profiles$\marcelacdss\Downloads\5b3004c7-a30e-417c-bf3f-5b67f0635d87.tmp</t>
  </si>
  <si>
    <t>01/13/2020 14:50:30</t>
  </si>
  <si>
    <t>01/13/2020 14:47:40</t>
  </si>
  <si>
    <t>cintiadjl</t>
  </si>
  <si>
    <t>\\acsfs\profiles$\cintiadjl\Downloads\</t>
  </si>
  <si>
    <t>3b91118a-68a4-4175-a943-035d9962271e.tmp</t>
  </si>
  <si>
    <t>\\acsfs\profiles$\cintiadjl\Downloads\3b91118a-68a4-4175-a943-035d9962271e.tmp</t>
  </si>
  <si>
    <t>01/13/2020 14:47:43</t>
  </si>
  <si>
    <t>177ff3fd-ff5d-45fa-a81c-06c56ddd289b.tmp</t>
  </si>
  <si>
    <t>\\acsfs\profiles$\cintiadjl\Downloads\177ff3fd-ff5d-45fa-a81c-06c56ddd289b.tmp</t>
  </si>
  <si>
    <t>01/13/2020 14:46:02</t>
  </si>
  <si>
    <t>01/13/2020 14:51:29</t>
  </si>
  <si>
    <t>01/13/2020 14:47:50</t>
  </si>
  <si>
    <t>fd36c23e-56f0-4394-850b-3545457f1641.tmp</t>
  </si>
  <si>
    <t>\\acsfs\profiles$\andrezacapf\Downloads\fd36c23e-56f0-4394-850b-3545457f1641.tmp</t>
  </si>
  <si>
    <t>01/13/2020 14:46:45</t>
  </si>
  <si>
    <t>52d6f424-7129-4b96-8274-743ff2b7bd0d.tmp</t>
  </si>
  <si>
    <t>\\acsfs\profiles$\fabianafv\Downloads\52d6f424-7129-4b96-8274-743ff2b7bd0d.tmp</t>
  </si>
  <si>
    <t>01/13/2020 14:52:30</t>
  </si>
  <si>
    <t>01/13/2020 14:46:49</t>
  </si>
  <si>
    <t>c:\users\robsonams\documents\</t>
  </si>
  <si>
    <t>desligamento giulliany martins guimaraes aguiar.pdf</t>
  </si>
  <si>
    <t>01/13/2020 14:47:07</t>
  </si>
  <si>
    <t>rafaelacdoc</t>
  </si>
  <si>
    <t>\\acsfs\profiles$\rafaelacdoc\Downloads\</t>
  </si>
  <si>
    <t>5d1800ad-c1ca-48d6-8575-c70c288db956.tmp</t>
  </si>
  <si>
    <t>\\acsfs\profiles$\rafaelacdoc\Downloads\5d1800ad-c1ca-48d6-8575-c70c288db956.tmp</t>
  </si>
  <si>
    <t>01/13/2020 14:48:26</t>
  </si>
  <si>
    <t>aa6beba5-53f1-4778-b222-f38dc5d32955.tmp</t>
  </si>
  <si>
    <t>\\acsfs\profiles$\rafaelacdoc\Downloads\aa6beba5-53f1-4778-b222-f38dc5d32955.tmp</t>
  </si>
  <si>
    <t>01/13/2020 14:47:15</t>
  </si>
  <si>
    <t>c395bdd9-d724-4abc-bcd9-5c9b8af61cc3.tmp</t>
  </si>
  <si>
    <t>\\acsfs\profiles$\kellzylenneasr\Downloads\c395bdd9-d724-4abc-bcd9-5c9b8af61cc3.tmp</t>
  </si>
  <si>
    <t>01/13/2020 14:52:21</t>
  </si>
  <si>
    <t>mail.google.com/mail/u/0/jserror?script=https://mail.google.com/mail/u/0/#inbox/fmfcgxwgckkdqqcqvkqrpltvmvmdlnwq&amp;error=class$obf_1013: [/sync/u/0/i/bv] me: unsupported http status: 503&amp;line=not available&amp;txz=p</t>
  </si>
  <si>
    <t>01/13/2020 14:47:56</t>
  </si>
  <si>
    <t>01/13/2020 14:53:29</t>
  </si>
  <si>
    <t>01/13/2020 14:52:53</t>
  </si>
  <si>
    <t>01/13/2020 14:54:30</t>
  </si>
  <si>
    <t>4bd1e921-9057-4075-91b2-0075384a03d7.tmp</t>
  </si>
  <si>
    <t>\\acsfs\profiles$\vivianealda\Downloads\4bd1e921-9057-4075-91b2-0075384a03d7.tmp</t>
  </si>
  <si>
    <t>01/13/2020 14:53:04</t>
  </si>
  <si>
    <t>096e1556-0363-43ce-bc9c-58668670bcec.tmp</t>
  </si>
  <si>
    <t>\\acsfs\profiles$\vivianealda\Downloads\096e1556-0363-43ce-bc9c-58668670bcec.tmp</t>
  </si>
  <si>
    <t>01/13/2020 14:52:29</t>
  </si>
  <si>
    <t>01/13/2020 14:55:29</t>
  </si>
  <si>
    <t>01/13/2020 14:53:39</t>
  </si>
  <si>
    <t>01/13/2020 14:56:29</t>
  </si>
  <si>
    <t>01/13/2020 14:54:09</t>
  </si>
  <si>
    <t>01/13/2020 14:54:40</t>
  </si>
  <si>
    <t>01/13/2020 14:55:10</t>
  </si>
  <si>
    <t>01/13/2020 14:53:36</t>
  </si>
  <si>
    <t>c0e49b33-ba38-45e2-a129-0f00581a8ad5.tmp</t>
  </si>
  <si>
    <t>\\acsfs\profiles$\ingridsm\Downloads\c0e49b33-ba38-45e2-a129-0f00581a8ad5.tmp</t>
  </si>
  <si>
    <t>01/13/2020 14:55:01</t>
  </si>
  <si>
    <t>mail.google.com/sync/u/0/i/s?hl=pt-BR&amp;c=921</t>
  </si>
  <si>
    <t>01/13/2020 14:55:06</t>
  </si>
  <si>
    <t>01/13/2020 14:55:31</t>
  </si>
  <si>
    <t>mail.google.com/sync/u/0/i/s?hl=pt-BR&amp;c=926</t>
  </si>
  <si>
    <t>01/13/2020 14:55:35</t>
  </si>
  <si>
    <t>01/13/2020 14:51:07</t>
  </si>
  <si>
    <t>f6bfc1cb-63c7-48dc-b533-74c58473c028.tmp</t>
  </si>
  <si>
    <t>\\acsfs\profiles$\sarahbal\Downloads\f6bfc1cb-63c7-48dc-b533-74c58473c028.tmp</t>
  </si>
  <si>
    <t>01/13/2020 14:51:26</t>
  </si>
  <si>
    <t>10.200.66.125</t>
  </si>
  <si>
    <t>64-1C-67-9C-F8-6E</t>
  </si>
  <si>
    <t>VOTORANT-LB017</t>
  </si>
  <si>
    <t>yonaac</t>
  </si>
  <si>
    <t>https://udpwfmniceap02/web/guest/home?p_auth=wkcx06wn&amp;p_p_id=58&amp;p_p_lifecycle=1&amp;p_p_state=maximized&amp;p_p_mode=view&amp;savelastpath=0&amp;_58_struts_action=/login/forgot_password</t>
  </si>
  <si>
    <t>01/13/2020 14:51:38</t>
  </si>
  <si>
    <t>01/13/2020 14:54:39</t>
  </si>
  <si>
    <t>01/13/2020 14:54:54</t>
  </si>
  <si>
    <t>01/13/2020 14:55:22</t>
  </si>
  <si>
    <t>01/13/2020 14:54:22</t>
  </si>
  <si>
    <t>01/13/2020 14:57:29</t>
  </si>
  <si>
    <t>01/13/2020 14:52:09</t>
  </si>
  <si>
    <t>157b2dc0-3533-4398-8592-b4288b39adce.tmp</t>
  </si>
  <si>
    <t>\\acsfs\profiles$\geovannasm\Downloads\157b2dc0-3533-4398-8592-b4288b39adce.tmp</t>
  </si>
  <si>
    <t>01/13/2020 14:54:44</t>
  </si>
  <si>
    <t>01/13/2020 14:58:29</t>
  </si>
  <si>
    <t>IM (AIM)</t>
  </si>
  <si>
    <t>742&amp;i=145&amp;ai=mail:o.f382.7.1</t>
  </si>
  <si>
    <t>01/13/2020 14:58:15</t>
  </si>
  <si>
    <t>14847240-881a-4f70-bec8-e760abdc10c2.tmp</t>
  </si>
  <si>
    <t>\\acsfs\profiles$\laylaams\Downloads\14847240-881a-4f70-bec8-e760abdc10c2.tmp</t>
  </si>
  <si>
    <t>01/13/2020 14:57:42</t>
  </si>
  <si>
    <t>01/13/2020 15:01:29</t>
  </si>
  <si>
    <t>01/13/2020 14:58:43</t>
  </si>
  <si>
    <t>01/13/2020 14:59:13</t>
  </si>
  <si>
    <t>01/13/2020 14:59:05</t>
  </si>
  <si>
    <t>01/13/2020 14:57:15</t>
  </si>
  <si>
    <t>ec816973-c8a3-40ff-90a7-53608ebf79a8.tmp</t>
  </si>
  <si>
    <t>\\acsfs\profiles$\sarahbal\Downloads\ec816973-c8a3-40ff-90a7-53608ebf79a8.tmp</t>
  </si>
  <si>
    <t>01/13/2020 14:59:35</t>
  </si>
  <si>
    <t>GEOVANA ALINE SANTOS E SILVA_1_6777689320677511086_1_32.wav</t>
  </si>
  <si>
    <t>\\acsfs\Deptos\EDUCACAO EMPRESARIAL\KÉSIA\Ligações 2º ciclo - Janeiro 2020\GEOVANA ALINE SANTOS E SILVA_1_6777689320677511086_1_32.wav</t>
  </si>
  <si>
    <t>01/13/2020 15:02:29</t>
  </si>
  <si>
    <t>01/13/2020 15:00:07</t>
  </si>
  <si>
    <t>fernandofs</t>
  </si>
  <si>
    <t>\\acsfs\profiles$\fernandofs\Downloads\</t>
  </si>
  <si>
    <t>32be2827-7532-440a-bc74-160a3d78954d.tmp</t>
  </si>
  <si>
    <t>\\acsfs\profiles$\fernandofs\Downloads\32be2827-7532-440a-bc74-160a3d78954d.tmp</t>
  </si>
  <si>
    <t>01/13/2020 15:00:22</t>
  </si>
  <si>
    <t>fbb74bc7-c4d9-42a3-a507-2dd44d37b870.tmp</t>
  </si>
  <si>
    <t>\\acsfs\profiles$\fernandofs\Downloads\fbb74bc7-c4d9-42a3-a507-2dd44d37b870.tmp</t>
  </si>
  <si>
    <t>01/13/2020 15:03:29</t>
  </si>
  <si>
    <t>01/13/2020 14:58:40</t>
  </si>
  <si>
    <t>01/13/2020 14:58:46</t>
  </si>
  <si>
    <t>01/13/2020 15:04:29</t>
  </si>
  <si>
    <t>01/13/2020 15:02:44</t>
  </si>
  <si>
    <t>0a522211-52e2-4f0f-ae2b-8ed4f260e26c.tmp</t>
  </si>
  <si>
    <t>\\acsfs\profiles$\gustavoab\Downloads\0a522211-52e2-4f0f-ae2b-8ed4f260e26c.tmp</t>
  </si>
  <si>
    <t>01/13/2020 15:03:14</t>
  </si>
  <si>
    <t>355f34ba-709c-4dc3-a4b0-53f133ac676e.tmp</t>
  </si>
  <si>
    <t>\\acsfs\profiles$\gustavoab\Downloads\355f34ba-709c-4dc3-a4b0-53f133ac676e.tmp</t>
  </si>
  <si>
    <t>01/13/2020 15:03:15</t>
  </si>
  <si>
    <t>01/13/2020 15:05:29</t>
  </si>
  <si>
    <t>10.200.66.143</t>
  </si>
  <si>
    <t>74-86-7A-FB-1A-15</t>
  </si>
  <si>
    <t>VOTORANT-WB003</t>
  </si>
  <si>
    <t>01/13/2020 15:02:53</t>
  </si>
  <si>
    <t>01/13/2020 15:06:30</t>
  </si>
  <si>
    <t>f6cd6212-860b-4da6-a499-54f47a5952b3.tmp</t>
  </si>
  <si>
    <t>\\acsfs\profiles$\brendadsl\Downloads\f6cd6212-860b-4da6-a499-54f47a5952b3.tmp</t>
  </si>
  <si>
    <t>01/13/2020 15:03:27</t>
  </si>
  <si>
    <t>01/13/2020 15:04:18</t>
  </si>
  <si>
    <t>01/13/2020 15:01:12</t>
  </si>
  <si>
    <t>mail.google.com/sync/u/0/i/s?hl=pt-BR&amp;c=940</t>
  </si>
  <si>
    <t>01/13/2020 15:01:30</t>
  </si>
  <si>
    <t>01/13/2020 15:01:31</t>
  </si>
  <si>
    <t>01/13/2020 15:02:09</t>
  </si>
  <si>
    <t>01/13/2020 15:02:31</t>
  </si>
  <si>
    <t>01/13/2020 15:02:47</t>
  </si>
  <si>
    <t>01/13/2020 15:05:11</t>
  </si>
  <si>
    <t>01/13/2020 15:07:29</t>
  </si>
  <si>
    <t>01/13/2020 15:04:09</t>
  </si>
  <si>
    <t>01/13/2020 15:04:14</t>
  </si>
  <si>
    <t>mail.google.com/sync/u/0/i/s?hl=pt-BR&amp;c=118</t>
  </si>
  <si>
    <t>01/13/2020 15:04:16</t>
  </si>
  <si>
    <t>01/13/2020 15:04:25</t>
  </si>
  <si>
    <t>01/13/2020 15:04:30</t>
  </si>
  <si>
    <t>01/13/2020 15:04:36</t>
  </si>
  <si>
    <t>01/13/2020 15:04:42</t>
  </si>
  <si>
    <t>01/13/2020 15:04:46</t>
  </si>
  <si>
    <t>01/13/2020 15:04:50</t>
  </si>
  <si>
    <t>01/13/2020 15:05:05</t>
  </si>
  <si>
    <t>\\acsfs\profiles$\tiagosno\My Documents\xworkcenter\logs\</t>
  </si>
  <si>
    <t>XLOG_tiagosno_13012020_072135.log</t>
  </si>
  <si>
    <t>\\acsfs\profiles$\tiagosno\My Documents\xworkcenter\logs\XLOG_tiagosno_13012020_072135.log</t>
  </si>
  <si>
    <t>01/13/2020 15:03:05</t>
  </si>
  <si>
    <t>10.200.67.141</t>
  </si>
  <si>
    <t>D4-AE-52-FC-98-A9</t>
  </si>
  <si>
    <t>VOTORANT-ACB009</t>
  </si>
  <si>
    <t>rannabg</t>
  </si>
  <si>
    <t>\\acsfs\Deptos\Operacao\Banco_Votorantim\Comum\</t>
  </si>
  <si>
    <t>LINKS DE ACESSO.txt</t>
  </si>
  <si>
    <t>\\acsfs\Deptos\Operacao\Banco_Votorantim\Comum\LINKS DE ACESSO.txt</t>
  </si>
  <si>
    <t>01/13/2020 15:08:44</t>
  </si>
  <si>
    <t>01/13/2020 15:10:29</t>
  </si>
  <si>
    <t>01/13/2020 15:08:32</t>
  </si>
  <si>
    <t>outlook.office.com/owa/service.svc?action=CreateItem&amp;app=Mail&amp;n=157</t>
  </si>
  <si>
    <t>Webmail(Hotmail)</t>
  </si>
  <si>
    <t>01/13/2020 15:08:39</t>
  </si>
  <si>
    <t>outlook.office.com/owa/service.svc/CreateAttachmentFromLocalFile</t>
  </si>
  <si>
    <t>01/13/2020 15:08:41</t>
  </si>
  <si>
    <t>outlook.office.com/owa/service.svc?action=UpdateItem&amp;app=Mail&amp;n=163</t>
  </si>
  <si>
    <t>01/13/2020 15:05:50</t>
  </si>
  <si>
    <t>01/13/2020 15:11:30</t>
  </si>
  <si>
    <t>01/13/2020 15:08:06</t>
  </si>
  <si>
    <t>2e2326c3-522f-4c2e-b442-076b38001ccd.tmp</t>
  </si>
  <si>
    <t>\\acsfs\profiles$\gabrielamdp\Downloads\2e2326c3-522f-4c2e-b442-076b38001ccd.tmp</t>
  </si>
  <si>
    <t>01/13/2020 15:07:21</t>
  </si>
  <si>
    <t>01/13/2020 15:10:11</t>
  </si>
  <si>
    <t>01/13/2020 15:09:07</t>
  </si>
  <si>
    <t>01/13/2020 15:12:29</t>
  </si>
  <si>
    <t>mail.google.com/sync/u/0/i/s?hl=pt-BR&amp;c=13</t>
  </si>
  <si>
    <t>01/13/2020 15:11:53</t>
  </si>
  <si>
    <t>2b347184-0785-4b13-8e81-4d6f818aace1.tmp</t>
  </si>
  <si>
    <t>\\acsfs\profiles$\adelvinsonle\Downloads\2b347184-0785-4b13-8e81-4d6f818aace1.tmp</t>
  </si>
  <si>
    <t>01/13/2020 15:08:38</t>
  </si>
  <si>
    <t>bd507672-676b-4b04-ba19-2782c47617f1.tmp</t>
  </si>
  <si>
    <t>\\acsfs\profiles$\geovannasm\Downloads\bd507672-676b-4b04-ba19-2782c47617f1.tmp</t>
  </si>
  <si>
    <t>01/13/2020 15:08:12</t>
  </si>
  <si>
    <t>\\acsfs\profiles$\brendavdoa\My Documents\</t>
  </si>
  <si>
    <t>boleto.txt</t>
  </si>
  <si>
    <t>\\acsfs\profiles$\brendavdoa\My Documents\boleto.txt</t>
  </si>
  <si>
    <t>01/13/2020 15:13:30</t>
  </si>
  <si>
    <t>01/13/2020 15:08:52</t>
  </si>
  <si>
    <t>Relatorio de Vendas - Auditoria BV Cartoes (Janeiro)..cliente.xlsx</t>
  </si>
  <si>
    <t>\\acsfs\DEPTOS\Operacao\Banco_Votorantim\Qualidade\Anderson\Jose\Atualizado\Relatorio de Vendas - Auditoria BV Cartoes (Janeiro)..cliente.xlsx</t>
  </si>
  <si>
    <t>01/13/2020 15:11:40</t>
  </si>
  <si>
    <t>01/13/2020 15:12:50</t>
  </si>
  <si>
    <t>01/13/2020 15:14:30</t>
  </si>
  <si>
    <t>01/13/2020 15:14:32</t>
  </si>
  <si>
    <t>01/13/2020 15:15:29</t>
  </si>
  <si>
    <t>38f71b87-0b19-49c7-b57e-5e63a18ede48.tmp</t>
  </si>
  <si>
    <t>\\acsfs\profiles$\marcosvnds\Downloads\38f71b87-0b19-49c7-b57e-5e63a18ede48.tmp</t>
  </si>
  <si>
    <t>01/13/2020 15:14:29</t>
  </si>
  <si>
    <t>marianacgs</t>
  </si>
  <si>
    <t>marianacgs@algartech.com</t>
  </si>
  <si>
    <t>mail.google.com/sync/u/0/i/s?hl=pt-BR&amp;c=10</t>
  </si>
  <si>
    <t>01/13/2020 15:14:31</t>
  </si>
  <si>
    <t>mail.google.com/sync/u/0/i/s?hl=pt-BR&amp;c=12</t>
  </si>
  <si>
    <t>01/13/2020 15:14:41</t>
  </si>
  <si>
    <t>mail.google.com/sync/u/0/i/s?hl=pt-BR&amp;c=15</t>
  </si>
  <si>
    <t>01/13/2020 15:14:43</t>
  </si>
  <si>
    <t>mail.google.com/sync/u/0/i/s?hl=pt-BR&amp;c=17</t>
  </si>
  <si>
    <t>01/13/2020 15:14:57</t>
  </si>
  <si>
    <t>mail.google.com/sync/u/0/i/s?hl=pt-BR&amp;c=19</t>
  </si>
  <si>
    <t>01/13/2020 15:15:02</t>
  </si>
  <si>
    <t>01/13/2020 15:14:54</t>
  </si>
  <si>
    <t>01/13/2020 15:16:30</t>
  </si>
  <si>
    <t>01/13/2020 15:15:45</t>
  </si>
  <si>
    <t>NATALIA CRISTINA DOS SANTOS LIMA_1_6777345246552460365_1_32.wav</t>
  </si>
  <si>
    <t>\\acsfs\Deptos\EDUCACAO EMPRESARIAL\KÉSIA\Ligações 2º ciclo - Janeiro 2020\NATALIA CRISTINA DOS SANTOS LIMA_1_6777345246552460365_1_32.wav</t>
  </si>
  <si>
    <t>01/13/2020 15:14:58</t>
  </si>
  <si>
    <t>\\acsfs\profiles$\anacdos\My Documents\xworkcenter\logs\</t>
  </si>
  <si>
    <t>XLOG_anacdos_13012020_065121.log</t>
  </si>
  <si>
    <t>\\acsfs\profiles$\anacdos\My Documents\xworkcenter\logs\XLOG_anacdos_13012020_065121.log</t>
  </si>
  <si>
    <t>01/13/2020 15:11:57</t>
  </si>
  <si>
    <t>01/13/2020 15:17:29</t>
  </si>
  <si>
    <t>233bc31d-8c35-4d59-b983-accd88350eb7.tmp</t>
  </si>
  <si>
    <t>\\acsfs\profiles$\adelvinsonle\Downloads\233bc31d-8c35-4d59-b983-accd88350eb7.tmp</t>
  </si>
  <si>
    <t>01/13/2020 15:13:36</t>
  </si>
  <si>
    <t>mail.google.com/mail/u/0/jserror?script=https://mail.google.com/mail/u/0/#inbox&amp;error=class$obf_1013: [/sync/u/0/i/bv] me: unsupported http status: 503&amp;line=not available&amp;txz=p</t>
  </si>
  <si>
    <t>01/13/2020 15:13:41</t>
  </si>
  <si>
    <t>01/13/2020 15:18:30</t>
  </si>
  <si>
    <t>358&amp;i=66&amp;ai=mail:o.ebdc.139.1/s:v=2&amp;a=lc&amp;sv=cv&amp;ev=di&amp;t=101.985107421875&amp;i=8.985107421875&amp;ai=mail:lc.ebdc.140.0/s:v=2&amp;a=re&amp;sv=di&amp;ev=di&amp;t=103&amp;i=80&amp;ai=mail:re.ebdc.141.0/s:v=2&amp;a=o&amp;sv=di&amp;ev=cv&amp;t=152&amp;i=87&amp;ai=mail:o.ebdc.142.0/s:v=2&amp;a=lc&amp;sv=cv&amp;ev=di&amp;t=117.955078125&amp;i=17.955078125&amp;ai=mail:lc.ebdc.143.0/s:v=2&amp;a=re&amp;sv=di&amp;ev=di&amp;t=162&amp;i=139&amp;ai=mail:re.ebdc.144.0</t>
  </si>
  <si>
    <t>358&amp;i=66&amp;ai=mail:o.ebdc.139.1/s:v=2&amp;a=lc&amp;sv=cv&amp;ev=di&amp;t=101.985107421875&amp;i=8.985107421875&amp;ai=mail:lc.ebdc.140.0/s:v=2&amp;a=re&amp;sv=di&amp;ev=di&amp;t=103&amp;i=80&amp;ai=mail:re.ebdc.141.0/s:v=2&amp;a=o&amp;sv=di&amp;ev=cv&amp;t=152&amp;i=87&amp;ai=mail:o.ebdc.142.0/s:v=2&amp;a=lc&amp;sv=cv&amp;ev=di&amp;t=117.955078125&amp;i=17.955078125&amp;ai=mail:lc.ebdc.143.0/s:v=2&amp;a=re&amp;sv=di&amp;ev=di&amp;t=162&amp;i=139&amp;ai=mail:re.ebdc.144.0/s:v=2&amp;a=o&amp;sv=di&amp;ev=cv&amp;t=184&amp;i=62&amp;ai=mail:o.ebdc.145.1/s:v=2&amp;a=lc&amp;sv=cv&amp;ev=di&amp;t=106.97998046875&amp;i=10.97998046875&amp;ai=mail:lc.ebdc.146.0</t>
  </si>
  <si>
    <t>01/13/2020 15:15:41</t>
  </si>
  <si>
    <t>01/13/2020 15:16:41</t>
  </si>
  <si>
    <t>01/13/2020 15:17:24</t>
  </si>
  <si>
    <t>01/13/2020 15:17:22</t>
  </si>
  <si>
    <t>01/13/2020 15:19:30</t>
  </si>
  <si>
    <t>a821dcf9-798d-470d-95fb-ba844bf98b5e.tmp</t>
  </si>
  <si>
    <t>\\acsfs\profiles$\larissaad\Downloads\a821dcf9-798d-470d-95fb-ba844bf98b5e.tmp</t>
  </si>
  <si>
    <t>01/13/2020 15:15:30</t>
  </si>
  <si>
    <t>e9561927-d4d8-4955-ac28-2b97bac07388.tmp</t>
  </si>
  <si>
    <t>\\acsfs\profiles$\LAISLG\Downloads\e9561927-d4d8-4955-ac28-2b97bac07388.tmp</t>
  </si>
  <si>
    <t>01/13/2020 15:18:10</t>
  </si>
  <si>
    <t>rosileiam</t>
  </si>
  <si>
    <t>\\acsfs\profiles$\rosileiam\Downloads\</t>
  </si>
  <si>
    <t>fea36c5c-d89a-4c84-b84d-de62861fb7d1.tmp</t>
  </si>
  <si>
    <t>\\acsfs\profiles$\rosileiam\Downloads\fea36c5c-d89a-4c84-b84d-de62861fb7d1.tmp</t>
  </si>
  <si>
    <t>01/13/2020 15:18:44</t>
  </si>
  <si>
    <t>01/13/2020 15:20:30</t>
  </si>
  <si>
    <t>dce8714c-d274-4d54-af25-d5df326cd251.tmp</t>
  </si>
  <si>
    <t>\\acsfs\profiles$\erichds\Downloads\dce8714c-d274-4d54-af25-d5df326cd251.tmp</t>
  </si>
  <si>
    <t>01/13/2020 15:16:57</t>
  </si>
  <si>
    <t>laurandos</t>
  </si>
  <si>
    <t>\\acsfs\profiles$\laurandos\Downloads\</t>
  </si>
  <si>
    <t>8196cb02-97f1-46be-a668-f2f60eadb1b0.tmp</t>
  </si>
  <si>
    <t>\\acsfs\profiles$\laurandos\Downloads\8196cb02-97f1-46be-a668-f2f60eadb1b0.tmp</t>
  </si>
  <si>
    <t>01/13/2020 15:16:59</t>
  </si>
  <si>
    <t>d02d6488-e8be-4f27-aaaa-7e3c11596462.tmp</t>
  </si>
  <si>
    <t>\\acsfs\profiles$\laurandos\Downloads\d02d6488-e8be-4f27-aaaa-7e3c11596462.tmp</t>
  </si>
  <si>
    <t>01/13/2020 15:16:14</t>
  </si>
  <si>
    <t>XLOG_gleycekos_13012020_070314.log</t>
  </si>
  <si>
    <t>\\acsfs\profiles$\gleycekos\My Documents\xworkcenter\logs\XLOG_gleycekos_13012020_070314.log</t>
  </si>
  <si>
    <t>01/13/2020 15:15:25</t>
  </si>
  <si>
    <t>mail.google.com/sync/u/0/i/s?hl=pt-BR&amp;c=24</t>
  </si>
  <si>
    <t>mail.google.com/sync/u/0/i/s?hl=pt-BR&amp;c=26</t>
  </si>
  <si>
    <t>01/13/2020 15:15:42</t>
  </si>
  <si>
    <t>mail.google.com/sync/u/0/i/s?hl=pt-BR&amp;c=28</t>
  </si>
  <si>
    <t>01/13/2020 15:15:49</t>
  </si>
  <si>
    <t>mail.google.com/sync/u/0/i/s?hl=pt-BR&amp;c=30</t>
  </si>
  <si>
    <t>01/13/2020 15:15:50</t>
  </si>
  <si>
    <t>01/13/2020 15:15:54</t>
  </si>
  <si>
    <t>mail.google.com/sync/u/0/i/s?hl=pt-BR&amp;c=32</t>
  </si>
  <si>
    <t>01/13/2020 15:16:28</t>
  </si>
  <si>
    <t>01/13/2020 15:16:29</t>
  </si>
  <si>
    <t>01/13/2020 15:16:37</t>
  </si>
  <si>
    <t>01/13/2020 15:16:45</t>
  </si>
  <si>
    <t>01/13/2020 15:16:52</t>
  </si>
  <si>
    <t>01/13/2020 15:17:27</t>
  </si>
  <si>
    <t>mail.google.com/sync/u/0/i/s?hl=pt-BR&amp;c=47</t>
  </si>
  <si>
    <t>01/13/2020 15:17:28</t>
  </si>
  <si>
    <t>01/13/2020 15:17:30</t>
  </si>
  <si>
    <t>01/13/2020 15:17:39</t>
  </si>
  <si>
    <t>01/13/2020 15:17:55</t>
  </si>
  <si>
    <t>mail.google.com/sync/u/0/i/s?hl=pt-BR&amp;c=53</t>
  </si>
  <si>
    <t>01/13/2020 15:18:13</t>
  </si>
  <si>
    <t>01/13/2020 15:18:50</t>
  </si>
  <si>
    <t>01/13/2020 15:19:05</t>
  </si>
  <si>
    <t>01/13/2020 15:19:16</t>
  </si>
  <si>
    <t>01/13/2020 15:19:26</t>
  </si>
  <si>
    <t>01/13/2020 15:18:27</t>
  </si>
  <si>
    <t>01/13/2020 15:20:03</t>
  </si>
  <si>
    <t>01/13/2020 15:22:29</t>
  </si>
  <si>
    <t>b5efcc5f-1ef6-459b-afb8-4e163c4a9e63.tmp</t>
  </si>
  <si>
    <t>\\acsfs\profiles$\victoriaksr\Downloads\b5efcc5f-1ef6-459b-afb8-4e163c4a9e63.tmp</t>
  </si>
  <si>
    <t>01/13/2020 15:18:47</t>
  </si>
  <si>
    <t>\\acsfs\Deptos\Operacao\Banco_Votorantim\Supervisao\</t>
  </si>
  <si>
    <t>email.txt</t>
  </si>
  <si>
    <t>\\acsfs\Deptos\Operacao\Banco_Votorantim\Supervisao\email.txt</t>
  </si>
  <si>
    <t>b519c6e9-99e4-4e11-9b9b-5134b3008233.tmp</t>
  </si>
  <si>
    <t>\\acsfs\profiles$\lucasgpe\Downloads\b519c6e9-99e4-4e11-9b9b-5134b3008233.tmp</t>
  </si>
  <si>
    <t>01/13/2020 15:19:04</t>
  </si>
  <si>
    <t>e758a8da-9e55-4718-a6a1-66e2bf147ede.tmp</t>
  </si>
  <si>
    <t>\\acsfs\profiles$\adelvinsonle\Downloads\e758a8da-9e55-4718-a6a1-66e2bf147ede.tmp</t>
  </si>
  <si>
    <t>jaquelinecp</t>
  </si>
  <si>
    <t>\\acsfs\profiles$\jaquelinecp\My Documents\</t>
  </si>
  <si>
    <t>Eventos.txt</t>
  </si>
  <si>
    <t>\\acsfs\profiles$\jaquelinecp\My Documents\Eventos.txt</t>
  </si>
  <si>
    <t>01/13/2020 15:19:38</t>
  </si>
  <si>
    <t>01/13/2020 15:23:29</t>
  </si>
  <si>
    <t>01/13/2020 15:20:41</t>
  </si>
  <si>
    <t>01/13/2020 15:18:09</t>
  </si>
  <si>
    <t>Relatorio de Vendas - Auditoria BV Cartoes (Janeiro)..supervisor.xlsx</t>
  </si>
  <si>
    <t>\\acsfs\DEPTOS\Operacao\Banco_Votorantim\Qualidade\Anderson\Jose\Atualizado\Relatorio de Vendas - Auditoria BV Cartoes (Janeiro)..supervisor.xlsx</t>
  </si>
  <si>
    <t>01/13/2020 15:22:10</t>
  </si>
  <si>
    <t>56a712a9-18c5-45cf-a55b-00f0ce6b03be.tmp</t>
  </si>
  <si>
    <t>\\acsfs\profiles$\regisedsj\Downloads\56a712a9-18c5-45cf-a55b-00f0ce6b03be.tmp</t>
  </si>
  <si>
    <t>01/13/2020 15:23:34</t>
  </si>
  <si>
    <t>01/13/2020 15:24:30</t>
  </si>
  <si>
    <t>01/13/2020 15:23:35</t>
  </si>
  <si>
    <t>01/13/2020 15:19:03</t>
  </si>
  <si>
    <t>01/13/2020 15:19:31</t>
  </si>
  <si>
    <t>01/13/2020 15:19:41</t>
  </si>
  <si>
    <t>214cf64f-e082-4b17-9aba-a14a05043a96.tmp</t>
  </si>
  <si>
    <t>\\acsfs\profiles$\rosileiam\Downloads\214cf64f-e082-4b17-9aba-a14a05043a96.tmp</t>
  </si>
  <si>
    <t>01/13/2020 15:24:13</t>
  </si>
  <si>
    <t>01/13/2020 15:25:29</t>
  </si>
  <si>
    <t>111ce3ce-be2a-44c2-b8cb-a1286bff802d.tmp</t>
  </si>
  <si>
    <t>\\acsfs\profiles$\cintiadjl\Downloads\111ce3ce-be2a-44c2-b8cb-a1286bff802d.tmp</t>
  </si>
  <si>
    <t>01/13/2020 15:23:26</t>
  </si>
  <si>
    <t>nycolleemdj</t>
  </si>
  <si>
    <t>\\acsfs\profiles$\nycolleemdj\Downloads\</t>
  </si>
  <si>
    <t>717b3dd7-2ea8-48ca-91fa-33c50d6eaeb7.tmp</t>
  </si>
  <si>
    <t>\\acsfs\profiles$\nycolleemdj\Downloads\717b3dd7-2ea8-48ca-91fa-33c50d6eaeb7.tmp</t>
  </si>
  <si>
    <t>01/13/2020 15:24:47</t>
  </si>
  <si>
    <t>17c75b94-57b9-4ad6-8791-8b7582985262.tmp</t>
  </si>
  <si>
    <t>\\acsfs\profiles$\nycolleemdj\Downloads\17c75b94-57b9-4ad6-8791-8b7582985262.tmp</t>
  </si>
  <si>
    <t>01/13/2020 15:23:30</t>
  </si>
  <si>
    <t>01/13/2020 15:26:30</t>
  </si>
  <si>
    <t>taylaedoa</t>
  </si>
  <si>
    <t>\\acsfs\profiles$\taylaedoa\Downloads\</t>
  </si>
  <si>
    <t>d63fa671-08c3-4dbb-853d-1e01adcfc662.tmp</t>
  </si>
  <si>
    <t>\\acsfs\profiles$\taylaedoa\Downloads\d63fa671-08c3-4dbb-853d-1e01adcfc662.tmp</t>
  </si>
  <si>
    <t>01/13/2020 15:24:29</t>
  </si>
  <si>
    <t>83464ace-8a8a-46cd-a25e-80a52b9d0875.tmp</t>
  </si>
  <si>
    <t>\\acsfs\profiles$\taylaedoa\Downloads\83464ace-8a8a-46cd-a25e-80a52b9d0875.tmp</t>
  </si>
  <si>
    <t>01/13/2020 15:23:32</t>
  </si>
  <si>
    <t>10.200.66.182</t>
  </si>
  <si>
    <t>34-E6-D7-FC-B7-64</t>
  </si>
  <si>
    <t>VOTORANT-WB015</t>
  </si>
  <si>
    <t>andreapdsg</t>
  </si>
  <si>
    <t>\\acsfs\profiles$\andreapdsg\Downloads\</t>
  </si>
  <si>
    <t>ce3ca1c2-89b6-4fec-996d-4f2423d1c654.tmp</t>
  </si>
  <si>
    <t>\\acsfs\profiles$\andreapdsg\Downloads\ce3ca1c2-89b6-4fec-996d-4f2423d1c654.tmp</t>
  </si>
  <si>
    <t>Q29udHJvbGxlci5QYXl3YXJl (25).ica</t>
  </si>
  <si>
    <t>\\acsfs\profiles$\andreapdsg\Downloads\Q29udHJvbGxlci5QYXl3YXJl (25).ica</t>
  </si>
  <si>
    <t>01/13/2020 15:24:00</t>
  </si>
  <si>
    <t>01/13/2020 15:23:54</t>
  </si>
  <si>
    <t>01/13/2020 15:27:29</t>
  </si>
  <si>
    <t>0e4e33fd-5f18-4455-b5be-e9280d349642.tmp</t>
  </si>
  <si>
    <t>\\acsfs\profiles$\lucasgpe\Downloads\0e4e33fd-5f18-4455-b5be-e9280d349642.tmp</t>
  </si>
  <si>
    <t>01/13/2020 15:22:24</t>
  </si>
  <si>
    <t>flaviacdst</t>
  </si>
  <si>
    <t>\\acsfs\profiles$\flaviacdst\Favorites\NetScaler Gateway.url\</t>
  </si>
  <si>
    <t>\\acsfs\profiles$\flaviacdst\Favorites\NetScaler Gateway.url\:favicon:$DATA</t>
  </si>
  <si>
    <t>\\acsfs\profiles$\flaviacdst\Favorites\</t>
  </si>
  <si>
    <t>NetScaler Gateway.url</t>
  </si>
  <si>
    <t>\\acsfs\profiles$\flaviacdst\Favorites\NetScaler Gateway.url</t>
  </si>
  <si>
    <t>01/13/2020 15:25:47</t>
  </si>
  <si>
    <t>01/13/2020 15:28:30</t>
  </si>
  <si>
    <t>01/13/2020 15:26:07</t>
  </si>
  <si>
    <t>01/13/2020 15:26:19</t>
  </si>
  <si>
    <t>"languagecode":"pt-br";"requesttype":"background_request";"scenariotype;"timezone":"-03:00";358&amp;i=66&amp;ai=mail:o.ebdc.139.1/s:v=2&amp;a=lc&amp;sv=cv&amp;ev=di&amp;t=101.985107421875&amp;i=8.985107421875&amp;ai=mail:lc.ebdc.140.0/s:v=2&amp;a=re&amp;sv=di&amp;ev=di&amp;t=103&amp;i=80&amp;ai=mail:re.ebdc.141.0/s:v=2&amp;a=o&amp;sv=di&amp;ev=cv&amp;t=152&amp;i=87&amp;ai=mail:o.ebdc.142.0/s:v=2&amp;a=lc&amp;sv=cv&amp;ev=di&amp;t=117.955078125&amp;i=17.955078125&amp;ai=mail:lc.ebdc.143.0/s:v=2&amp;a=re&amp;sv=di&amp;ev=di&amp;t=162&amp;i=139&amp;ai=mail:re.ebdc.144.0/s:v=2&amp;a=o&amp;sv=di&amp;ev=cv&amp;t=184&amp;i=62&amp;ai=mail:o.ebdc.145.1/s:v=2&amp;a=lc&amp;sv=cv&amp;ev=di&amp;t=106.97998046875&amp;i=10.97998046875&amp;ai=mail:lc.ebdc.146.0;ess"}};p";</t>
  </si>
  <si>
    <t>"languagecode":"pt-br","requesttype":"background_request","scenariotype,"timezone":"-03:00",358&amp;i=66&amp;ai=mail:o.ebdc.139.1/s:v=2&amp;a=lc&amp;sv=cv&amp;ev=di&amp;t=101.985107421875&amp;i=8.985107421875&amp;ai=mail:lc.ebdc.140.0/s:v=2&amp;a=re&amp;sv=di&amp;ev=di&amp;t=103&amp;i=80&amp;ai=mail:re.ebdc.141.0/s:v=2&amp;a=o&amp;sv=di&amp;ev=cv&amp;t=152&amp;i=87&amp;ai=mail:o.ebdc.142.0/s:v=2&amp;a=lc&amp;sv=cv&amp;ev=di&amp;t=117.955078125&amp;i=17.955078125&amp;ai=mail:lc.ebdc.143.0/s:v=2&amp;a=re&amp;sv=di&amp;ev=di&amp;t=162&amp;i=139&amp;ai=mail:re.ebdc.144.0/s:v=2&amp;a=o&amp;sv=di&amp;ev=cv&amp;t=184&amp;i=62&amp;ai=mail:o.ebdc.145.1/s:v=2&amp;a=lc&amp;sv=cv&amp;ev=di&amp;t=106.97998046875&amp;i=10.97998046875&amp;ai=mail:lc.ebdc.146.0,ess"}},p"</t>
  </si>
  <si>
    <t>01/13/2020 15:26:25</t>
  </si>
  <si>
    <t>mail.google.com/sync/u/0/i/s?hl=pt-BR&amp;c=710</t>
  </si>
  <si>
    <t>01/13/2020 15:26:31</t>
  </si>
  <si>
    <t>mail.google.com/sync/u/0/i/s?hl=pt-BR&amp;c=712</t>
  </si>
  <si>
    <t>0]ll,13/01/2020,142961685,1578931268841,5,[],[]]],andrelpsa@algartech.com,atuima2v-l-r4mlrttnejldjmmcmtjqqdb_eo8phe2_wqj_y1ojumr1iabvw2ppblwocree42tuodgonxc9zyivd_xfpqawwfk-djhhoaw8xisktehnirbxymmss-bbe\",false,null,true]"</t>
  </si>
  <si>
    <t>01/13/2020 15:26:35</t>
  </si>
  <si>
    <t>mail.google.com/sync/u/0/i/s?hl=pt-BR&amp;c=714</t>
  </si>
  <si>
    <t>01/13/2020 15:26:44</t>
  </si>
  <si>
    <t>01/13/2020 15:26:52</t>
  </si>
  <si>
    <t>01/13/2020 15:26:56</t>
  </si>
  <si>
    <t>01/13/2020 15:27:01</t>
  </si>
  <si>
    <t>mail.google.com/sync/u/0/i/s?hl=pt-BR&amp;c=723</t>
  </si>
  <si>
    <t>01/13/2020 15:27:26</t>
  </si>
  <si>
    <t>01/13/2020 15:24:46</t>
  </si>
  <si>
    <t>01/13/2020 15:29:29</t>
  </si>
  <si>
    <t>01/13/2020 15:27:09</t>
  </si>
  <si>
    <t>306346fe-08bc-4abb-9dc9-56415b1fa09a.tmp</t>
  </si>
  <si>
    <t>\\acsfs\profiles$\larissaad\Downloads\306346fe-08bc-4abb-9dc9-56415b1fa09a.tmp</t>
  </si>
  <si>
    <t>01/13/2020 15:27:35</t>
  </si>
  <si>
    <t>2b65d95b-8fb3-4ddf-b263-e7ba2999614d.tmp</t>
  </si>
  <si>
    <t>\\acsfs\profiles$\larissaad\Downloads\2b65d95b-8fb3-4ddf-b263-e7ba2999614d.tmp</t>
  </si>
  <si>
    <t>01/13/2020 15:24:58</t>
  </si>
  <si>
    <t>01/13/2020 15:30:30</t>
  </si>
  <si>
    <t>01a516db-d1d4-4292-8a40-33475e8d4847.tmp</t>
  </si>
  <si>
    <t>\\acsfs\profiles$\LUCASNS\Downloads\01a516db-d1d4-4292-8a40-33475e8d4847.tmp</t>
  </si>
  <si>
    <t>01/13/2020 15:29:43</t>
  </si>
  <si>
    <t>b398363b-d211-4277-9b45-fd2de02b6085.tmp</t>
  </si>
  <si>
    <t>\\acsfs\profiles$\gabrielsma\Downloads\b398363b-d211-4277-9b45-fd2de02b6085.tmp</t>
  </si>
  <si>
    <t>01/13/2020 15:29:48</t>
  </si>
  <si>
    <t>Não confirmado 180110.crdownload</t>
  </si>
  <si>
    <t>\\acsfs\ACS\Gabriel da Silva\Contemporânea\Comissão e Incentivo\Não confirmado 180110.crdownload</t>
  </si>
  <si>
    <t>01/13/2020 15:28:43</t>
  </si>
  <si>
    <t>Nice2.xls</t>
  </si>
  <si>
    <t>\\acsfs\ACS\001 - Qualidade Lilian\PAULO\Pasta Tainara\Nice2.xls</t>
  </si>
  <si>
    <t>01/13/2020 15:28:44</t>
  </si>
  <si>
    <t>01/13/2020 15:29:34</t>
  </si>
  <si>
    <t>01/13/2020 15:26:00</t>
  </si>
  <si>
    <t>01/13/2020 15:31:29</t>
  </si>
  <si>
    <t>01/13/2020 15:28:18</t>
  </si>
  <si>
    <t>QUINDAIZA APARECIDA GUEDES DA SILVA_1_6777714914387630488_1_32.wav</t>
  </si>
  <si>
    <t>\\acsfs\Deptos\EDUCACAO EMPRESARIAL\KÉSIA\Ligações 2º ciclo - Janeiro 2020\QUINDAIZA APARECIDA GUEDES DA SILVA_1_6777714914387630488_1_32.wav</t>
  </si>
  <si>
    <t>01/13/2020 15:27:04</t>
  </si>
  <si>
    <t>24402be2-1dbc-4750-8812-39e204faf896.tmp</t>
  </si>
  <si>
    <t>\\acsfs\profiles$\andreapdsg\Downloads\24402be2-1dbc-4750-8812-39e204faf896.tmp</t>
  </si>
  <si>
    <t>01/13/2020 15:27:39</t>
  </si>
  <si>
    <t>01/13/2020 15:33:29</t>
  </si>
  <si>
    <t>01/13/2020 15:28:32</t>
  </si>
  <si>
    <t>mail.google.com/sync/u/0/i/s?hl=pt-BR&amp;c=730</t>
  </si>
  <si>
    <t>01/13/2020 15:31:00</t>
  </si>
  <si>
    <t>alinedsdi@algartech.com;</t>
  </si>
  <si>
    <t>alinedsdi@algartech.com</t>
  </si>
  <si>
    <t>01/13/2020 15:31:06</t>
  </si>
  <si>
    <t>alinedsdi@algartech.com;robsonams@algartech.com;</t>
  </si>
  <si>
    <t>alinedsdi@algartech.com,robsonams@algartech.com</t>
  </si>
  <si>
    <t>01/13/2020 15:31:11</t>
  </si>
  <si>
    <t>"mozilla/5.0 (windows nt 6.1) applewebkit/537.36 (khtml;1;13;13700014;13700109;13700185;13700451;13700951;13701207;13701298;13701422;13701430;13701450;13701506;13701537;13701573;13701577;13701625;13701657;13701693�;13701749;13701825;13701901;13701905;13701957;13701969;13702068;13702088;1578930052848000;1578930058554000;5701393;[[13701418;adfn-ct7ciskssyu-68afh9xg7xv2c6f8dx_seofhsqerkx2bhpqslb3crfufkpjjmcd4mgjscrt;alinedsdi@algartech.com;false];fu-jjgodysoi_w";k ken=ac4w5vhljczanhxnqi1woyx0avs9x8dipw:1578930052842&amp;buildlabel=drive.web-frontend_20200101.00_p4wxkoz47bdxjb2ruaxbvt2nvcnjlbmnpyttkzxnuaxbvt2nvcnjlbmnpyts+pjs+o3q8atwznd47qdxtzwxly2lvbmuuli47qwrpy2lvbmfsie5vdhvybm87qwr2zxj0w6puy2lho0fmyxn0yw1lbnrvo0f0zxn0ywrvo0f0zxn0ywrvigvtiehvcmfzo0nvbwlzc8ojbztdb21wzw5zyconw6nviejhbmnvierpytt;k ken=ac4w5vhljczanhxnqi1woyx0avs9x8dipw:1578930052842&amp;buildlabel=drive.web-frontend_20200101.00_p4wxkoz47bdxjb2ruaxbvt2nvcnjlbmnpyttkzxnuaxbvt2nvcnjlbmnpyts+pjs+o3q8atwznd47qdxtzwxly2lvbmuuli47qwrpy2lvbmfsie5vdhvybm87qwr2zxj0</t>
  </si>
  <si>
    <t>"mozilla/5.0 (windows nt 6.1) applewebkit/537.36 (khtml,1,13,13700014,13700109,13700185,13700451,13700951,13701207,13701298,13701422,13701430,13701450,13701506,13701537,13701573,13701577,13701625,13701657,13701693�,13701749,13701825,13701901,13701905,13701957,13701969,13702068,13702088,1578930052848000,1578930058554000,5701393,[[13701418,adfn-ct7ciskssyu-68afh9xg7xv2c6f8dx_seofhsqerkx2bhpqslb3crfufkpjjmcd4mgjscrt,alinedsdi@algartech.com,false],fu-jjgodysoi_w",k ken=ac4w5vhljczanhxnqi1woyx0avs9x8dipw:1578930052842&amp;buildlabel=drive.web-frontend_20200101.00_p4wxkoz47bdxjb2ruaxbvt2nvcnjlbmnpyttkzxnuaxbvt2nvcnjlbmnpyts+pjs+o3q8atwznd47qdxtzwxly2lvbmuuli47qwrpy2lvbmfsie5vdhvybm87qwr2zxj0w6puy2lho0fmyxn0yw1lbnrvo0f0zxn0ywrvo0f0zxn0ywrvigvtiehvcmfzo0nvbwlzc8ojbztdb21wzw5zyconw6nviejhbmnvierpytt,k ken=ac4w5vhljczanhxnqi1woyx0avs9x8dipw:1578930052842&amp;buildlabel=drive.web-frontend_20200101.00_p4wxkoz47bdxjb2ruaxbvt2nvcnjlbmnpyttkzxnuaxbvt2nvcnjlbmnpyts+pjs+o3q8atwznd47qdxtzwxly2lvbmuuli47qwrpy2lvbmfsie5vdhvybm87qwr2zxj0</t>
  </si>
  <si>
    <t>01/13/2020 15:31:31</t>
  </si>
  <si>
    <t>01/13/2020 15:32:15</t>
  </si>
  <si>
    <t>01/13/2020 15:32:34</t>
  </si>
  <si>
    <t>01/13/2020 15:32:37</t>
  </si>
  <si>
    <t>01/13/2020 15:32:43</t>
  </si>
  <si>
    <t>01/13/2020 15:32:45</t>
  </si>
  <si>
    <t>01/13/2020 15:30:08</t>
  </si>
  <si>
    <t>01/13/2020 15:30:10</t>
  </si>
  <si>
    <t>01/13/2020 15:30:16</t>
  </si>
  <si>
    <t>mail.google.com/sync/u/0/i/s?hl=pt-BR&amp;c=174</t>
  </si>
  <si>
    <t>01/13/2020 15:31:54</t>
  </si>
  <si>
    <t>mail.google.com/sync/u/0/i/s?hl=pt-BR&amp;c=178</t>
  </si>
  <si>
    <t>mail.google.com/sync/u/0/i/s?hl=pt-BR&amp;c=180</t>
  </si>
  <si>
    <t>01/13/2020 15:32:25</t>
  </si>
  <si>
    <t>mail.google.com/sync/u/0/i/s?hl=pt-BR&amp;c=182</t>
  </si>
  <si>
    <t>01/13/2020 15:32:33</t>
  </si>
  <si>
    <t>mail.google.com/sync/u/0/i/s?hl=pt-BR&amp;c=184</t>
  </si>
  <si>
    <t>mail.google.com/sync/u/0/i/s?hl=pt-BR&amp;c=186</t>
  </si>
  <si>
    <t>01/13/2020 15:32:40</t>
  </si>
  <si>
    <t>mail.google.com/sync/u/0/i/s?hl=pt-BR&amp;c=188</t>
  </si>
  <si>
    <t>01/13/2020 15:32:48</t>
  </si>
  <si>
    <t>mail.google.com/sync/u/0/i/s?hl=pt-BR&amp;c=190</t>
  </si>
  <si>
    <t>01/13/2020 15:33:09</t>
  </si>
  <si>
    <t>mail.google.com/sync/u/0/i/s?hl=pt-BR&amp;c=196</t>
  </si>
  <si>
    <t>01/13/2020 15:33:12</t>
  </si>
  <si>
    <t>mail.google.com/sync/u/0/i/s?hl=pt-BR&amp;c=198</t>
  </si>
  <si>
    <t>01/13/2020 15:30:43</t>
  </si>
  <si>
    <t>838400c8-462a-45fb-b7a4-c67b2c1088a2.tmp</t>
  </si>
  <si>
    <t>\\acsfs\profiles$\francislayneads\Downloads\838400c8-462a-45fb-b7a4-c67b2c1088a2.tmp</t>
  </si>
  <si>
    <t>01/13/2020 15:32:54</t>
  </si>
  <si>
    <t>01/13/2020 15:34:29</t>
  </si>
  <si>
    <t>mail.google.com/mail/u/0/jserror?script=https://mail.google.com/mail/u/0/#inbox&amp;error=class$obf_1010: [/sync/u/0/i/bv] me: unsupported http status: 503&amp;line=not available&amp;txz=p</t>
  </si>
  <si>
    <t>01/13/2020 15:33:23</t>
  </si>
  <si>
    <t>mail.google.com/mail/u/0/jserror?script=https://mail.google.com/mail/u/0/#inbox&amp;error=class$obf_1010: [/sync/u/0/el2] me: unsupported http status: 503&amp;line=not available&amp;txz=p</t>
  </si>
  <si>
    <t>01/13/2020 15:29:51</t>
  </si>
  <si>
    <t>01/13/2020 15:35:29</t>
  </si>
  <si>
    <t>myllenardl</t>
  </si>
  <si>
    <t>\\acsfs\profiles$\myllenardl\Downloads\</t>
  </si>
  <si>
    <t>d6c240db-6fc8-4a85-abf0-4d23e6daeafa.tmp</t>
  </si>
  <si>
    <t>\\acsfs\profiles$\myllenardl\Downloads\d6c240db-6fc8-4a85-abf0-4d23e6daeafa.tmp</t>
  </si>
  <si>
    <t>01/13/2020 15:32:17</t>
  </si>
  <si>
    <t>61fb2c46-e594-4d11-8b45-c6defd8dc939.tmp</t>
  </si>
  <si>
    <t>\\acsfs\profiles$\myllenardl\Downloads\61fb2c46-e594-4d11-8b45-c6defd8dc939.tmp</t>
  </si>
  <si>
    <t>01/13/2020 15:32:28</t>
  </si>
  <si>
    <t>dfb074d1-35d4-4be5-85e7-9d9d613708a0.tmp</t>
  </si>
  <si>
    <t>\\acsfs\profiles$\myllenardl\Downloads\dfb074d1-35d4-4be5-85e7-9d9d613708a0.tmp</t>
  </si>
  <si>
    <t>01/13/2020 15:31:17</t>
  </si>
  <si>
    <t>Incentivo BV - CHAT_Dezembro.19.xlsx</t>
  </si>
  <si>
    <t>\\acsfs\ACS\Gabriel da Silva\Contemporânea\Comissão e Incentivo\Incentivo BV - CHAT_Dezembro.19.xlsx</t>
  </si>
  <si>
    <t>outlook.office.com/owa/service.svc?action=CreateItem&amp;app=Mail&amp;n=187</t>
  </si>
  <si>
    <t>flaviacno@algartech.com;luanaca@algartech.com;</t>
  </si>
  <si>
    <t>flaviacno@algartech.com,luanaca@algartech.com</t>
  </si>
  <si>
    <t>01/13/2020 15:35:05</t>
  </si>
  <si>
    <t>01/13/2020 15:36:29</t>
  </si>
  <si>
    <t>mail.google.com/sync/u/0/i/s?hl=pt-BR&amp;c=965</t>
  </si>
  <si>
    <t>01/13/2020 15:32:53</t>
  </si>
  <si>
    <t>mail.google.com/sync/u/0/i/s?hl=pt-BR&amp;c=967</t>
  </si>
  <si>
    <t>01/13/2020 15:33:01</t>
  </si>
  <si>
    <t>mail.google.com/sync/u/0/i/s?hl=pt-BR&amp;c=969</t>
  </si>
  <si>
    <t>01/13/2020 15:33:03</t>
  </si>
  <si>
    <t>mail.google.com/sync/u/0/i/s?hl=pt-BR&amp;c=971</t>
  </si>
  <si>
    <t>01/13/2020 15:33:47</t>
  </si>
  <si>
    <t>mail.google.com/sync/u/0/i/s?hl=pt-BR&amp;c=978</t>
  </si>
  <si>
    <t>andrelpsa@algartech.com;bvservicedesk@bancovotora;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andrelpsa@algartech.com,bvservicedesk@bancovotora,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01/13/2020 15:33:56</t>
  </si>
  <si>
    <t>andrelpsa@algartech.com;bvservicedesk@bancovotora;bvservicedesk@bancovotorantim.com.br;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andrelpsa@algartech.com,bvservicedesk@bancovotora,bvservicedesk@bancovotorantim.com.br,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01/13/2020 15:34:05</t>
  </si>
  <si>
    <t>andrelpsa@algartech.com;bvservicedesk@bancovotorantim.com.br;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andrelpsa@algartech.com,bvservicedesk@bancovotorantim.com.br,joaogvc@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01/13/2020 15:34:11</t>
  </si>
  <si>
    <t>bvservicedesk@bancovotorantim.com.br;</t>
  </si>
  <si>
    <t>bvservicedesk@bancovotorantim.com.br</t>
  </si>
  <si>
    <t>01/13/2020 15:34:19</t>
  </si>
  <si>
    <t>01/13/2020 15:34:23</t>
  </si>
  <si>
    <t>mail.google.com/sync/u/0/i/s?hl=pt-BR&amp;c=990</t>
  </si>
  <si>
    <t>01/13/2020 15:35:21</t>
  </si>
  <si>
    <t>mail.google.com/sync/u/0/i/s?hl=pt-BR&amp;c=993</t>
  </si>
  <si>
    <t>01/13/2020 15:35:30</t>
  </si>
  <si>
    <t>mail.google.com/sync/u/0/i/s?hl=pt-BR&amp;c=995</t>
  </si>
  <si>
    <t>01/13/2020 15:35:40</t>
  </si>
  <si>
    <t>mail.google.com/sync/u/0/i/s?hl=pt-BR&amp;c=997</t>
  </si>
  <si>
    <t>01/13/2020 15:33:36</t>
  </si>
  <si>
    <t>01/13/2020 15:37:29</t>
  </si>
  <si>
    <t>mail.google.com/mail/u/0/jserror?script=https://mail.google.com/mail/u/0/#inbox&amp;error=class$obf_1011: [/sync/u/0/el2] me: unsupported http status: 503&amp;line=not available&amp;txz=p</t>
  </si>
  <si>
    <t>01/13/2020 15:34:36</t>
  </si>
  <si>
    <t>01/13/2020 15:36:39</t>
  </si>
  <si>
    <t>mail.google.com/mail/u/0/jserror?script=https://mail.google.com/mail/u/0/#inbox?projector=1&amp;messagepartid=0.1.1&amp;error=class$obf_1010: [/sync/u/0/el2] me: unsupported http status: 503&amp;line=not available&amp;txz=p</t>
  </si>
  <si>
    <t>01/13/2020 15:33:24</t>
  </si>
  <si>
    <t>b621cea5-70d7-4fff-8c80-5ca6ba9c2816.tmp</t>
  </si>
  <si>
    <t>\\acsfs\profiles$\geovannasm\Downloads\b621cea5-70d7-4fff-8c80-5ca6ba9c2816.tmp</t>
  </si>
  <si>
    <t>f8bbe48a-cdff-47d7-842c-9265aaaffc18.tmp</t>
  </si>
  <si>
    <t>\\acsfs\profiles$\geovannasm\Downloads\f8bbe48a-cdff-47d7-842c-9265aaaffc18.tmp</t>
  </si>
  <si>
    <t>01/13/2020 15:38:29</t>
  </si>
  <si>
    <t>01/13/2020 15:35:17</t>
  </si>
  <si>
    <t>Planilha do Microsoft Excel.xlsx</t>
  </si>
  <si>
    <t>Planilha do Microsoft Excel1.xlsx</t>
  </si>
  <si>
    <t>Planilha do Microsoft Excel2.xlsx</t>
  </si>
  <si>
    <t>01/13/2020 15:35:24</t>
  </si>
  <si>
    <t>01/13/2020 15:36:05</t>
  </si>
  <si>
    <t>01/13/2020 15:36:07</t>
  </si>
  <si>
    <t>01/13/2020 15:36:32</t>
  </si>
  <si>
    <t>01/13/2020 15:36:42</t>
  </si>
  <si>
    <t>01/13/2020 15:36:46</t>
  </si>
  <si>
    <t>01/13/2020 15:36:59</t>
  </si>
  <si>
    <t>01/13/2020 15:37:03</t>
  </si>
  <si>
    <t>01/13/2020 15:37:24</t>
  </si>
  <si>
    <t>01/13/2020 15:33:39</t>
  </si>
  <si>
    <t>mail.google.com/sync/u/0/i/s?hl=pt-BR&amp;c=201</t>
  </si>
  <si>
    <t>01/13/2020 15:33:59</t>
  </si>
  <si>
    <t>mail.google.com/sync/u/0/i/s?hl=pt-BR&amp;c=205</t>
  </si>
  <si>
    <t>01/13/2020 15:34:52</t>
  </si>
  <si>
    <t>mail.google.com/sync/u/0/i/s?hl=pt-BR&amp;c=208</t>
  </si>
  <si>
    <t>01/13/2020 15:35:02</t>
  </si>
  <si>
    <t>mail.google.com/sync/u/0/i/s?hl=pt-BR&amp;c=210</t>
  </si>
  <si>
    <t>01/13/2020 15:36:15</t>
  </si>
  <si>
    <t>mail.google.com/sync/u/0/i/s?hl=pt-BR&amp;c=219</t>
  </si>
  <si>
    <t>01/13/2020 15:39:29</t>
  </si>
  <si>
    <t>01/13/2020 15:36:19</t>
  </si>
  <si>
    <t>mail.google.com/sync/u/0/i/s?hl=pt-BR&amp;c=221</t>
  </si>
  <si>
    <t>da82e8db-e33d-4fea-89fb-b26664d774f9.tmp</t>
  </si>
  <si>
    <t>\\acsfs\profiles$\francislayneads\Downloads\da82e8db-e33d-4fea-89fb-b26664d774f9.tmp</t>
  </si>
  <si>
    <t>2a1ad376-2d22-42a4-9bd3-0fabfa6a003b.tmp</t>
  </si>
  <si>
    <t>\\acsfs\profiles$\THYAGOSP\Downloads\2a1ad376-2d22-42a4-9bd3-0fabfa6a003b.tmp</t>
  </si>
  <si>
    <t>01/13/2020 15:34:24</t>
  </si>
  <si>
    <t>01/13/2020 15:38:31</t>
  </si>
  <si>
    <t>01/13/2020 15:40:29</t>
  </si>
  <si>
    <t>welidicdj</t>
  </si>
  <si>
    <t>\\acsfs\profiles$\welidicdj\Downloads\</t>
  </si>
  <si>
    <t>27301bc5-1885-4f9c-942a-d0231ac69bca.tmp</t>
  </si>
  <si>
    <t>\\acsfs\profiles$\welidicdj\Downloads\27301bc5-1885-4f9c-942a-d0231ac69bca.tmp</t>
  </si>
  <si>
    <t>Q29udHJvbGxlci5QYXl3YXJl (16).ica</t>
  </si>
  <si>
    <t>\\acsfs\profiles$\welidicdj\Downloads\Q29udHJvbGxlci5QYXl3YXJl (16).ica</t>
  </si>
  <si>
    <t>01/13/2020 15:36:17</t>
  </si>
  <si>
    <t>01/13/2020 15:35:46</t>
  </si>
  <si>
    <t>01/13/2020 15:36:33</t>
  </si>
  <si>
    <t>a48a500c-0a3d-476c-aa71-66e659700509.tmp</t>
  </si>
  <si>
    <t>\\acsfs\profiles$\welidicdj\Downloads\a48a500c-0a3d-476c-aa71-66e659700509.tmp</t>
  </si>
  <si>
    <t>01/13/2020 15:37:18</t>
  </si>
  <si>
    <t>01/13/2020 15:40:17</t>
  </si>
  <si>
    <t>3036e4b2-db9b-4b30-83a4-9deab6da6e73.tmp</t>
  </si>
  <si>
    <t>\\acsfs\profiles$\layonmof\Downloads\3036e4b2-db9b-4b30-83a4-9deab6da6e73.tmp</t>
  </si>
  <si>
    <t>01/13/2020 15:37:31</t>
  </si>
  <si>
    <t>mail.google.com/mail/u/0/jserror?script=https://mail.google.com/mail/u/0/#inbox/fmfcgxwgckbbfsgjmwfpjqhsbbcfdqsl?projector=1&amp;messagepartid=0.1.0&amp;error=class$obf_1011: [/sync/u/0/i/bv] me: unsupported http status: 503&amp;line=not available&amp;txz=p</t>
  </si>
  <si>
    <t>01/13/2020 15:38:09</t>
  </si>
  <si>
    <t>01/13/2020 15:41:29</t>
  </si>
  <si>
    <t>cd00aaf3-d6ab-46f0-817f-aee89d972e69.tmp</t>
  </si>
  <si>
    <t>\\acsfs\profiles$\RAFAELRF\Downloads\cd00aaf3-d6ab-46f0-817f-aee89d972e69.tmp</t>
  </si>
  <si>
    <t>01/13/2020 15:38:26</t>
  </si>
  <si>
    <t>54be9e81-1bac-4adb-afd0-1f5693c180e9.tmp</t>
  </si>
  <si>
    <t>\\acsfs\profiles$\RAFAELRF\Downloads\54be9e81-1bac-4adb-afd0-1f5693c180e9.tmp</t>
  </si>
  <si>
    <t>01/13/2020 15:38:45</t>
  </si>
  <si>
    <t>f18abff5-1630-4826-ae2c-294ae138c850.tmp</t>
  </si>
  <si>
    <t>\\acsfs\profiles$\RAFAELRF\Downloads\f18abff5-1630-4826-ae2c-294ae138c850.tmp</t>
  </si>
  <si>
    <t>01/13/2020 15:39:01</t>
  </si>
  <si>
    <t>7a4471f3-860f-48fc-ad82-901b23ad5ce4.tmp</t>
  </si>
  <si>
    <t>\\acsfs\profiles$\RAFAELRF\Downloads\7a4471f3-860f-48fc-ad82-901b23ad5ce4.tmp</t>
  </si>
  <si>
    <t>01/13/2020 15:39:37</t>
  </si>
  <si>
    <t>1b6918ff-d374-47a8-97ed-6d78ea5e02fd.tmp</t>
  </si>
  <si>
    <t>\\acsfs\profiles$\RAFAELRF\Downloads\1b6918ff-d374-47a8-97ed-6d78ea5e02fd.tmp</t>
  </si>
  <si>
    <t>abacdd8e-96ae-45d5-a385-c2200980c8af.tmp</t>
  </si>
  <si>
    <t>\\acsfs\profiles$\gabrielamdp\Downloads\abacdd8e-96ae-45d5-a385-c2200980c8af.tmp</t>
  </si>
  <si>
    <t>01/13/2020 15:36:11</t>
  </si>
  <si>
    <t>mail.google.com/sync/u/0/i/s?hl=pt-BR&amp;c=999</t>
  </si>
  <si>
    <t>bvservicedesk@bancovotorantim.com.br;ricardodfm@algartech.com.br;</t>
  </si>
  <si>
    <t>bvservicedesk@bancovotorantim.com.br,ricardodfm@algartech.com.br</t>
  </si>
  <si>
    <t>01/13/2020 15:36:13</t>
  </si>
  <si>
    <t>mail.google.com/sync/u/0/i/s?hl=pt-BR&amp;c=1001</t>
  </si>
  <si>
    <t>01/13/2020 15:36:20</t>
  </si>
  <si>
    <t>mail.google.com/sync/u/0/i/s?hl=pt-BR&amp;c=1004</t>
  </si>
  <si>
    <t>mail.google.com/sync/u/0/i/s?hl=pt-BR&amp;c=1015</t>
  </si>
  <si>
    <t>01/13/2020 15:38:10</t>
  </si>
  <si>
    <t>01/13/2020 15:38:16</t>
  </si>
  <si>
    <t>mail.google.com/sync/u/0/i/s?hl=pt-BR&amp;c=1020</t>
  </si>
  <si>
    <t>01/13/2020 15:38:33</t>
  </si>
  <si>
    <t>mail.google.com/sync/u/0/i/s?hl=pt-BR&amp;c=1024</t>
  </si>
  <si>
    <t>01/13/2020 15:38:37</t>
  </si>
  <si>
    <t>mail.google.com/sync/u/0/i/s?hl=pt-BR&amp;c=1026</t>
  </si>
  <si>
    <t>01/13/2020 15:39:17</t>
  </si>
  <si>
    <t>mail.google.com/sync/u/0/i/s?hl=pt-BR&amp;c=1028</t>
  </si>
  <si>
    <t>01/13/2020 15:39:27</t>
  </si>
  <si>
    <t>mail.google.com/sync/u/0/i/s?hl=pt-BR&amp;c=1031</t>
  </si>
  <si>
    <t>01/13/2020 15:39:50</t>
  </si>
  <si>
    <t>mail.google.com/sync/u/0/i/s?hl=pt-BR&amp;c=1033</t>
  </si>
  <si>
    <t>01/13/2020 15:40:14</t>
  </si>
  <si>
    <t>mail.google.com/sync/u/0/i/s?hl=pt-BR&amp;c=1035</t>
  </si>
  <si>
    <t>01/13/2020 15:40:39</t>
  </si>
  <si>
    <t>mail.google.com/sync/u/0/i/s?hl=pt-BR&amp;c=1039</t>
  </si>
  <si>
    <t>01/13/2020 15:40:46</t>
  </si>
  <si>
    <t>mail.google.com/sync/u/0/i/s?hl=pt-BR&amp;c=1041</t>
  </si>
  <si>
    <t>01/13/2020 15:40:47</t>
  </si>
  <si>
    <t>mail.google.com/sync/u/0/i/s?hl=pt-BR&amp;c=1043</t>
  </si>
  <si>
    <t>01/13/2020 15:38:54</t>
  </si>
  <si>
    <t>MARCELLE WENDY DE LIMA_1_6777304504492688279_1_32.wav</t>
  </si>
  <si>
    <t>\\acsfs\Deptos\EDUCACAO EMPRESARIAL\KÉSIA\Ligações 2º ciclo - Janeiro 2020\MARCELLE WENDY DE LIMA_1_6777304504492688279_1_32.wav</t>
  </si>
  <si>
    <t>01/13/2020 15:39:44</t>
  </si>
  <si>
    <t>01/13/2020 15:42:29</t>
  </si>
  <si>
    <t>mail.google.com/mail/u/0/jserror?script=https://mail.google.com/mail/u/0/#inbox&amp;error=class$obf_1008: [/sync/u/0/i/s] me: unsupported http status: 503&amp;line=not available&amp;txz=p</t>
  </si>
  <si>
    <t>01/13/2020 15:39:46</t>
  </si>
  <si>
    <t>01/13/2020 15:39:55</t>
  </si>
  <si>
    <t>01/13/2020 15:40:02</t>
  </si>
  <si>
    <t>e299133e-2f75-4c20-b712-6051771c8d78;</t>
  </si>
  <si>
    <t>01/13/2020 15:40:03</t>
  </si>
  <si>
    <t>01/13/2020 15:40:05</t>
  </si>
  <si>
    <t>01/13/2020 15:40:16</t>
  </si>
  <si>
    <t>01/13/2020 15:40:20</t>
  </si>
  <si>
    <t>01/13/2020 15:40:32</t>
  </si>
  <si>
    <t>01/13/2020 15:40:35</t>
  </si>
  <si>
    <t>01/13/2020 15:40:51</t>
  </si>
  <si>
    <t>01/13/2020 15:40:57</t>
  </si>
  <si>
    <t>01/13/2020 15:40:59</t>
  </si>
  <si>
    <t>01/13/2020 15:41:16</t>
  </si>
  <si>
    <t>01/13/2020 15:38:05</t>
  </si>
  <si>
    <t>122c5ad5-0fa9-47fc-95c4-5448407a4d53.tmp</t>
  </si>
  <si>
    <t>\\acsfs\profiles$\adelvinsonle\Downloads\122c5ad5-0fa9-47fc-95c4-5448407a4d53.tmp</t>
  </si>
  <si>
    <t>01/13/2020 15:40:33</t>
  </si>
  <si>
    <t>740fb891-2dd6-48a5-8040-d205589b125e.tmp</t>
  </si>
  <si>
    <t>\\acsfs\profiles$\geovannasm\Downloads\740fb891-2dd6-48a5-8040-d205589b125e.tmp</t>
  </si>
  <si>
    <t>01/13/2020 15:41:24</t>
  </si>
  <si>
    <t>01/13/2020 15:43:29</t>
  </si>
  <si>
    <t>"languagecode":"pt-br";"requesttype":"background_request";"scenariotype;"timezone":"-03:00";#bco-inspetoria@bancovotorantim.com.br;0]l;142961685;1578940297233;35;[];[]]];ancestorhasaugmentedpermissions;atuima2v-l-r4mlrttnejldjmmcmtjqqdb_eo8phe2_wqj_y1ojumr1iabvw2ppblwocree42tuodgonxc9zyrpd_xfoykjevtevtwhy7y59ndrbaejlegewajwiplmm\";containsunsubscribedchildren;displayname;domain;emailaddress;ess"}}�;false;file(kind;fileid;filesize;hasthumbnail;hasvisitorpermissions;id;id);items(deleted;ken;kind;lastmodifyinguser(kind;lastviewedbymedate;modifiedbymedate;modifieddate;null;ontainsunsubscribedchildren;owners(kind;p";per;permissionid;picture;shared;sharedwithmedate;thumbnailversion;title;true]";userpermission(role);workspaceids;</t>
  </si>
  <si>
    <t>"languagecode":"pt-br","requesttype":"background_request","scenariotype,"timezone":"-03:00",#bco-inspetoria@bancovotorantim.com.br,0]l,142961685,1578940297233,35,[],[]]],ancestorhasaugmentedpermissions,atuima2v-l-r4mlrttnejldjmmcmtjqqdb_eo8phe2_wqj_y1ojumr1iabvw2ppblwocree42tuodgonxc9zyrpd_xfoykjevtevtwhy7y59ndrbaejlegewajwiplmm\",containsunsubscribedchildren,displayname,domain,emailaddress,ess"}}�,false,file(kind,fileid,filesize,hasthumbnail,hasvisitorpermissions,id,id),items(deleted,ken,kind,lastmodifyinguser(kind,lastviewedbymedate,modifiedbymedate,modifieddate,null,ontainsunsubscribedchildren,owners(kind,p",per,permissionid,picture,shared,sharedwithmedate,thumbnailversion,title,true]",userpermission(role),workspaceids</t>
  </si>
  <si>
    <t>01/13/2020 15:41:39</t>
  </si>
  <si>
    <t>#bco-inspetoria@bancovotorantim.com.br;flaviacno@algartech.com;gustavodsil@algartech.com;maristelavodq@bv.algartech.com;</t>
  </si>
  <si>
    <t>#bco-inspetoria@bancovotorantim.com.br,flaviacno@algartech.com,gustavodsil@algartech.com,maristelavodq@bv.algartech.com</t>
  </si>
  <si>
    <t>01/13/2020 15:41:51</t>
  </si>
  <si>
    <t>#bco-inspetoria@bancovotorantim.com.br;4repet0scaaaa4liaaaanmqf2kz44sg1npvhrp5ya-eah9mzpvg6kl9izriwjk97h6v_kcjh4sw2rf_itsulvo-3l6-wytsybqsmi4xv23fkeay8qmocdpcm6u6mkhgpg1ycp4mktrb_yi4ruhaswq2li4w3ybymavyxxvltnranpmk;</t>
  </si>
  <si>
    <t>#bco-inspetoria@bancovotorantim.com.br,4repet0scaaaa4liaaaanmqf2kz44sg1npvhrp5ya-eah9mzpvg6kl9izriwjk97h6v_kcjh4sw2rf_itsulvo-3l6-wytsybqsmi4xv23fkeay8qmocdpcm6u6mkhgpg1ycp4mktrb_yi4ruhaswq2li4w3ybymavyxxvltnranpmk</t>
  </si>
  <si>
    <t>01/13/2020 15:41:58</t>
  </si>
  <si>
    <t>01/13/2020 15:42:03</t>
  </si>
  <si>
    <t>mail.google.com/sync/u/0/i/s?hl=pt-BR&amp;c=1023</t>
  </si>
  <si>
    <t>01/13/2020 15:42:05</t>
  </si>
  <si>
    <t>01/13/2020 15:42:14</t>
  </si>
  <si>
    <t>0]rializab'i� pp;0]�&gt; 39;142961685;1578932472947;1578940899286;37;9;[];[]]];andrelpsa@algartech.com;atuima2v-l-r4mlrttnejldjmmcmtjqqdb_eo8phe2_wqj_y1ojumr1iabvw2ppblwocree42tuodgonxc9zyhvd_xfobdqaohtd6nhrws-0tlvuhqmo_hq2bynvqmoi\";atuima2v-l-r4mlrttnejldjmmcmtjqqdb_eo8phe2_wqj_y1ojumr1iabvw2ppblwocree42tuodgonxc9zyqvd_xfmxskzzowyihtcd9n55i4agig3jz4oqjptu1m8\";false;null;supervisaobancovotorantim@algartech.com;true]";</t>
  </si>
  <si>
    <t>0]rializab'i� pp,0]�&gt; 39,142961685,1578932472947,1578940899286,37,9,[],[]]],andrelpsa@algartech.com,atuima2v-l-r4mlrttnejldjmmcmtjqqdb_eo8phe2_wqj_y1ojumr1iabvw2ppblwocree42tuodgonxc9zyhvd_xfobdqaohtd6nhrws-0tlvuhqmo_hq2bynvqmoi\",atuima2v-l-r4mlrttnejldjmmcmtjqqdb_eo8phe2_wqj_y1ojumr1iabvw2ppblwocree42tuodgonxc9zyqvd_xfmxskzzowyihtcd9n55i4agig3jz4oqjptu1m8\",false,null,supervisaobancovotorantim@algartech.com,true]"</t>
  </si>
  <si>
    <t>01/13/2020 15:42:21</t>
  </si>
  <si>
    <t>mail.google.com/sync/u/0/i/s?hl=pt-BR&amp;c=1038</t>
  </si>
  <si>
    <t>#bco-inspetoria@bancovotorantim.com.br;andrelpsa@algartech.com;flaviacno@algartech.com;gustavodsil@algartech.com;maristelavodq@bv.algartech.com;supervisaobancovotorantim@algartech.com;</t>
  </si>
  <si>
    <t>#bco-inspetoria@bancovotorantim.com.br,andrelpsa@algartech.com,flaviacno@algartech.com,gustavodsil@algartech.com,maristelavodq@bv.algartech.com,supervisaobancovotorantim@algartech.com</t>
  </si>
  <si>
    <t>01/13/2020 15:38:48</t>
  </si>
  <si>
    <t>http://browser.pipe.aria.microsoft.com/collector/3.0/?qsp=true&amp;content-type=application/bond-compact-binary&amp;client-id=no_auth&amp;sdk-version=awt-web-js-1.8.1&amp;x-apikey=a387cfcf60114a43a7699f9fbb49289e-9bceb9fe-1c06-460f-96c5-6a0b247358bc-7238,708a9eb9fe2646fe8f4c37b7eee2e3da-9b97485a-57b9-43a8-8177-07ca7a653a30-6706,8025e5036b77483783612070662d3127-d2fcc34c-3b1d-4fdd-8759-7d2b573371c8-6859&amp;client-time-epoch-millis=1578899994065&amp;time-delta-to-apply-millis=-17</t>
  </si>
  <si>
    <t>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http://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http:///batch?%24ct=multipart%2Fmixed%3B%20boundary%3D%22%3D%3D%3D%3D%3Dwxfejawzjcd3%3D%3D%3D%3D%3D%22&amp;key=AIzaSyAy9VVXHSpS2IJpptzYtGbLP3-3_l0aBk4</t>
  </si>
  <si>
    <t>containsunsubscribedchildren;displayname;domain;emailaddress;filesize;hasvisitorpermissions;id);items(kind;ken;lastmodifyinguser(kind;lastviewedbymedate;modifiedbymedate;modifieddate;ontainsunsubscribedchildren;owners(kind;permissionid;picture;picture�;workspaceids;</t>
  </si>
  <si>
    <t>http://containsunsubscribedchildren,displayname,domain,emailaddress,filesize,hasvisitorpermissions,id),items(kind,ken,lastmodifyinguser(kind,lastviewedbymedate,modifiedbymedate,modifieddate,ontainsunsubscribedchildren,owners(kind,permissionid,picture,picture�,workspaceids</t>
  </si>
  <si>
    <t>01/13/2020 15:44:30</t>
  </si>
  <si>
    <t>01/13/2020 15:38:55</t>
  </si>
  <si>
    <t>http:///batch?%24ct=multipart%2Fmixed%3B%20boundary%3D%22%3D%3D%3D%3D%3D5n1kd12123mh%3D%3D%3D%3D%3D%22&amp;key=AIzaSyAy9VVXHSpS2IJpptzYtGbLP3-3_l0aBk4</t>
  </si>
  <si>
    <t>containsunsubscribedchildren;displayname;domain;emailaddress;filesize;hasvisitorpermissions;id);items(kind;ken;lastmodifyinguser(kind;lastviewedbymedate;modifiedbymedate;modifieddate;ontainsunsubscribedchildren;owners(kind;permiss;permissionid;picture;picture�;rpermissions;workspaceids;</t>
  </si>
  <si>
    <t>http://containsunsubscribedchildren,displayname,domain,emailaddress,filesize,hasvisitorpermissions,id),items(kind,ken,lastmodifyinguser(kind,lastviewedbymedate,modifiedbymedate,modifieddate,ontainsunsubscribedchildren,owners(kind,permiss,permissionid,picture,picture�,rpermissions,workspaceids</t>
  </si>
  <si>
    <t>http:///batch?%24ct=multipart%2Fmixed%3B%20boundary%3D%22%3D%3D%3D%3D%3Dqnowypcrb43l%3D%3D%3D%3D%3D%22&amp;key=AIzaSyAy9VVXHSpS2IJpptzYtGbLP3-3_l0aBk4</t>
  </si>
  <si>
    <t>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id;picture;picture�;rpermissions;shared;sharedwithmedate;thumbnailversion;title;userpermission(role);workspaceids;</t>
  </si>
  <si>
    <t>http://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id,picture,picture�,rpermissions,shared,sharedwithmedate,thumbnailversion,title,userpermission(role),workspaceids</t>
  </si>
  <si>
    <t>01/13/2020 15:39:14</t>
  </si>
  <si>
    <t>http:///batch?%24ct=multipart%2Fmixed%3B%20boundary%3D%22%3D%3D%3D%3D%3Dau2ordnlwjv8%3D%3D%3D%3D%3D%22&amp;key=AIzaSyAy9VVXHSpS2IJpptzYtGbLP3-3_l0aBk4</t>
  </si>
  <si>
    <t>01/13/2020 15:39:15</t>
  </si>
  <si>
    <t>http:///batch?%24ct=multipart%2Fmixed%3B%20boundary%3D%22%3D%3D%3D%3D%3Drxxggis8feut%3D%3D%3D%3D%3D%22&amp;key=AIzaSyAy9VVXHSpS2IJpptzYtGbLP3-3_l0aBk4</t>
  </si>
  <si>
    <t>01/13/2020 15:39:16</t>
  </si>
  <si>
    <t>http:///batch?%24ct=multipart%2Fmixed%3B%20boundary%3D%22%3D%3D%3D%3D%3D78ovihl62ux7%3D%3D%3D%3D%3D%22&amp;key=AIzaSyAy9VVXHSpS2IJpptzYtGbLP3-3_l0aBk4</t>
  </si>
  <si>
    <t>01/13/2020 15:41:36</t>
  </si>
  <si>
    <t>http:///batch?%24ct=multipart%2Fmixed%3B%20boundary%3D%22%3D%3D%3D%3D%3Dted72rv72cy5%3D%3D%3D%3D%3D%22&amp;key=AIzaSyAy9VVXHSpS2IJpptzYtGbLP3-3_l0aBk4</t>
  </si>
  <si>
    <t>01/13/2020 15:41:37</t>
  </si>
  <si>
    <t>http:///batch?%24ct=multipart%2Fmixed%3B%20boundary%3D%22%3D%3D%3D%3D%3Dpvcieu6fb7bq%3D%3D%3D%3D%3D%22&amp;key=AIzaSyAy9VVXHSpS2IJpptzYtGbLP3-3_l0aBk4</t>
  </si>
  <si>
    <t>01/13/2020 15:41:38</t>
  </si>
  <si>
    <t>http:///batch?%24ct=multipart%2Fmixed%3B%20boundary%3D%22%3D%3D%3D%3D%3Dyg5vpv7s8tp3%3D%3D%3D%3D%3D%22&amp;key=AIzaSyAy9VVXHSpS2IJpptzYtGbLP3-3_l0aBk4</t>
  </si>
  <si>
    <t>01/13/2020 15:40:52</t>
  </si>
  <si>
    <t>01/13/2020 15:40:53</t>
  </si>
  <si>
    <t>01/13/2020 15:40:54</t>
  </si>
  <si>
    <t>01/13/2020 15:40:55</t>
  </si>
  <si>
    <t>01/13/2020 15:45:29</t>
  </si>
  <si>
    <t>01/13/2020 15:46:29</t>
  </si>
  <si>
    <t>01/13/2020 15:40:56</t>
  </si>
  <si>
    <t>46c31d13-0896-468a-b754-3a1043c187dc.tmp</t>
  </si>
  <si>
    <t>\\acsfs\profiles$\RAFAELRF\Downloads\46c31d13-0896-468a-b754-3a1043c187dc.tmp</t>
  </si>
  <si>
    <t>01/13/2020 15:44:31</t>
  </si>
  <si>
    <t>308c16e3-338b-47d3-abe6-b0aec8ac6cde.tmp</t>
  </si>
  <si>
    <t>\\acsfs\profiles$\RAFAELRF\Downloads\308c16e3-338b-47d3-abe6-b0aec8ac6cde.tmp</t>
  </si>
  <si>
    <t>01/13/2020 15:41:49</t>
  </si>
  <si>
    <t>01/13/2020 15:47:30</t>
  </si>
  <si>
    <t>01/13/2020 15:41:53</t>
  </si>
  <si>
    <t>01/13/2020 15:42:18</t>
  </si>
  <si>
    <t>01/13/2020 15:42:37</t>
  </si>
  <si>
    <t>01/13/2020 15:43:36</t>
  </si>
  <si>
    <t>01/13/2020 15:43:43</t>
  </si>
  <si>
    <t>01/13/2020 15:43:50</t>
  </si>
  <si>
    <t>01/13/2020 15:44:03</t>
  </si>
  <si>
    <t>mail.google.com/mail/u/0/jserror?script=https://mail.google.com/mail/u/0/#inbox&amp;error=class$obf_1008: [/sync/u/0/el2] jq: unauthorized&amp;line=not available&amp;txz=p</t>
  </si>
  <si>
    <t>01/13/2020 15:42:44</t>
  </si>
  <si>
    <t>\\acsfs\profiles$\flaviacdst\Favorites\Início - 1.url\</t>
  </si>
  <si>
    <t>\\acsfs\profiles$\flaviacdst\Favorites\Início - 1.url\:favicon:$DATA</t>
  </si>
  <si>
    <t>Início - 1.url</t>
  </si>
  <si>
    <t>\\acsfs\profiles$\flaviacdst\Favorites\Início - 1.url</t>
  </si>
  <si>
    <t>01/13/2020 15:48:29</t>
  </si>
  <si>
    <t>01/13/2020 15:42:39</t>
  </si>
  <si>
    <t>mail.google.com/sync/u/0/i/s?hl=pt-BR&amp;c=1054</t>
  </si>
  <si>
    <t>"languagecode":"pt-br";"requesttype":"background_request";"scenariotype;"timezone":"-03:00";358&amp;i=66&amp;ai=mail:o.ebdc.139.1/s:v=2&amp;a=lc&amp;sv=cv&amp;ev=di&amp;t=101.985107421875&amp;i=8.985107421875&amp;ai=mail:lc.ebdc.140.0/s:v=2&amp;a=re&amp;sv=di&amp;ev=di&amp;t=103&amp;i=80&amp;ai=mail:re.ebdc.141.0/s:v=2&amp;a=o&amp;sv=di&amp;ev=cv&amp;t=152&amp;i=87&amp;ai=mail:o.ebdc.142.0/s:v=2&amp;a=lc&amp;sv=cv&amp;ev=di&amp;t=117.955078125&amp;i=17.955078125&amp;ai=mail:lc.ebdc.143.0/s:v=2&amp;a=re&amp;sv=di&amp;ev=di&amp;t=162&amp;i=139&amp;ai=mail:re.ebdc.144.0/s:v=2&amp;a=o&amp;sv=di&amp;ev=cv&amp;t=184&amp;i=62&amp;ai=mail:o.ebdc.145.1/s:v=2&amp;a=lc&amp;sv=cv&amp;ev=di&amp;t=106.97998046875&amp;i=10.97998046875&amp;ai=mail:lc.ebdc.146.0;andrelpsa@algartech.com;ess"}};p";supervisaobancovotorantim@algartech.com;</t>
  </si>
  <si>
    <t>"languagecode":"pt-br","requesttype":"background_request","scenariotype,"timezone":"-03:00",358&amp;i=66&amp;ai=mail:o.ebdc.139.1/s:v=2&amp;a=lc&amp;sv=cv&amp;ev=di&amp;t=101.985107421875&amp;i=8.985107421875&amp;ai=mail:lc.ebdc.140.0/s:v=2&amp;a=re&amp;sv=di&amp;ev=di&amp;t=103&amp;i=80&amp;ai=mail:re.ebdc.141.0/s:v=2&amp;a=o&amp;sv=di&amp;ev=cv&amp;t=152&amp;i=87&amp;ai=mail:o.ebdc.142.0/s:v=2&amp;a=lc&amp;sv=cv&amp;ev=di&amp;t=117.955078125&amp;i=17.955078125&amp;ai=mail:lc.ebdc.143.0/s:v=2&amp;a=re&amp;sv=di&amp;ev=di&amp;t=162&amp;i=139&amp;ai=mail:re.ebdc.144.0/s:v=2&amp;a=o&amp;sv=di&amp;ev=cv&amp;t=184&amp;i=62&amp;ai=mail:o.ebdc.145.1/s:v=2&amp;a=lc&amp;sv=cv&amp;ev=di&amp;t=106.97998046875&amp;i=10.97998046875&amp;ai=mail:lc.ebdc.146.0,andrelpsa@algartech.com,ess"}},p",supervisaobancovotorantim@algartech.com</t>
  </si>
  <si>
    <t>01/13/2020 15:43:00</t>
  </si>
  <si>
    <t>mail.google.com/sync/u/0/i/s?hl=pt-BR&amp;c=1071</t>
  </si>
  <si>
    <t>0]ll;13/01/2020;142961685;1578931268841;5;[];[]]];andrelpsa@algartech.com;atuima2v-l-r4mlrttnejldjmmcmtjqqdb_eo8phe2_wqj_y1ojumr1iabvw2ppblwocree42tuodgonxc9zyivd_xfpqawwfk-djhhoaw8xisktehnirbxymmss-bbe\";false;null;supervisaobancovotorantim@algartech.com;true]";</t>
  </si>
  <si>
    <t>0]ll,13/01/2020,142961685,1578931268841,5,[],[]]],andrelpsa@algartech.com,atuima2v-l-r4mlrttnejldjmmcmtjqqdb_eo8phe2_wqj_y1ojumr1iabvw2ppblwocree42tuodgonxc9zyivd_xfpqawwfk-djhhoaw8xisktehnirbxymmss-bbe\",false,null,supervisaobancovotorantim@algartech.com,true]"</t>
  </si>
  <si>
    <t>01/13/2020 15:43:01</t>
  </si>
  <si>
    <t>01/13/2020 15:45:39</t>
  </si>
  <si>
    <t>0]_x0003_8_x0007_1833�o� 99;13;142961685;1578933676053;4repet0scaaaa4liaaaajmqf2kz44sg1npvhrp5ya-eah9mzpvg6kl9izriwjk97h6v_kcjh4sw2rf_itsulvo-3l6-wytsybqsmi4xv23fkeay8qmocdpcm6u6mkhgpg1ycp4mktrb_yi4ruhaswq2li4w3ybymavyxxvltnranpmk;5rlbr5=====;[];[]]];ancestorhasaugmentedpermissions;andrelpsa@algartech.com;atuima2v-l-r4mlrttnejldjmmcmtjqqdb_eo8phe2_wqj_y1ojumr1iabvw2ppblwocree42tuodgonxc9zygvd_xfo4jjb0ynwwbgvglbfambcnxjxja8z9tfhl5ay\";cc5rlbr5===;containsunsubscribedchildren;displayname;domain;emailaddress;false;file(kind;fileid;filesize;hasthumbnail;hasvisitorpermissions;id;id);items(deleted;items(kind;ken;kind;lastmodifyinguser(kind;lastviewedbymedate;modifiedbymedate;modifieddate;null;ontainsunsubscribedchildren;owners(kind;per;permiss;permission;permissionid;picture;rpermissions;shared;sharedwithmedate;supervisaobancovotorantim@algartech.com;thumbnailversion;title;true]";userpermission(role);workspaceids;</t>
  </si>
  <si>
    <t>0]_x0003_8_x0007_1833�o� 99,13,142961685,1578933676053,4repet0scaaaa4liaaaajmqf2kz44sg1npvhrp5ya-eah9mzpvg6kl9izriwjk97h6v_kcjh4sw2rf_itsulvo-3l6-wytsybqsmi4xv23fkeay8qmocdpcm6u6mkhgpg1ycp4mktrb_yi4ruhaswq2li4w3ybymavyxxvltnranpmk,5rlbr5===== ,[],[]]],ancestorhasaugmentedpermissions,andrelpsa@algartech.com,atuima2v-l-r4mlrttnejldjmmcmtjqqdb_eo8phe2_wqj_y1ojumr1iabvw2ppblwocree42tuodgonxc9zygvd_xfo4jjb0ynwwbgvglbfambcnxjxja8z9tfhl5ay\",cc5rlbr5===,containsunsubscribedchildren,displayname,domain,emailaddress,false,file(kind,fileid,filesize,hasthumbnail,hasvisitorpermissions,id,id),items(deleted,items(kind,ken,kind,lastmodifyinguser(kind,lastviewedbymedate,modifiedbymedate,modifieddate,null,ontainsunsubscribedchildren,owners(kind,per,permiss,permission,permissionid,picture,rpermissions,shared,sharedwithmedate,supervisaobancovotorantim@algartech.com,thumbnailversion,title,true]",userpermission(role),workspaceids</t>
  </si>
  <si>
    <t>01/13/2020 15:44:14</t>
  </si>
  <si>
    <t>984a1062-b1d4-4e6c-b258-ffb3b7a33a3d.tmp</t>
  </si>
  <si>
    <t>\\acsfs\profiles$\francislayneads\Downloads\984a1062-b1d4-4e6c-b258-ffb3b7a33a3d.tmp</t>
  </si>
  <si>
    <t>01/13/2020 15:49:30</t>
  </si>
  <si>
    <t>01/13/2020 15:48:49</t>
  </si>
  <si>
    <t>10.200.67.107</t>
  </si>
  <si>
    <t>D0-94-66-B5-80-0D</t>
  </si>
  <si>
    <t>VOTORANT-RB020</t>
  </si>
  <si>
    <t>01/13/2020 15:48:43</t>
  </si>
  <si>
    <t>andressamf</t>
  </si>
  <si>
    <t>\\acsfs\profiles$\andressamf\Downloads\</t>
  </si>
  <si>
    <t>27c862d1-f9ba-421e-a5fa-5d8aa0a8547a.tmp</t>
  </si>
  <si>
    <t>\\acsfs\profiles$\andressamf\Downloads\27c862d1-f9ba-421e-a5fa-5d8aa0a8547a.tmp</t>
  </si>
  <si>
    <t>01/13/2020 15:43:13</t>
  </si>
  <si>
    <t>\\acsfs\profiles$\vanessacgs\My Documents\xworkcenter\logs\</t>
  </si>
  <si>
    <t>XLOG_vanessacgs_13012020_081555.log</t>
  </si>
  <si>
    <t>\\acsfs\profiles$\vanessacgs\My Documents\xworkcenter\logs\XLOG_vanessacgs_13012020_081555.log</t>
  </si>
  <si>
    <t>01/13/2020 15:43:14</t>
  </si>
  <si>
    <t>\\acsfs\profiles$\vanessacgs\Documents\</t>
  </si>
  <si>
    <t>pastass.txt</t>
  </si>
  <si>
    <t>\\acsfs\profiles$\vanessacgs\Documents\pastass.txt</t>
  </si>
  <si>
    <t>01/13/2020 15:47:25</t>
  </si>
  <si>
    <t>01/13/2020 15:50:30</t>
  </si>
  <si>
    <t>mail.google.com/mail/u/0/jserror?script=https://mail.google.com/mail/u/0/#inbox&amp;error=class$obf_1011: [/sync/u/0/i/bv] me: unsupported http status: 503&amp;line=not available&amp;txz=p</t>
  </si>
  <si>
    <t>01/13/2020 15:48:10</t>
  </si>
  <si>
    <t>01/13/2020 15:51:29</t>
  </si>
  <si>
    <t>PEDRO HENRIQUE ALMEIDA BATISTA_1_6777351706183281793_1_32.wav</t>
  </si>
  <si>
    <t>\\acsfs\Deptos\EDUCACAO EMPRESARIAL\KÉSIA\Ligações 2º ciclo - Janeiro 2020\PEDRO HENRIQUE ALMEIDA BATISTA_1_6777351706183281793_1_32.wav</t>
  </si>
  <si>
    <t>01/13/2020 15:46:17</t>
  </si>
  <si>
    <t>7d3b8b9b-ee99-4764-9641-e7231dcc02d0.tmp</t>
  </si>
  <si>
    <t>\\acsfs\profiles$\fabianafv\Downloads\7d3b8b9b-ee99-4764-9641-e7231dcc02d0.tmp</t>
  </si>
  <si>
    <t>01/13/2020 15:52:30</t>
  </si>
  <si>
    <t>01/13/2020 15:51:14</t>
  </si>
  <si>
    <t>23441445-21dd-4650-b25f-7c7013e07f83.tmp</t>
  </si>
  <si>
    <t>\\acsfs\profiles$\brunalas\Downloads\23441445-21dd-4650-b25f-7c7013e07f83.tmp</t>
  </si>
  <si>
    <t>01/13/2020 15:51:02</t>
  </si>
  <si>
    <t>01/13/2020 15:53:29</t>
  </si>
  <si>
    <t>mail.google.com/sync/u/0/i/s?hl=pt-BR&amp;c=1123</t>
  </si>
  <si>
    <t>0]gc606;0]ll;142961685;1578932171927;1578941200313;38;8;[];[]]];andrelpsa@algartech.com;atuima2v-l-r4mlrttnejldjmmcmtjqqdb_eo8phe2_wqj_y1ojumr1iabvw2ppblwocree42tuodgonxc9zyh_d_xfps-jqqezf1j4drdoqy4aopcsgislg3yr1m0xs\";atuima2v-l-r4mlrttnejldjmmcmtjqqdb_eo8phe2_wqj_y1ojumr1iabvw2ppblwocree42tuodgonxc9zyqfd_xfodknqqomxix3tbfvik1pqdclfjshtlhqkvquq\";false;null;true]";</t>
  </si>
  <si>
    <t>0]gc606,0]ll,142961685,1578932171927,1578941200313,38,8,[],[]]],andrelpsa@algartech.com,atuima2v-l-r4mlrttnejldjmmcmtjqqdb_eo8phe2_wqj_y1ojumr1iabvw2ppblwocree42tuodgonxc9zyh_d_xfps-jqqezf1j4drdoqy4aopcsgislg3yr1m0xs\",atuima2v-l-r4mlrttnejldjmmcmtjqqdb_eo8phe2_wqj_y1ojumr1iabvw2ppblwocree42tuodgonxc9zyqfd_xfodknqqomxix3tbfvik1pqdclfjshtlhqkvquq\",false,null,true]"</t>
  </si>
  <si>
    <t>01/13/2020 15:53:02</t>
  </si>
  <si>
    <t>http:///batch?%24ct=multipart%2Fmixed%3B%20boundary%3D%22%3D%3D%3D%3D%3Dcxm0pgzcwqig%3D%3D%3D%3D%3D%22&amp;key=AIzaSyAy9VVXHSpS2IJpptzYtGbLP3-3_l0aBk4</t>
  </si>
  <si>
    <t>0]0]0];0]l;1;1578940729873;708385187;[];[]]];ancestorhasaugmentedpermissions;containsunsubscribedchildren;displayname;domain;emailaddress;false;file(kind;fileid;filesize;hasthumbnail;hasvisitorpermissions;id;id);items(deleted;iwagbqyq5_cmqlzbanwpacqolgbymbrky1hyw9wzwbrqebiph8iqz-_-nea8ajk3cl1u6dhazrweuy4acpn1lbxov-fxfxs7u6fxlrrmewru5fr4fy8cuk8t73sxehkspjr8dpf1-v_6eyefdj_s5ctm3pd-_i4y3cnuoucl3oesbl-jzrepmlegk3fjkfotz9m38lw8caruuoynsmx2_wbarbdq-7cd4qo\";ken;kind;lastmodifyinguser(kind;lastviewedbymedate;modifiedbymedate;modifieddate;null;ontainsunsubscribedchildren;owners(kind;per;permissionid;picture;shared;sharedwithmedate;thumbnailversion;title;true]";userpermission(role);workspaceids;</t>
  </si>
  <si>
    <t>http://0]0]0],0]l,1,1578940729873,708385187,[],[]]],ancestorhasaugmentedpermissions,containsunsubscribedchildren,displayname,domain,emailaddress,false,file(kind,fileid,filesize,hasthumbnail,hasvisitorpermissions,id,id),items(deleted,iwagbqyq5_cmqlzbanwpacqolgbymbrky1hyw9wzwbrqebiph8iqz-_-nea8ajk3cl1u6dhazrweuy4acpn1lbxov-fxfxs7u6fxlrrmewru5fr4fy8cuk8t73sxehkspjr8dpf1-v_6eyefdj_s5ctm3pd-_i4y3cnuoucl3oesbl-jzrepmlegk3fjkfotz9m38lw8caruuoynsmx2_wbarbdq-7cd4qo\",ken,kind,lastmodifyinguser(kind,lastviewedbymedate,modifiedbymedate,modifieddate,null,ontainsunsubscribedchildren,owners(kind,per,permissionid,picture,shared,sharedwithmedate,thumbnailversion,title,true]",userpermission(role),workspaceids</t>
  </si>
  <si>
    <t>01/13/2020 15:53:03</t>
  </si>
  <si>
    <t>http:///batch?%24ct=multipart%2Fmixed%3B%20boundary%3D%22%3D%3D%3D%3D%3Drjhecavn6icq%3D%3D%3D%3D%3D%22&amp;key=AIzaSyAy9VVXHSpS2IJpptzYtGbLP3-3_l0aBk4</t>
  </si>
  <si>
    <t>01/13/2020 15:53:04</t>
  </si>
  <si>
    <t>http:///batch?%24ct=multipart%2Fmixed%3B%20boundary%3D%22%3D%3D%3D%3D%3D1mc8lyps02vv%3D%3D%3D%3D%3D%22&amp;key=AIzaSyAy9VVXHSpS2IJpptzYtGbLP3-3_l0aBk4</t>
  </si>
  <si>
    <t>01/13/2020 15:52:11</t>
  </si>
  <si>
    <t>65c1fe71-c689-422c-a469-e168c5f5324e.tmp</t>
  </si>
  <si>
    <t>\\acsfs\profiles$\regisedsj\Downloads\65c1fe71-c689-422c-a469-e168c5f5324e.tmp</t>
  </si>
  <si>
    <t>01/13/2020 15:52:25</t>
  </si>
  <si>
    <t>23c2cc78-d909-4061-b666-c304e7cabebe.tmp</t>
  </si>
  <si>
    <t>\\acsfs\profiles$\regisedsj\Downloads\23c2cc78-d909-4061-b666-c304e7cabebe.tmp</t>
  </si>
  <si>
    <t>01/13/2020 15:49:05</t>
  </si>
  <si>
    <t>01/13/2020 15:54:30</t>
  </si>
  <si>
    <t>01/13/2020 15:49:34</t>
  </si>
  <si>
    <t>01/13/2020 15:49:39</t>
  </si>
  <si>
    <t>01/13/2020 15:50:07</t>
  </si>
  <si>
    <t>01/13/2020 15:50:13</t>
  </si>
  <si>
    <t>01/13/2020 15:50:52</t>
  </si>
  <si>
    <t>01/13/2020 15:50:06</t>
  </si>
  <si>
    <t>dadc5e74-4817-4d02-a36c-5b92a47b93a3.tmp</t>
  </si>
  <si>
    <t>\\acsfs\profiles$\andressamf\Downloads\dadc5e74-4817-4d02-a36c-5b92a47b93a3.tmp</t>
  </si>
  <si>
    <t>01/13/2020 15:49:57</t>
  </si>
  <si>
    <t>01/13/2020 15:55:30</t>
  </si>
  <si>
    <t>a0778d7c-0344-4857-b757-4ac3af25441b.tmp</t>
  </si>
  <si>
    <t>\\acsfs\profiles$\myllenardl\Downloads\a0778d7c-0344-4857-b757-4ac3af25441b.tmp</t>
  </si>
  <si>
    <t>01/13/2020 15:50:20</t>
  </si>
  <si>
    <t>7a3465fd-d749-4599-b866-9b57d521596b.tmp</t>
  </si>
  <si>
    <t>\\acsfs\profiles$\henriqueco\Downloads\7a3465fd-d749-4599-b866-9b57d521596b.tmp</t>
  </si>
  <si>
    <t>01/13/2020 15:50:34</t>
  </si>
  <si>
    <t>01/13/2020 15:56:29</t>
  </si>
  <si>
    <t>cf32c7d4-2b54-4385-ac95-866108515772.tmp</t>
  </si>
  <si>
    <t>\\acsfs\profiles$\taylaedoa\Downloads\cf32c7d4-2b54-4385-ac95-866108515772.tmp</t>
  </si>
  <si>
    <t>01/13/2020 15:52:08</t>
  </si>
  <si>
    <t>ea4edad5-fe22-46f4-90cc-79024df4168f.tmp</t>
  </si>
  <si>
    <t>\\acsfs\profiles$\brendadsl\Downloads\ea4edad5-fe22-46f4-90cc-79024df4168f.tmp</t>
  </si>
  <si>
    <t>01/13/2020 15:53:24</t>
  </si>
  <si>
    <t>e3f68702-4a9a-4da0-877d-6969801ecf1c.tmp</t>
  </si>
  <si>
    <t>\\acsfs\profiles$\brendadsl\Downloads\e3f68702-4a9a-4da0-877d-6969801ecf1c.tmp</t>
  </si>
  <si>
    <t>01/13/2020 15:54:51</t>
  </si>
  <si>
    <t>74bbff78-417b-45fd-aa24-962d8d65e4f1.tmp</t>
  </si>
  <si>
    <t>\\acsfs\profiles$\brendadsl\Downloads\74bbff78-417b-45fd-aa24-962d8d65e4f1.tmp</t>
  </si>
  <si>
    <t>01/13/2020 15:52:16</t>
  </si>
  <si>
    <t>mail.google.com/sync/u/0/i/s?hl=pt-BR&amp;c=1055</t>
  </si>
  <si>
    <t>01/13/2020 15:52:26</t>
  </si>
  <si>
    <t>mail.google.com/sync/u/0/i/s?hl=pt-BR&amp;c=1058</t>
  </si>
  <si>
    <t>cpc-controldeskavon@algartech.com;joseasn@algartech.com;viniciussg@algartech.com;</t>
  </si>
  <si>
    <t>cpc-controldeskavon@algartech.com,joseasn@algartech.com,viniciussg@algartech.com</t>
  </si>
  <si>
    <t>01/13/2020 15:53:05</t>
  </si>
  <si>
    <t>01/13/2020 15:53:09</t>
  </si>
  <si>
    <t>mail.google.com/sync/u/0/i/s?hl=pt-BR&amp;c=1075</t>
  </si>
  <si>
    <t>bvservicedesk@bancovotorantim.com.br;cpc-controldeskavon@algartech.com;joseasn@algartech.com;ricardodfm@algartech.com.br;viniciussg@algartech.com;</t>
  </si>
  <si>
    <t>bvservicedesk@bancovotorantim.com.br,cpc-controldeskavon@algartech.com,joseasn@algartech.com,ricardodfm@algartech.com.br,viniciussg@algartech.com</t>
  </si>
  <si>
    <t>01/13/2020 15:53:12</t>
  </si>
  <si>
    <t>01/13/2020 15:53:17</t>
  </si>
  <si>
    <t>mail.google.com/sync/u/0/i/s?hl=pt-BR&amp;c=1085</t>
  </si>
  <si>
    <t>01/13/2020 15:54:24</t>
  </si>
  <si>
    <t>mail.google.com/sync/u/0/i/s?hl=pt-BR&amp;c=1091</t>
  </si>
  <si>
    <t>01/13/2020 15:53:08</t>
  </si>
  <si>
    <t>01/13/2020 15:57:30</t>
  </si>
  <si>
    <t>lu16208215ihh.tmp</t>
  </si>
  <si>
    <t>\\acsfs\profiles$\victoriaksr\My Documents\lu16208215ihh.tmp</t>
  </si>
  <si>
    <t>01/13/2020 15:55:23</t>
  </si>
  <si>
    <t>a45f73fb-a766-4174-8cd1-e5dd411bb3e3.tmp</t>
  </si>
  <si>
    <t>\\acsfs\profiles$\brunalas\Downloads\a45f73fb-a766-4174-8cd1-e5dd411bb3e3.tmp</t>
  </si>
  <si>
    <t>01/13/2020 15:56:26</t>
  </si>
  <si>
    <t>0cc35a88-ab15-4233-90e0-78a696529ec1.tmp</t>
  </si>
  <si>
    <t>\\acsfs\profiles$\ayalabfi\Downloads\0cc35a88-ab15-4233-90e0-78a696529ec1.tmp</t>
  </si>
  <si>
    <t>01/13/2020 15:53:18</t>
  </si>
  <si>
    <t>01/13/2020 15:58:29</t>
  </si>
  <si>
    <t>mail.google.com/sync/u/0/i/s?hl=pt-BR&amp;c=1146</t>
  </si>
  <si>
    <t>0]gc606;0]ll;142961685;1578932171927;1578941200313;1578941501336;38;39;8;[];[]]];andrelpsa@algartech.com;atuima2v-l-r4mlrttnejldjmmcmtjqqdb_eo8phe2_wqj_y1ojumr1iabvw2ppblwocree42tuodgonxc9zyh_d_xfps-jqqezf1j4drdoqy4aopcsgislg3yr1m0xs\";atuima2v-l-r4mlrttnejldjmmcmtjqqdb_eo8phe2_wqj_y1ojumr1iabvw2ppblwocree42tuodgonxc9zyqfd_xfodknqqomxix3tbfvik1pqdclfjshtlhqkvquq\";atuima2v-l-r4mlrttnejldjmmcmtjqqdb_eo8phe2_wqj_y1ojumr1iabvw2ppblwocree42tuodgonxc9zyqpd_xfnlmnetjjmyemkeg_xx_9cdgewsn9zyqph26fk\";false;null;true]";</t>
  </si>
  <si>
    <t>0]gc606,0]ll,142961685,1578932171927,1578941200313,1578941501336,38,39,8,[],[]]],andrelpsa@algartech.com,atuima2v-l-r4mlrttnejldjmmcmtjqqdb_eo8phe2_wqj_y1ojumr1iabvw2ppblwocree42tuodgonxc9zyh_d_xfps-jqqezf1j4drdoqy4aopcsgislg3yr1m0xs\",atuima2v-l-r4mlrttnejldjmmcmtjqqdb_eo8phe2_wqj_y1ojumr1iabvw2ppblwocree42tuodgonxc9zyqfd_xfodknqqomxix3tbfvik1pqdclfjshtlhqkvquq\",atuima2v-l-r4mlrttnejldjmmcmtjqqdb_eo8phe2_wqj_y1ojumr1iabvw2ppblwocree42tuodgonxc9zyqpd_xfnlmnetjjmyemkeg_xx_9cdgewsn9zyqph26fk\",false,null,true]"</t>
  </si>
  <si>
    <t>mail.google.com/sync/u/0/i/s?hl=pt-BR&amp;c=1148</t>
  </si>
  <si>
    <t>01/13/2020 15:53:43</t>
  </si>
  <si>
    <t>01/13/2020 15:53:51</t>
  </si>
  <si>
    <t>mail.google.com/sync/u/0/i/s?hl=pt-BR&amp;c=1153</t>
  </si>
  <si>
    <t>"mozilla/5.0 (windows nt 6.1) applewebkit/537.36 (khtml;0;0]22] �_x0003_�_x0006_(�?_x0007_�=�_x0006_9995;0]ll;1;13;13700014;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882896000;1578915886959000;1578930052848000;1578930058554000;1578930666787;1578940598260;17;3;36;4;4100];5701393;6.1;6450];79;["mozilla/5.0 (windows nt 6.1) applewebkit/537.36 (khtml;[1;[[13701418;[[13701573;[[null;[];[]]];[false;[null;adfn-ct7ciskssyu-68afh9xg7xv2c6f8dx_seofhsqerkx2bhpqslb3crfufkpjjmcd4mgjscrt;adfn-cuic5g8_16whytgiekdf3jxrbjnjvixuvd0lznttt2taf-j5</t>
  </si>
  <si>
    <t>"mozilla/5.0 (windows nt 6.1) applewebkit/537.36 (khtml,0,0]22] �_x0003_�_x0006_(�?_x0007_�=�_x0006_9995,0]ll,1,13,13700014,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882896000,1578915886959000,1578930052848000,1578930058554000,1578930666787,1578940598260,17,3,36,4,4100],5701393,6.1,6450],79,["mozilla/5.0 (windows nt 6.1) applewebkit/537.36 (khtml,[1,[[13701418,[[13701573,[[null,[],[]]],[false,[null,adfn-ct7ciskssyu-68afh9xg7xv2c6f8dx_seofhsqerkx2bhpqslb3crfufkpjjmcd4mgjscrt,adfn-cuic5g8_16whytgiekdf3jxrbjnjvixuvd0lznttt2taf-j5</t>
  </si>
  <si>
    <t>01/13/2020 15:54:01</t>
  </si>
  <si>
    <t>mail.google.com/sync/u/0/i/s?hl=pt-BR&amp;c=1155</t>
  </si>
  <si>
    <t>"mozilla/5.0 (windows nt 6.1) applewebkit/537.36 (khtml;(�d_x0011_n_x001A_si��lp�ߓv���ׁqa�[_x0016_�_x001A_�;)�i~a�_x001A_���qa�u�4-g�?�_x0008_���h֙_x0012_�g�_x0015__x0016__x001A_)_x001F_�d��`_x0007_�a_x0015__x0016__x0012_w[���n�w-_ txg"լn�t�����w��֖�j� jɑ_x0016_*;0;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578930052848000;1578930058554000;17;4;4100];5701393;6.1;79;["mozilla/5.0 (windows nt 6.1) applewebkit/537.36 (khtml;[1;[[13701418;[[null;[];[false;[null;adfn-ct7ciskssyu-68afh9xg7xv2c6f8dx_seofhsqerkx2bhpqslb3crfufkpjjmcd4mgjscrt;drive.web-frontend_20200101.00_p4;false;false];false]];fu-jjgodysoi_w";https://lh3.google.com/u/0/d/11c5m9yc</t>
  </si>
  <si>
    <t>"mozilla/5.0 (windows nt 6.1) applewebkit/537.36 (khtml,(�d_x0011_n_x001A_si��lp�ߓv���ׁqa�[_x0016_�_x001A_�,)�i~a�_x001A_���qa�u�4-g�?�_x0008_���h֙_x0012_�g�_x0015__x0016__x001A_)_x001F_�d��`_x0007_�a_x0015__x0016__x0012_w[���n�w-_ txg"լn�t�����w��֖�j� jɑ_x0016_*,0,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578930052848000,1578930058554000,17,4,4100],5701393,6.1,79,["mozilla/5.0 (windows nt 6.1) applewebkit/537.36 (khtml,[1,[[13701418,[[null,[],[false,[null,adfn-ct7ciskssyu-68afh9xg7xv2c6f8dx_seofhsqerkx2bhpqslb3crfufkpjjmcd4mgjscrt,drive.web-frontend_20200101.00_p4,false,false],false]],fu-jjgodysoi_w",https://lh3.google.com/u/0/d/11c5m9yc</t>
  </si>
  <si>
    <t>01/13/2020 15:54:08</t>
  </si>
  <si>
    <t>mail.google.com/sync/u/0/i/s?hl=pt-BR&amp;c=1157</t>
  </si>
  <si>
    <t>01/13/2020 15:54:31</t>
  </si>
  <si>
    <t>mail.google.com/sync/u/0/i/s?hl=pt-BR&amp;c=1159</t>
  </si>
  <si>
    <t>01/13/2020 15:54:44</t>
  </si>
  <si>
    <t>mail.google.com/sync/u/0/i/s?hl=pt-BR&amp;c=1162</t>
  </si>
  <si>
    <t>01/13/2020 15:54:54</t>
  </si>
  <si>
    <t>mail.google.com/sync/u/0/i/s?hl=pt-BR&amp;c=1164</t>
  </si>
  <si>
    <t>01/13/2020 15:55:07</t>
  </si>
  <si>
    <t>mail.google.com/sync/u/0/i/s?hl=pt-BR&amp;c=1166</t>
  </si>
  <si>
    <t>01/13/2020 15:55:34</t>
  </si>
  <si>
    <t>mail.google.com/sync/u/0/i/s?hl=pt-BR&amp;c=1168</t>
  </si>
  <si>
    <t>01/13/2020 15:55:57</t>
  </si>
  <si>
    <t>mail.google.com/sync/u/0/i/s?hl=pt-BR&amp;c=1171</t>
  </si>
  <si>
    <t>"mozilla/5.0 (windows nt 6.1) applewebkit/537.36 (khtml;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9;13701953;13701957;13701969;13702064;13702068;13702088;1578930052848000;1578930058554000;17;4repet0scaaaa4liaaaammqf2kz44sg1npvhrp5ya-eah9mzpvg6kl9izriwjk97h6v_kcjh4sw2rf_itsulvo-3l6-wytsybqsmi4xv23fkeay8qmocdpcm6u6mkhgpg1ycp4mktrb_yi4ruhaswq2li4w3ybymavyxxvltnranpmk;4repet0scaaaa4liaaaanmqf2kz44sg1npvhrp5ya-eah9mzpvg6kl9izriwjk97h6v_kcjh4sw2rf_itsulvo-3l6-wytsybqsmi4xv23fkeay8qmocdpcm6u6mkhgpg1ycp4mktrb_yi4ruhaswq2li4w3ybymavyxxvltnranpmk;5701393;79;[[13701418;[[null;[false;adfn-ct7ciskssyu-68afh9xg7xv2c6f8dx_seof</t>
  </si>
  <si>
    <t>"mozilla/5.0 (windows nt 6.1) applewebkit/537.36 (khtml,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9,13701953,13701957,13701969,13702064,13702068,13702088,1578930052848000,1578930058554000,17,4repet0scaaaa4liaaaammqf2kz44sg1npvhrp5ya-eah9mzpvg6kl9izriwjk97h6v_kcjh4sw2rf_itsulvo-3l6-wytsybqsmi4xv23fkeay8qmocdpcm6u6mkhgpg1ycp4mktrb_yi4ruhaswq2li4w3ybymavyxxvltnranpmk,4repet0scaaaa4liaaaanmqf2kz44sg1npvhrp5ya-eah9mzpvg6kl9izriwjk97h6v_kcjh4sw2rf_itsulvo-3l6-wytsybqsmi4xv23fkeay8qmocdpcm6u6mkhgpg1ycp4mktrb_yi4ruhaswq2li4w3ybymavyxxvltnranpmk,5701393,79,[[13701418,[[null,[false,adfn-ct7ciskssyu-68afh9xg7xv2c6f8dx_seof</t>
  </si>
  <si>
    <t>01/13/2020 15:56:05</t>
  </si>
  <si>
    <t>mail.google.com/sync/u/0/i/s?hl=pt-BR&amp;c=1173</t>
  </si>
  <si>
    <t>01/13/2020 15:56:12</t>
  </si>
  <si>
    <t>mail.google.com/sync/u/0/i/s?hl=pt-BR&amp;c=1175</t>
  </si>
  <si>
    <t>01/13/2020 15:56:15</t>
  </si>
  <si>
    <t>mail.google.com/sync/u/0/i/s?hl=pt-BR&amp;c=1177</t>
  </si>
  <si>
    <t>01/13/2020 15:57:09</t>
  </si>
  <si>
    <t>mail.google.com/sync/u/0/i/s?hl=pt-BR&amp;c=1180</t>
  </si>
  <si>
    <t>01/13/2020 15:57:16</t>
  </si>
  <si>
    <t>mail.google.com/sync/u/0/i/s?hl=pt-BR&amp;c=1183</t>
  </si>
  <si>
    <t>01/13/2020 15:57:24</t>
  </si>
  <si>
    <t>mail.google.com/sync/u/0/i/s?hl=pt-BR&amp;c=1185</t>
  </si>
  <si>
    <t>10.200.66.126</t>
  </si>
  <si>
    <t>74-86-7A-FB-19-1A</t>
  </si>
  <si>
    <t>VOTORANT-GB015</t>
  </si>
  <si>
    <t>paulohaf</t>
  </si>
  <si>
    <t>\\acsfs\profiles$\paulohaf\Downloads\</t>
  </si>
  <si>
    <t>73bc6c27-9aa0-47df-adca-305901425652.tmp</t>
  </si>
  <si>
    <t>\\acsfs\profiles$\paulohaf\Downloads\73bc6c27-9aa0-47df-adca-305901425652.tmp</t>
  </si>
  <si>
    <t>01/13/2020 15:54:27</t>
  </si>
  <si>
    <t>377b4c69-0391-4ccd-adc5-801e72fe0caf.tmp</t>
  </si>
  <si>
    <t>\\acsfs\profiles$\paulohaf\Downloads\377b4c69-0391-4ccd-adc5-801e72fe0caf.tmp</t>
  </si>
  <si>
    <t>01/13/2020 15:56:02</t>
  </si>
  <si>
    <t>e7d1d68a-ea46-4dba-ab74-56cc7e993e88.tmp</t>
  </si>
  <si>
    <t>\\acsfs\profiles$\paulohaf\Downloads\e7d1d68a-ea46-4dba-ab74-56cc7e993e88.tmp</t>
  </si>
  <si>
    <t>01/13/2020 15:59:30</t>
  </si>
  <si>
    <t>01/13/2020 15:55:24</t>
  </si>
  <si>
    <t>01/13/2020 15:57:47</t>
  </si>
  <si>
    <t>01/13/2020 15:57:49</t>
  </si>
  <si>
    <t>01/13/2020 15:58:43</t>
  </si>
  <si>
    <t>01/13/2020 15:57:31</t>
  </si>
  <si>
    <t>mail.google.com/sync/u/0/i/s?hl=pt-BR&amp;c=345</t>
  </si>
  <si>
    <t>01/13/2020 15:58:03</t>
  </si>
  <si>
    <t>mail.google.com/sync/u/0/i/s?hl=pt-BR&amp;c=347</t>
  </si>
  <si>
    <t>01/13/2020 15:58:07</t>
  </si>
  <si>
    <t>mail.google.com/sync/u/0/i/s?hl=pt-BR&amp;c=349</t>
  </si>
  <si>
    <t>01/13/2020 15:58:10</t>
  </si>
  <si>
    <t>mail.google.com/sync/u/0/i/s?hl=pt-BR&amp;c=351</t>
  </si>
  <si>
    <t>01/13/2020 15:58:35</t>
  </si>
  <si>
    <t>mail.google.com/sync/u/0/i/s?hl=pt-BR&amp;c=372</t>
  </si>
  <si>
    <t>01/13/2020 15:58:39</t>
  </si>
  <si>
    <t>mail.google.com/sync/u/0/i/s?hl=pt-BR&amp;c=376</t>
  </si>
  <si>
    <t>mail.google.com/sync/u/0/i/s?hl=pt-BR&amp;c=378</t>
  </si>
  <si>
    <t>bvcartes-supervisores@algarnet.onmicrosoft.com;</t>
  </si>
  <si>
    <t>bvcartes-supervisores@algarnet.onmicrosoft.com</t>
  </si>
  <si>
    <t>01/13/2020 16:00:30</t>
  </si>
  <si>
    <t>b397631c-c21a-4333-8436-145302b2291c.tmp</t>
  </si>
  <si>
    <t>\\acsfs\profiles$\erichds\Downloads\b397631c-c21a-4333-8436-145302b2291c.tmp</t>
  </si>
  <si>
    <t>01/13/2020 15:56:40</t>
  </si>
  <si>
    <t>01/13/2020 16:01:30</t>
  </si>
  <si>
    <t>470e22a7-bdce-4275-8286-931886b10ea7.tmp</t>
  </si>
  <si>
    <t>\\acsfs\profiles$\taylaedoa\Downloads\470e22a7-bdce-4275-8286-931886b10ea7.tmp</t>
  </si>
  <si>
    <t>150e614c-9782-4591-a610-167c9d1767f9.tmp</t>
  </si>
  <si>
    <t>\\acsfs\profiles$\brendadsl\Downloads\150e614c-9782-4591-a610-167c9d1767f9.tmp</t>
  </si>
  <si>
    <t>01/13/2020 15:56:09</t>
  </si>
  <si>
    <t>\\udpavonfs01\AVON\00 - ACOMPANHAMENTO AVON\04 - BACKOFFICE CORNERSTONE\2020\01.2020\RELATORIO\11.01.2020\</t>
  </si>
  <si>
    <t>01/13/2020 15:56:47</t>
  </si>
  <si>
    <t>mail.google.com/sync/u/0/i/s?hl=pt-BR&amp;c=1097</t>
  </si>
  <si>
    <t>01/13/2020 16:01:07</t>
  </si>
  <si>
    <t>01/13/2020 16:02:30</t>
  </si>
  <si>
    <t>4931c929-a72c-4eb2-8e26-ae6e6d4ecf69.tmp</t>
  </si>
  <si>
    <t>\\acsfs\profiles$\geovannasm\Downloads\4931c929-a72c-4eb2-8e26-ae6e6d4ecf69.tmp</t>
  </si>
  <si>
    <t>01/13/2020 16:00:13</t>
  </si>
  <si>
    <t>01/13/2020 16:03:30</t>
  </si>
  <si>
    <t>c:\users\camillarl\downloads\</t>
  </si>
  <si>
    <t>holerite_122019_2110621.pdf</t>
  </si>
  <si>
    <t>Brazil: CNPJ - Cadastro Nacional da Pessoa Jurídica (National Registry of Legal Entities)</t>
  </si>
  <si>
    <t>01/13/2020 16:02:02</t>
  </si>
  <si>
    <t>01/13/2020 16:02:09</t>
  </si>
  <si>
    <t>01/13/2020 16:02:26</t>
  </si>
  <si>
    <t>01/13/2020 15:58:05</t>
  </si>
  <si>
    <t>mail.google.com/sync/u/0/i/s?hl=pt-BR&amp;c=1188</t>
  </si>
  <si>
    <t>01/13/2020 15:58:19</t>
  </si>
  <si>
    <t>mail.google.com/sync/u/0/i/s?hl=pt-BR&amp;c=1190</t>
  </si>
  <si>
    <t>01/13/2020 15:58:27</t>
  </si>
  <si>
    <t>mail.google.com/sync/u/0/i/s?hl=pt-BR&amp;c=1192</t>
  </si>
  <si>
    <t>01/13/2020 15:58:31</t>
  </si>
  <si>
    <t>mail.google.com/sync/u/0/i/s?hl=pt-BR&amp;c=1194</t>
  </si>
  <si>
    <t>mail.google.com/sync/u/0/i/s?hl=pt-BR&amp;c=1196</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01/13/2020 15:58:45</t>
  </si>
  <si>
    <t>mail.google.com/sync/u/0/i/s?hl=pt-BR&amp;c=1199</t>
  </si>
  <si>
    <t>01/13/2020 15:58:48</t>
  </si>
  <si>
    <t>mail.google.com/sync/u/0/i/s?hl=pt-BR&amp;c=1201</t>
  </si>
  <si>
    <t>01/13/2020 16:01:16</t>
  </si>
  <si>
    <t>e3a12b1f-7dcf-4283-8c5d-87cb5976c79c.tmp</t>
  </si>
  <si>
    <t>\\acsfs\profiles$\brunalas\Downloads\e3a12b1f-7dcf-4283-8c5d-87cb5976c79c.tmp</t>
  </si>
  <si>
    <t>01/13/2020 16:00:39</t>
  </si>
  <si>
    <t>http:///batch?%24ct=multipart%2Fmixed%3B%20boundary%3D%22%3D%3D%3D%3D%3D7vu9a93lprn8%3D%3D%3D%3D%3D%22&amp;key=AIzaSyAy9VVXHSpS2IJpptzYtGbLP3-3_l0aBk4</t>
  </si>
  <si>
    <t>01/13/2020 16:00:40</t>
  </si>
  <si>
    <t>http:///batch?%24ct=multipart%2Fmixed%3B%20boundary%3D%22%3D%3D%3D%3D%3D36dtooea5dz5%3D%3D%3D%3D%3D%22&amp;key=AIzaSyAy9VVXHSpS2IJpptzYtGbLP3-3_l0aBk4</t>
  </si>
  <si>
    <t>ancestorhasaugmentedpermissions;containsunsubscribedchildren;displayname;domain;emailaddress;file(kind;fileid;filesize;hasthumbnail;hasvisitorpermissions;id;id);items(deleted;ken;kind;lastmodifyinguser(kind;lastviewedbymedate;modifiedbymedate;modifieddate;oea5dz5=====;ontainsunsubscribedchildren;owners(kind;per;permissionid;picture;shared;sharedwithmedate;thumbnailversion;title;userpermission(role);workspaceids;</t>
  </si>
  <si>
    <t>http://ancestorhasaugmentedpermissions,containsunsubscribedchildren,displayname,domain,emailaddress,file(kind,fileid,filesize,hasthumbnail,hasvisitorpermissions,id,id),items(deleted,ken,kind,lastmodifyinguser(kind,lastviewedbymedate,modifiedbymedate,modifieddate,oea5dz5=====,ontainsunsubscribedchildren,owners(kind,per,permissionid,picture,shared,sharedwithmedate,thumbnailversion,title,userpermission(role),workspaceids</t>
  </si>
  <si>
    <t>01/13/2020 16:00:41</t>
  </si>
  <si>
    <t>http:///batch?%24ct=multipart%2Fmixed%3B%20boundary%3D%22%3D%3D%3D%3D%3Dk3ifdroyqsi0%3D%3D%3D%3D%3D%22&amp;key=AIzaSyAy9VVXHSpS2IJpptzYtGbLP3-3_l0aBk4</t>
  </si>
  <si>
    <t>01/13/2020 15:59:25</t>
  </si>
  <si>
    <t>01/13/2020 16:04:30</t>
  </si>
  <si>
    <t>01/13/2020 16:03:10</t>
  </si>
  <si>
    <t>01/13/2020 15:59:00</t>
  </si>
  <si>
    <t>mail.google.com/sync/u/0/i/s?hl=pt-BR&amp;c=380</t>
  </si>
  <si>
    <t>01/13/2020 15:59:13</t>
  </si>
  <si>
    <t>mail.google.com/sync/u/0/i/s?hl=pt-BR&amp;c=382</t>
  </si>
  <si>
    <t>01/13/2020 15:59:39</t>
  </si>
  <si>
    <t>mail.google.com/sync/u/0/i/s?hl=pt-BR&amp;c=385</t>
  </si>
  <si>
    <t>01/13/2020 15:59:42</t>
  </si>
  <si>
    <t>01/13/2020 15:59:43</t>
  </si>
  <si>
    <t>mail.google.com/sync/u/0/i/s?hl=pt-BR&amp;c=387</t>
  </si>
  <si>
    <t>01/13/2020 16:03:00</t>
  </si>
  <si>
    <t>mail.google.com/sync/u/0/i/s?hl=pt-BR&amp;c=392</t>
  </si>
  <si>
    <t>01/13/2020 16:03:06</t>
  </si>
  <si>
    <t>mail.google.com/sync/u/0/i/s?hl=pt-BR&amp;c=394</t>
  </si>
  <si>
    <t>01/13/2020 16:03:48</t>
  </si>
  <si>
    <t>mail.google.com/sync/u/0/i/s?hl=pt-BR&amp;c=397</t>
  </si>
  <si>
    <t>01/13/2020 16:03:53</t>
  </si>
  <si>
    <t>mail.google.com/sync/u/0/i/s?hl=pt-BR&amp;c=399</t>
  </si>
  <si>
    <t>01/13/2020 16:03:59</t>
  </si>
  <si>
    <t>mail.google.com/sync/u/0/i/s?hl=pt-BR&amp;c=401</t>
  </si>
  <si>
    <t>01/13/2020 16:01:43</t>
  </si>
  <si>
    <t>\\acsfs\profiles$\brendadsl\My Documents\Blocos\</t>
  </si>
  <si>
    <t>Bloco Reneg.txt</t>
  </si>
  <si>
    <t>\\acsfs\profiles$\brendadsl\My Documents\Blocos\Bloco Reneg.txt</t>
  </si>
  <si>
    <t>01/13/2020 16:05:29</t>
  </si>
  <si>
    <t>01/13/2020 16:03:50</t>
  </si>
  <si>
    <t>4d417a85-8a9e-48a9-964e-785927699ee4.tmp</t>
  </si>
  <si>
    <t>\\acsfs\profiles$\myllenardl\Downloads\4d417a85-8a9e-48a9-964e-785927699ee4.tmp</t>
  </si>
  <si>
    <t>01/13/2020 16:06:30</t>
  </si>
  <si>
    <t>01/13/2020 16:01:58</t>
  </si>
  <si>
    <t>01/13/2020 16:05:28</t>
  </si>
  <si>
    <t>mail.google.com/sync/u/0/i/s?hl=pt-BR&amp;c=1121</t>
  </si>
  <si>
    <t>mail.google.com/sync/u/0/i/s?hl=pt-BR&amp;c=374</t>
  </si>
  <si>
    <t>mail.google.com/sync/u/0/i/s?hl=pt-BR&amp;c=381</t>
  </si>
  <si>
    <t>01/13/2020 16:05:27</t>
  </si>
  <si>
    <t>01/13/2020 16:07:29</t>
  </si>
  <si>
    <t>lu16208215iho.tmp</t>
  </si>
  <si>
    <t>\\acsfs\profiles$\victoriaksr\My Documents\lu16208215iho.tmp</t>
  </si>
  <si>
    <t>01/13/2020 16:05:49</t>
  </si>
  <si>
    <t>01/13/2020 16:05:54</t>
  </si>
  <si>
    <t>ceffbad3-411c-485e-a855-25784baf91d7.tmp</t>
  </si>
  <si>
    <t>\\acsfs\profiles$\ayalabfi\Downloads\ceffbad3-411c-485e-a855-25784baf91d7.tmp</t>
  </si>
  <si>
    <t>01/13/2020 16:02:47</t>
  </si>
  <si>
    <t>01/13/2020 16:08:30</t>
  </si>
  <si>
    <t>01/13/2020 16:03:07</t>
  </si>
  <si>
    <t>01/13/2020 16:03:26</t>
  </si>
  <si>
    <t>01/13/2020 16:04:23</t>
  </si>
  <si>
    <t>01/13/2020 16:04:43</t>
  </si>
  <si>
    <t>01/13/2020 16:04:53</t>
  </si>
  <si>
    <t>01/13/2020 16:07:30</t>
  </si>
  <si>
    <t>01/13/2020 16:04:19</t>
  </si>
  <si>
    <t>9e110ce3-6d03-4c98-92ca-fcd120562168.tmp</t>
  </si>
  <si>
    <t>\\acsfs\profiles$\brunalas\Downloads\9e110ce3-6d03-4c98-92ca-fcd120562168.tmp</t>
  </si>
  <si>
    <t>01/13/2020 16:03:47</t>
  </si>
  <si>
    <t>http:///batch?%24ct=multipart%2Fmixed%3B%20boundary%3D%22%3D%3D%3D%3D%3Dy9kbpugspfgv%3D%3D%3D%3D%3D%22&amp;key=AIzaSyAy9VVXHSpS2IJpptzYtGbLP3-3_l0aBk4</t>
  </si>
  <si>
    <t>http:///batch?%24ct=multipart%2Fmixed%3B%20boundary%3D%22%3D%3D%3D%3D%3Dww3v8do69vpe%3D%3D%3D%3D%3D%22&amp;key=AIzaSyAy9VVXHSpS2IJpptzYtGbLP3-3_l0aBk4</t>
  </si>
  <si>
    <t>01/13/2020 16:03:49</t>
  </si>
  <si>
    <t>http:///batch?%24ct=multipart%2Fmixed%3B%20boundary%3D%22%3D%3D%3D%3D%3Du3v22kqw305%3D%3D%3D%3D%3D%22&amp;key=AIzaSyAy9VVXHSpS2IJpptzYtGbLP3-3_l0aBk4</t>
  </si>
  <si>
    <t>01/13/2020 16:04:07</t>
  </si>
  <si>
    <t>01/13/2020 16:09:30</t>
  </si>
  <si>
    <t>01/13/2020 16:04:08</t>
  </si>
  <si>
    <t>01/13/2020 16:04:04</t>
  </si>
  <si>
    <t>mail.google.com/sync/u/0/i/s?hl=pt-BR&amp;c=403</t>
  </si>
  <si>
    <t>01/13/2020 16:04:24</t>
  </si>
  <si>
    <t>mail.google.com/sync/u/0/i/s?hl=pt-BR&amp;c=406</t>
  </si>
  <si>
    <t>01/13/2020 16:05:24</t>
  </si>
  <si>
    <t>01/13/2020 16:10:30</t>
  </si>
  <si>
    <t>ca3c26fa-4474-48d2-b0a4-3334fe20829a.tmp</t>
  </si>
  <si>
    <t>\\acsfs\profiles$\nycolleemdj\Downloads\ca3c26fa-4474-48d2-b0a4-3334fe20829a.tmp</t>
  </si>
  <si>
    <t>01/13/2020 16:10:06</t>
  </si>
  <si>
    <t>b253bd5f-3260-4f84-952f-6cdb1eebd3cd.tmp</t>
  </si>
  <si>
    <t>\\acsfs\profiles$\layonmof\Downloads\b253bd5f-3260-4f84-952f-6cdb1eebd3cd.tmp</t>
  </si>
  <si>
    <t>01/13/2020 16:11:30</t>
  </si>
  <si>
    <t>01/13/2020 16:06:03</t>
  </si>
  <si>
    <t>01/13/2020 16:06:13</t>
  </si>
  <si>
    <t>mail.google.com/sync/u/0/i/s?hl=pt-BR&amp;c=1125</t>
  </si>
  <si>
    <t>bvservicedesk@bancovotorantim.com.br;catianalv@algartech.com;cpc-controldeskavon@algartech.com;joseasn@algartech.com;lucianarsantos@algartech.com;marianadjc@algartech.com;ricardodfm@algartech.com.br;senildapdo@algartecnologia.com.br;viniciussg@algartech.com;</t>
  </si>
  <si>
    <t>bvservicedesk@bancovotorantim.com.br,catianalv@algartech.com,cpc-controldeskavon@algartech.com,joseasn@algartech.com,lucianarsantos@algartech.com,marianadjc@algartech.com,ricardodfm@algartech.com.br,senildapdo@algartecnologia.com.br,viniciussg@algartech.com</t>
  </si>
  <si>
    <t>01/13/2020 16:06:56</t>
  </si>
  <si>
    <t>mail.google.com/sync/u/0/i/s?hl=pt-BR&amp;c=1128</t>
  </si>
  <si>
    <t>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viniciussg@algartech.com;</t>
  </si>
  <si>
    <t>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viniciussg@algartech.com</t>
  </si>
  <si>
    <t>01/13/2020 16:07:57</t>
  </si>
  <si>
    <t>mail.google.com/sync/u/0/i/s?hl=pt-BR&amp;c=1131</t>
  </si>
  <si>
    <t>catianalv@algartech.com;cpc-controldeskavon@algartech.com;joseasn@algartech.com;lucianarsantos@algartech.com;marianadjc@algartech.com;senildapdo@algartecnologia.com.br;</t>
  </si>
  <si>
    <t>catianalv@algartech.com,cpc-controldeskavon@algartech.com,joseasn@algartech.com,lucianarsantos@algartech.com,marianadjc@algartech.com,senildapdo@algartecnologia.com.br</t>
  </si>
  <si>
    <t>01/13/2020 16:08:02</t>
  </si>
  <si>
    <t>mail.google.com/sync/u/0/i/s?hl=pt-BR&amp;c=1133</t>
  </si>
  <si>
    <t>01/13/2020 16:08:37</t>
  </si>
  <si>
    <t>\\acsfs\deptos\Operacao\PCP\5 - Comum\CONTROL DESK\2 - DAC2\Control Desk AVON\Relatorios\WHATSAPP\2020\</t>
  </si>
  <si>
    <t>Report PA Digital_TOPS_Janeiro.xlsm</t>
  </si>
  <si>
    <t>\\acsfs\deptos\Operacao\PCP\5 - Comum\CONTROL DESK\2 - DAC2\Control Desk AVON\Relatorios\WHATSAPP\2020\Report PA Digital_TOPS_Janeiro.xlsm</t>
  </si>
  <si>
    <t>01/13/2020 16:08:59</t>
  </si>
  <si>
    <t>mail.google.com/sync/u/0/i/s?hl=pt-BR&amp;c=1136</t>
  </si>
  <si>
    <t>bvservicedesk@bancovotorantim.com.br;catianalv@algartech.com;cpc-controldeskavon@algartech.com;joseasn@algartech.com;lucianarsantos@algartech.com;marianadjc@algartech.com;ricardodfm@algartech.com.br;senildapdo@algartecnologia.com.br;</t>
  </si>
  <si>
    <t>bvservicedesk@bancovotorantim.com.br,catianalv@algartech.com,cpc-controldeskavon@algartech.com,joseasn@algartech.com,lucianarsantos@algartech.com,marianadjc@algartech.com,ricardodfm@algartech.com.br,senildapdo@algartecnologia.com.br</t>
  </si>
  <si>
    <t>01/13/2020 16:09:04</t>
  </si>
  <si>
    <t>mail.google.com/sync/u/0/i/s?hl=pt-BR&amp;c=1138</t>
  </si>
  <si>
    <t>01/13/2020 16:09:05</t>
  </si>
  <si>
    <t>01/13/2020 16:09:08</t>
  </si>
  <si>
    <t>mail.google.com/sync/u/0/i/s?hl=pt-BR&amp;c=1140</t>
  </si>
  <si>
    <t>01/13/2020 16:09:25</t>
  </si>
  <si>
    <t>mail.google.com/sync/u/0/i/s?hl=pt-BR&amp;c=1143</t>
  </si>
  <si>
    <t>catianalv@algartech.com;cpc-controldeskavon@algartech.com;joseasn@algartech.com;lucianarsantos@algartech.com;marianadjc@algartech.com;senildapdo@algartecnologia.com.br;viniciussg@algartech.com;</t>
  </si>
  <si>
    <t>catianalv@algartech.com,cpc-controldeskavon@algartech.com,joseasn@algartech.com,lucianarsantos@algartech.com,marianadjc@algartech.com,senildapdo@algartecnologia.com.br,viniciussg@algartech.com</t>
  </si>
  <si>
    <t>01/13/2020 16:09:29</t>
  </si>
  <si>
    <t>mail.google.com/sync/u/0/i/s?hl=pt-BR&amp;c=1145</t>
  </si>
  <si>
    <t>01/13/2020 16:09:58</t>
  </si>
  <si>
    <t>mail.google.com/sync/u/0/i/s?hl=pt-BR&amp;c=1147</t>
  </si>
  <si>
    <t>01/13/2020 16:10:13</t>
  </si>
  <si>
    <t>01/13/2020 16:10:18</t>
  </si>
  <si>
    <t>01/13/2020 16:10:32</t>
  </si>
  <si>
    <t>mail.google.com/sync/u/0/i/s?hl=pt-BR&amp;c=1154</t>
  </si>
  <si>
    <t>01/13/2020 16:10:42</t>
  </si>
  <si>
    <t>mail.google.com/sync/u/0/i/s?hl=pt-BR&amp;c=1156</t>
  </si>
  <si>
    <t>01/13/2020 16:07:26</t>
  </si>
  <si>
    <t>KAMILLA CAROLINA RORIGUES_1_6777706083934873885_1_32.wav</t>
  </si>
  <si>
    <t>\\acsfs\Deptos\EDUCACAO EMPRESARIAL\KÉSIA\Ligações 2º ciclo - Janeiro 2020\KAMILLA CAROLINA RORIGUES_1_6777706083934873885_1_32.wav</t>
  </si>
  <si>
    <t>01/13/2020 16:11:36</t>
  </si>
  <si>
    <t>01/13/2020 16:13:30</t>
  </si>
  <si>
    <t>1dc40ea8-184c-4774-ae56-e436d3cdeb66.tmp</t>
  </si>
  <si>
    <t>\\acsfs\profiles$\lorrainerdl\Downloads\1dc40ea8-184c-4774-ae56-e436d3cdeb66.tmp</t>
  </si>
  <si>
    <t>01/13/2020 16:11:01</t>
  </si>
  <si>
    <t>mail.google.com/sync/u/0/i/s?hl=pt-BR&amp;c=147</t>
  </si>
  <si>
    <t>01/13/2020 16:11:25</t>
  </si>
  <si>
    <t>01/13/2020 16:11:28</t>
  </si>
  <si>
    <t>01/13/2020 16:11:32</t>
  </si>
  <si>
    <t>01/13/2020 16:11:43</t>
  </si>
  <si>
    <t>01/13/2020 16:11:40</t>
  </si>
  <si>
    <t>01/13/2020 16:08:31</t>
  </si>
  <si>
    <t>http:///batch?%24ct=multipart%2Fmixed%3B%20boundary%3D%22%3D%3D%3D%3D%3Dfsug4wnl1pjk%3D%3D%3D%3D%3D%22&amp;key=AIzaSyAy9VVXHSpS2IJpptzYtGbLP3-3_l0aBk4</t>
  </si>
  <si>
    <t>01/13/2020 16:08:32</t>
  </si>
  <si>
    <t>http:///batch?%24ct=multipart%2Fmixed%3B%20boundary%3D%22%3D%3D%3D%3D%3Dvgnnuuus5hxy%3D%3D%3D%3D%3D%22&amp;key=AIzaSyAy9VVXHSpS2IJpptzYtGbLP3-3_l0aBk4</t>
  </si>
  <si>
    <t>4c86677da005a94a36_u x-goog-authuser: 0 --=====vgnnuuus5hxy=====--;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http://4c86677da005a94a36_u x-goog-authuser: 0 --=====vgnnuuus5hxy=====-- ,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01/13/2020 16:08:33</t>
  </si>
  <si>
    <t>http:///batch?%24ct=multipart%2Fmixed%3B%20boundary%3D%22%3D%3D%3D%3D%3D562yp8ul20s%3D%3D%3D%3D%3D%22&amp;key=AIzaSyAy9VVXHSpS2IJpptzYtGbLP3-3_l0aBk4</t>
  </si>
  <si>
    <t>01/13/2020 16:09:40</t>
  </si>
  <si>
    <t>01/13/2020 16:14:30</t>
  </si>
  <si>
    <t>a498a0d3-86c0-472f-a224-bb33f02d2334.tmp</t>
  </si>
  <si>
    <t>\\acsfs\profiles$\brendadsl\Downloads\a498a0d3-86c0-472f-a224-bb33f02d2334.tmp</t>
  </si>
  <si>
    <t>01/13/2020 16:10:11</t>
  </si>
  <si>
    <t>846f3037-a5d6-49e4-9fba-a04b35d4a3cf.tmp</t>
  </si>
  <si>
    <t>\\acsfs\profiles$\brendadsl\Downloads\846f3037-a5d6-49e4-9fba-a04b35d4a3cf.tmp</t>
  </si>
  <si>
    <t>92d91f38-cdbd-4f36-b353-cc642a9739d0.tmp</t>
  </si>
  <si>
    <t>\\acsfs\profiles$\brendadsl\Downloads\92d91f38-cdbd-4f36-b353-cc642a9739d0.tmp</t>
  </si>
  <si>
    <t>01/13/2020 16:10:14</t>
  </si>
  <si>
    <t>fbfed683-d1fb-4b3d-8bd9-3a0e5101a560.tmp</t>
  </si>
  <si>
    <t>\\acsfs\profiles$\brendadsl\Downloads\fbfed683-d1fb-4b3d-8bd9-3a0e5101a560.tmp</t>
  </si>
  <si>
    <t>01/13/2020 16:10:15</t>
  </si>
  <si>
    <t>23f38ded-1681-41d5-aa06-f099372f0245.tmp</t>
  </si>
  <si>
    <t>\\acsfs\profiles$\brendadsl\Downloads\23f38ded-1681-41d5-aa06-f099372f0245.tmp</t>
  </si>
  <si>
    <t>01/13/2020 16:15:03</t>
  </si>
  <si>
    <t>01/13/2020 16:16:30</t>
  </si>
  <si>
    <t>01/13/2020 16:15:04</t>
  </si>
  <si>
    <t>lu2733221pjol.tmp</t>
  </si>
  <si>
    <t>\\acsfs\profiles$\RAFAELRF\meu\lu2733221pjol.tmp</t>
  </si>
  <si>
    <t>\\acsfs\profiles$\RAFAELRF\meu\lu2733221pjol.tmp\</t>
  </si>
  <si>
    <t>\\acsfs\profiles$\RAFAELRF\meu\lu2733221pjol.tmp\META-INF\</t>
  </si>
  <si>
    <t>\\acsfs\profiles$\RAFAELRF\meu\lu2733221pjol.tmp\Thumbnails\</t>
  </si>
  <si>
    <t>01/13/2020 16:11:04</t>
  </si>
  <si>
    <t>mail.google.com/sync/u/0/i/s?hl=pt-BR&amp;c=1158</t>
  </si>
  <si>
    <t>01/13/2020 16:11:05</t>
  </si>
  <si>
    <t>mail.google.com/sync/u/0/i/s?hl=pt-BR&amp;c=1160</t>
  </si>
  <si>
    <t>01/13/2020 16:11:26</t>
  </si>
  <si>
    <t>mail.google.com/sync/u/0/i/s?hl=pt-BR&amp;c=389</t>
  </si>
  <si>
    <t>01/13/2020 16:11:42</t>
  </si>
  <si>
    <t>mail.google.com/sync/u/0/i/s?hl=pt-BR&amp;c=391</t>
  </si>
  <si>
    <t>01/13/2020 16:13:14</t>
  </si>
  <si>
    <t>\\acsfs\deptos\Operacao\PCP\5 - Comum\CONTROL DESK\2 - DAC2\Control Desk AVON\Relatorios\Status de login\2020\</t>
  </si>
  <si>
    <t>10-01 RELATORIO DE LOGIN AVON - - Cópia.xlsm</t>
  </si>
  <si>
    <t>\\acsfs\deptos\Operacao\PCP\5 - Comum\CONTROL DESK\2 - DAC2\Control Desk AVON\Relatorios\Status de login\2020\10-01 RELATORIO DE LOGIN AVON - - Cópia.xlsm</t>
  </si>
  <si>
    <t>01/13/2020 16:11:45</t>
  </si>
  <si>
    <t>mail.google.com/_/upload?authuser=0&amp;dcp=asu-n&amp;upload_id=AEnB2UoNNQaE8EFXWlr1PFYKAv5gklVS3Mk1JTfb5yEzg7SEyfWIky75iVZzzl-GZmElFc21GfoJQe-ktKf6PbxNNSWDy6SOqgUx8AaRXq_FksRkF53HTk4&amp;upload_protocol=resumable</t>
  </si>
  <si>
    <t>01/13/2020 16:11:53</t>
  </si>
  <si>
    <t>mail.google.com/sync/u/0/i/s?hl=pt-BR&amp;c=396</t>
  </si>
  <si>
    <t>01/13/2020 16:15:10</t>
  </si>
  <si>
    <t>ISABELLE GOMES TEIXEIRA DOS SANTOS_1_6778052138039836910_1_32.wav</t>
  </si>
  <si>
    <t>\\acsfs\Deptos\EDUCACAO EMPRESARIAL\KÉSIA\Ligações 2º ciclo - Janeiro 2020\ISABELLE GOMES TEIXEIRA DOS SANTOS_1_6778052138039836910_1_32.wav</t>
  </si>
  <si>
    <t>01/13/2020 16:12:18</t>
  </si>
  <si>
    <t>01/13/2020 16:17:30</t>
  </si>
  <si>
    <t>f4fb7c33-62f1-4b3e-9470-ffa9e2366ae1.tmp</t>
  </si>
  <si>
    <t>\\acsfs\profiles$\adelvinsonle\Downloads\f4fb7c33-62f1-4b3e-9470-ffa9e2366ae1.tmp</t>
  </si>
  <si>
    <t>01/13/2020 16:13:17</t>
  </si>
  <si>
    <t>c50c467c-4d18-4c69-805f-6242b2e81411.tmp</t>
  </si>
  <si>
    <t>\\acsfs\profiles$\adelvinsonle\Downloads\c50c467c-4d18-4c69-805f-6242b2e81411.tmp</t>
  </si>
  <si>
    <t>01/13/2020 16:13:46</t>
  </si>
  <si>
    <t>c4f971fe-48b1-4979-8a08-1eaf1ed1af15.tmp</t>
  </si>
  <si>
    <t>\\acsfs\profiles$\adelvinsonle\Downloads\c4f971fe-48b1-4979-8a08-1eaf1ed1af15.tmp</t>
  </si>
  <si>
    <t>01/13/2020 16:18:30</t>
  </si>
  <si>
    <t>01/13/2020 16:13:59</t>
  </si>
  <si>
    <t>mail.google.com/sync/u/0/i/s?hl=pt-BR&amp;c=172</t>
  </si>
  <si>
    <t>01/13/2020 16:14:05</t>
  </si>
  <si>
    <t>01/13/2020 16:14:10</t>
  </si>
  <si>
    <t>mail.google.com/sync/u/0/i/s?hl=pt-BR&amp;c=176</t>
  </si>
  <si>
    <t>01/13/2020 16:14:20</t>
  </si>
  <si>
    <t>01/13/2020 16:14:27</t>
  </si>
  <si>
    <t>01/13/2020 16:14:28</t>
  </si>
  <si>
    <t>01/13/2020 16:20:30</t>
  </si>
  <si>
    <t>01/13/2020 16:17:17</t>
  </si>
  <si>
    <t>01/13/2020 16:17:57</t>
  </si>
  <si>
    <t>01/13/2020 16:16:59</t>
  </si>
  <si>
    <t>\\acsfs\ACS\Gabriel da Silva\Contemporânea\BDBV\162BC657.tmp\</t>
  </si>
  <si>
    <t>\\acsfs\ACS\Gabriel da Silva\Contemporânea\BDBV\162BC657.tmp\:Zone.Identifier:$DATA</t>
  </si>
  <si>
    <t>\\acsfs\ACS\Gabriel da Silva\Contemporânea\BDBV\Banco de Dados BV.xlsx\</t>
  </si>
  <si>
    <t>image2.svg</t>
  </si>
  <si>
    <t>\\acsfs\ACS\Gabriel da Silva\Contemporânea\BDBV\Banco de Dados BV.xlsx</t>
  </si>
  <si>
    <t>\\acsfs\ACS\Gabriel da Silva\Contemporânea\BDBV\</t>
  </si>
  <si>
    <t>Banco de Dados BV.xlsx</t>
  </si>
  <si>
    <t>01/13/2020 16:19:55</t>
  </si>
  <si>
    <t>\\acsfs\ACS\Gabriel da Silva\Contemporânea\BDBV\BC5A995A.tmp\</t>
  </si>
  <si>
    <t>\\acsfs\ACS\Gabriel da Silva\Contemporânea\BDBV\BC5A995A.tmp\:Zone.Identifier:$DATA</t>
  </si>
  <si>
    <t>01/13/2020 16:19:05</t>
  </si>
  <si>
    <t>6c8a65ba-b9c9-4e5c-9022-ce8b2c7777c8.tmp</t>
  </si>
  <si>
    <t>\\acsfs\profiles$\layonmof\Downloads\6c8a65ba-b9c9-4e5c-9022-ce8b2c7777c8.tmp</t>
  </si>
  <si>
    <t>01/13/2020 16:17:40</t>
  </si>
  <si>
    <t>01/13/2020 16:22:30</t>
  </si>
  <si>
    <t>7ed05249-156e-4781-9e3c-7fab98b1833c.tmp</t>
  </si>
  <si>
    <t>\\acsfs\profiles$\geovannasm\Downloads\7ed05249-156e-4781-9e3c-7fab98b1833c.tmp</t>
  </si>
  <si>
    <t>01/13/2020 16:17:50</t>
  </si>
  <si>
    <t>01/13/2020 16:23:29</t>
  </si>
  <si>
    <t>"languagecode":"pt-br";"requesttype":"background_request";"scenariotype;"timezone":"-03:00";#bco-inspetoria@bancovotorantim.com.br;0]l;142961685;1578940297233;35;[];[]]];ancestorhasaugmentedpermissions;andrelps@algartech.com;atuima2v-l-r4mlrttnejldjmmcmtjqqdb_eo8phe2_wqj_y1ojumr1iabvw2ppblwocree42tuodgonxc9zyrpd_xfoykjevtevtwhy7y59ndrbaejlegewajwiplmm\";containsunsubscribedchildren;displayname;domain;emailaddress;ess"}}�;false;file(kind;fileid;filesize;hasthumbnail;hasvisitorpermissions;id;id);items(deleted;ken;kind;lastmodifyinguser(kind;lastviewedbymedate;modifiedbymedate;modifieddate;null;ontainsunsubscribedchildren;ouvidoria@algar.com.br;owners(kind;p";per;permissionid;picture;shared;sharedwithmedate;thumbnailversion;title;true]";userpermission(role);workspaceids;</t>
  </si>
  <si>
    <t>"languagecode":"pt-br","requesttype":"background_request","scenariotype,"timezone":"-03:00",#bco-inspetoria@bancovotorantim.com.br,0]l,142961685,1578940297233,35,[],[]]],ancestorhasaugmentedpermissions,andrelps@algartech.com,atuima2v-l-r4mlrttnejldjmmcmtjqqdb_eo8phe2_wqj_y1ojumr1iabvw2ppblwocree42tuodgonxc9zyrpd_xfoykjevtevtwhy7y59ndrbaejlegewajwiplmm\",containsunsubscribedchildren,displayname,domain,emailaddress,ess"}}�,false,file(kind,fileid,filesize,hasthumbnail,hasvisitorpermissions,id,id),items(deleted,ken,kind,lastmodifyinguser(kind,lastviewedbymedate,modifiedbymedate,modifieddate,null,ontainsunsubscribedchildren,ouvidoria@algar.com.br,owners(kind,p",per,permissionid,picture,shared,sharedwithmedate,thumbnailversion,title,true]",userpermission(role),workspaceids</t>
  </si>
  <si>
    <t>01/13/2020 16:17:55</t>
  </si>
  <si>
    <t>01/13/2020 16:21:42</t>
  </si>
  <si>
    <t>10.200.67.177</t>
  </si>
  <si>
    <t>78-2B-CB-C1-04-59</t>
  </si>
  <si>
    <t>VOTORANT-OB006</t>
  </si>
  <si>
    <t>anafaes</t>
  </si>
  <si>
    <t>\\acsfs\profiles$\anafaes\Downloads\</t>
  </si>
  <si>
    <t>188c311f-e834-44a6-928b-3169dbcb791b.tmp</t>
  </si>
  <si>
    <t>\\acsfs\profiles$\anafaes\Downloads\188c311f-e834-44a6-928b-3169dbcb791b.tmp</t>
  </si>
  <si>
    <t>23144935-259c-4d4b-986a-806e5888b862.tmp</t>
  </si>
  <si>
    <t>\\acsfs\profiles$\anafaes\Downloads\23144935-259c-4d4b-986a-806e5888b862.tmp</t>
  </si>
  <si>
    <t>01/13/2020 16:21:45</t>
  </si>
  <si>
    <t>abcf0a03-d01b-4c88-a269-fff164bd84f3.tmp</t>
  </si>
  <si>
    <t>\\acsfs\profiles$\anafaes\Downloads\abcf0a03-d01b-4c88-a269-fff164bd84f3.tmp</t>
  </si>
  <si>
    <t>01/13/2020 16:24:30</t>
  </si>
  <si>
    <t>01/13/2020 16:23:36</t>
  </si>
  <si>
    <t>01/13/2020 16:21:58</t>
  </si>
  <si>
    <t>9599ec9f-8341-4533-a5b9-730a381ad183.tmp</t>
  </si>
  <si>
    <t>\\acsfs\profiles$\KARENDSR\Downloads\9599ec9f-8341-4533-a5b9-730a381ad183.tmp</t>
  </si>
  <si>
    <t>01/13/2020 16:22:40</t>
  </si>
  <si>
    <t>\\acsfs\profiles$\quindaizaagds\My Documents\My Pictures\$RECYCLE.BIN\</t>
  </si>
  <si>
    <t>$IB7RXUI.txt</t>
  </si>
  <si>
    <t>\\acsfs\profiles$\quindaizaagds\My Documents\My Pictures\$RECYCLE.BIN\$IB7RXUI.txt</t>
  </si>
  <si>
    <t>01/13/2020 16:22:46</t>
  </si>
  <si>
    <t>$I5VMVL7.txt</t>
  </si>
  <si>
    <t>\\acsfs\profiles$\quindaizaagds\My Documents\My Pictures\$RECYCLE.BIN\$I5VMVL7.txt</t>
  </si>
  <si>
    <t>01/13/2020 16:22:55</t>
  </si>
  <si>
    <t>$IN764UX.txt</t>
  </si>
  <si>
    <t>\\acsfs\profiles$\quindaizaagds\My Documents\My Pictures\$RECYCLE.BIN\$IN764UX.txt</t>
  </si>
  <si>
    <t>01/13/2020 16:23:44</t>
  </si>
  <si>
    <t>01/13/2020 16:25:29</t>
  </si>
  <si>
    <t>leonardocb</t>
  </si>
  <si>
    <t>\\acsfs\profiles$\leonardocb\Downloads\</t>
  </si>
  <si>
    <t>c65d4364-c741-4638-a28b-19c40b7df625.tmp</t>
  </si>
  <si>
    <t>\\acsfs\profiles$\leonardocb\Downloads\c65d4364-c741-4638-a28b-19c40b7df625.tmp</t>
  </si>
  <si>
    <t>01/13/2020 16:23:48</t>
  </si>
  <si>
    <t>Q29udHJvbGxlci5JbmZvQlYtTm9pdGU- (16).ica</t>
  </si>
  <si>
    <t>\\acsfs\profiles$\leonardocb\Downloads\Q29udHJvbGxlci5JbmZvQlYtTm9pdGU- (16).ica</t>
  </si>
  <si>
    <t>01/13/2020 16:24:44</t>
  </si>
  <si>
    <t>4516a134-5832-4a1c-9e5b-5969d5761bba.tmp</t>
  </si>
  <si>
    <t>\\acsfs\profiles$\leonardocb\Downloads\4516a134-5832-4a1c-9e5b-5969d5761bba.tmp</t>
  </si>
  <si>
    <t>01/13/2020 16:20:15</t>
  </si>
  <si>
    <t>f43fe5a4-1ca5-4186-8315-d111b5fed918.tmp</t>
  </si>
  <si>
    <t>\\acsfs\profiles$\henriqueco\Downloads\f43fe5a4-1ca5-4186-8315-d111b5fed918.tmp</t>
  </si>
  <si>
    <t>01/13/2020 16:20:36</t>
  </si>
  <si>
    <t>01/13/2020 16:26:30</t>
  </si>
  <si>
    <t>01/13/2020 16:27:29</t>
  </si>
  <si>
    <t>01/13/2020 16:26:20</t>
  </si>
  <si>
    <t>6dc47566-ec4f-4d83-8d1f-b42d243fe77f.tmp</t>
  </si>
  <si>
    <t>\\acsfs\profiles$\fernandofs\Downloads\6dc47566-ec4f-4d83-8d1f-b42d243fe77f.tmp</t>
  </si>
  <si>
    <t>01/13/2020 16:26:23</t>
  </si>
  <si>
    <t>01/13/2020 16:28:29</t>
  </si>
  <si>
    <t>mail.google.com/sync/u/0/i/s?hl=pt-BR&amp;c=1326</t>
  </si>
  <si>
    <t>andrelpsa@algartech.com;fabianacscg@algartech.com;luizffn@algartech.com;mirianppb@algartech.com;talmaiardo@algartech.com;taysdss@algartech.com;</t>
  </si>
  <si>
    <t>andrelpsa@algartech.com,fabianacscg@algartech.com,luizffn@algartech.com,mirianppb@algartech.com,talmaiardo@algartech.com,taysdss@algartech.com</t>
  </si>
  <si>
    <t>01/13/2020 16:26:28</t>
  </si>
  <si>
    <t>mail.google.com/sync/u/0/i/s?hl=pt-BR&amp;c=1336</t>
  </si>
  <si>
    <t>01/13/2020 16:23:02</t>
  </si>
  <si>
    <t>5d994756-df78-42e4-9426-39ef5ae354b6.tmp</t>
  </si>
  <si>
    <t>\\acsfs\profiles$\anafaes\Downloads\5d994756-df78-42e4-9426-39ef5ae354b6.tmp</t>
  </si>
  <si>
    <t>01/13/2020 16:29:29</t>
  </si>
  <si>
    <t>01/13/2020 16:26:11</t>
  </si>
  <si>
    <t>2ae70cb0-cecd-4391-b8cc-816047e438c4.tmp</t>
  </si>
  <si>
    <t>\\acsfs\profiles$\larissaad\Downloads\2ae70cb0-cecd-4391-b8cc-816047e438c4.tmp</t>
  </si>
  <si>
    <t>01/13/2020 16:30:29</t>
  </si>
  <si>
    <t>01/13/2020 16:29:37</t>
  </si>
  <si>
    <t>01/13/2020 16:30:11</t>
  </si>
  <si>
    <t>7403f21c-1408-4c4b-81ce-e4c453ce341d.tmp</t>
  </si>
  <si>
    <t>\\acsfs\profiles$\gabrielsma\Downloads\7403f21c-1408-4c4b-81ce-e4c453ce341d.tmp</t>
  </si>
  <si>
    <t>01/13/2020 16:27:32</t>
  </si>
  <si>
    <t>01/13/2020 16:31:30</t>
  </si>
  <si>
    <t>9f24a939-2ff9-4456-8e88-31e6e7e4ac18.tmp</t>
  </si>
  <si>
    <t>\\acsfs\profiles$\ingridsm\Downloads\9f24a939-2ff9-4456-8e88-31e6e7e4ac18.tmp</t>
  </si>
  <si>
    <t>REGIS EZAIAS DA SILVA JUNIOR_1_6777446899838425824_1_32.wav</t>
  </si>
  <si>
    <t>\\acsfs\Deptos\EDUCACAO EMPRESARIAL\KÉSIA\Ligações 2º ciclo - Janeiro 2020\REGIS EZAIAS DA SILVA JUNIOR_1_6777446899838425824_1_32.wav</t>
  </si>
  <si>
    <t>01/13/2020 16:28:36</t>
  </si>
  <si>
    <t>01/13/2020 16:33:30</t>
  </si>
  <si>
    <t>01/13/2020 16:28:41</t>
  </si>
  <si>
    <t>01/13/2020 16:30:26</t>
  </si>
  <si>
    <t>5ead4c8f-d076-42a4-9f02-234ed206d98d.tmp</t>
  </si>
  <si>
    <t>\\acsfs\profiles$\brunalas\Downloads\5ead4c8f-d076-42a4-9f02-234ed206d98d.tmp</t>
  </si>
  <si>
    <t>01/13/2020 16:31:14</t>
  </si>
  <si>
    <t>34cd0f18-da9e-4c69-a909-efbf59e81b59.tmp</t>
  </si>
  <si>
    <t>\\acsfs\profiles$\alinepp\Downloads\34cd0f18-da9e-4c69-a909-efbf59e81b59.tmp</t>
  </si>
  <si>
    <t>01/13/2020 16:30:12</t>
  </si>
  <si>
    <t>dbd226be-64cd-46d9-888d-ae9f7daf5728.tmp</t>
  </si>
  <si>
    <t>\\acsfs\profiles$\regisedsj\Downloads\dbd226be-64cd-46d9-888d-ae9f7daf5728.tmp</t>
  </si>
  <si>
    <t>01/13/2020 16:30:30</t>
  </si>
  <si>
    <t>01/13/2020 16:34:29</t>
  </si>
  <si>
    <t>0458f9be-d32d-4f93-ad26-9af1afc9b779.tmp</t>
  </si>
  <si>
    <t>\\acsfs\profiles$\larissaad\Downloads\0458f9be-d32d-4f93-ad26-9af1afc9b779.tmp</t>
  </si>
  <si>
    <t>01/13/2020 16:30:35</t>
  </si>
  <si>
    <t>mail.google.com/sync/u/0/i/s?hl=pt-BR&amp;c=43</t>
  </si>
  <si>
    <t>01/13/2020 16:30:52</t>
  </si>
  <si>
    <t>mail.google.com/sync/u/0/i/s?hl=pt-BR&amp;c=45</t>
  </si>
  <si>
    <t>01/13/2020 16:31:15</t>
  </si>
  <si>
    <t>01/13/2020 16:33:54</t>
  </si>
  <si>
    <t>\\acsfs\profiles$\quindaizaagds\My Documents\My Pictures\</t>
  </si>
  <si>
    <t>\\acsfs\profiles$\quindaizaagds\My Documents\My Pictures\VENDAS.txt</t>
  </si>
  <si>
    <t>01/13/2020 16:29:02</t>
  </si>
  <si>
    <t>60814bc1-b003-4afa-a116-7c5b7ea3cf99.tmp</t>
  </si>
  <si>
    <t>\\acsfs\profiles$\leticiala\Downloads\60814bc1-b003-4afa-a116-7c5b7ea3cf99.tmp</t>
  </si>
  <si>
    <t>01/13/2020 16:34:06</t>
  </si>
  <si>
    <t>01/13/2020 16:35:30</t>
  </si>
  <si>
    <t>\\acsfs\profiles$\marcosvnds\My Documents\xworkcenter\logs\</t>
  </si>
  <si>
    <t>XLOG_marcosvnds_13012020_135835.log</t>
  </si>
  <si>
    <t>\\acsfs\profiles$\marcosvnds\My Documents\xworkcenter\logs\XLOG_marcosvnds_13012020_135835.log</t>
  </si>
  <si>
    <t>01/13/2020 16:30:27</t>
  </si>
  <si>
    <t>Não confirmado 203133.crdownload</t>
  </si>
  <si>
    <t>\\acsfs\ACS\Gabriel da Silva\Contemporânea\Acessos\Não confirmado 203133.crdownload</t>
  </si>
  <si>
    <t>01/13/2020 16:31:55</t>
  </si>
  <si>
    <t>8976d7ce-5951-453a-9367-5054b53ee1a8.tmp</t>
  </si>
  <si>
    <t>\\acsfs\profiles$\gabrielsma\Downloads\8976d7ce-5951-453a-9367-5054b53ee1a8.tmp</t>
  </si>
  <si>
    <t>01/13/2020 16:31:57</t>
  </si>
  <si>
    <t>\\acsfs\ACS\Gabriel da Silva\Contemporânea\Acessos\Q29udHJvbGxlci5BQ09NLVNvdUJWXzE-.ica.crdownload</t>
  </si>
  <si>
    <t>01/13/2020 16:32:14</t>
  </si>
  <si>
    <t>01/13/2020 16:32:58</t>
  </si>
  <si>
    <t>mail.google.com/sync/u/0/i/s?hl=pt-BR&amp;c=243</t>
  </si>
  <si>
    <t>01/13/2020 16:33:08</t>
  </si>
  <si>
    <t>mail.google.com/sync/u/0/i/s?hl=pt-BR&amp;c=245</t>
  </si>
  <si>
    <t>01/13/2020 16:33:15</t>
  </si>
  <si>
    <t>mail.google.com/sync/u/0/i/s?hl=pt-BR&amp;c=247</t>
  </si>
  <si>
    <t>01/13/2020 16:33:17</t>
  </si>
  <si>
    <t>mail.google.com/sync/u/0/i/s?hl=pt-BR&amp;c=249</t>
  </si>
  <si>
    <t>01/13/2020 16:33:24</t>
  </si>
  <si>
    <t>mail.google.com/sync/u/0/i/s?hl=pt-BR&amp;c=251</t>
  </si>
  <si>
    <t>01/13/2020 16:33:29</t>
  </si>
  <si>
    <t>01/13/2020 16:33:37</t>
  </si>
  <si>
    <t>mail.google.com/sync/u/0/i/s?hl=pt-BR&amp;c=257</t>
  </si>
  <si>
    <t>01/13/2020 16:33:41</t>
  </si>
  <si>
    <t>mail.google.com/sync/u/0/i/s?hl=pt-BR&amp;c=259</t>
  </si>
  <si>
    <t>01/13/2020 16:33:50</t>
  </si>
  <si>
    <t>01/13/2020 16:33:56</t>
  </si>
  <si>
    <t>mail.google.com/sync/u/0/i/s?hl=pt-BR&amp;c=263</t>
  </si>
  <si>
    <t>mail.google.com/sync/u/0/i/s?hl=pt-BR&amp;c=265</t>
  </si>
  <si>
    <t>01/13/2020 16:34:12</t>
  </si>
  <si>
    <t>mail.google.com/sync/u/0/i/s?hl=pt-BR&amp;c=267</t>
  </si>
  <si>
    <t>01/13/2020 16:34:18</t>
  </si>
  <si>
    <t>01/13/2020 16:34:24</t>
  </si>
  <si>
    <t>01/13/2020 16:34:35</t>
  </si>
  <si>
    <t>01/13/2020 16:34:41</t>
  </si>
  <si>
    <t>01/13/2020 16:34:42</t>
  </si>
  <si>
    <t>01/13/2020 16:34:46</t>
  </si>
  <si>
    <t>01/13/2020 16:34:51</t>
  </si>
  <si>
    <t>01/13/2020 16:35:05</t>
  </si>
  <si>
    <t>01/13/2020 16:36:29</t>
  </si>
  <si>
    <t>mail.google.com/sync/u/0/i/s?hl=pt-BR&amp;c=286</t>
  </si>
  <si>
    <t>01/13/2020 16:35:09</t>
  </si>
  <si>
    <t>mail.google.com/sync/u/0/i/s?hl=pt-BR&amp;c=288</t>
  </si>
  <si>
    <t>01/13/2020 16:37:30</t>
  </si>
  <si>
    <t>01/13/2020 16:35:11</t>
  </si>
  <si>
    <t>10.200.67.69</t>
  </si>
  <si>
    <t>74-86-7A-FB-17-15</t>
  </si>
  <si>
    <t>VOTORANT-GB003</t>
  </si>
  <si>
    <t>654d58cb-dd70-43f5-bf41-ac45aca336d7.tmp</t>
  </si>
  <si>
    <t>\\acsfs\profiles$\marcosvnds\Downloads\654d58cb-dd70-43f5-bf41-ac45aca336d7.tmp</t>
  </si>
  <si>
    <t>01/13/2020 16:35:27</t>
  </si>
  <si>
    <t>d49217bf-4796-412c-9380-0c58e0c302e3.tmp</t>
  </si>
  <si>
    <t>\\acsfs\profiles$\marcosvnds\Downloads\d49217bf-4796-412c-9380-0c58e0c302e3.tmp</t>
  </si>
  <si>
    <t>01/13/2020 16:38:30</t>
  </si>
  <si>
    <t>10.200.58.134</t>
  </si>
  <si>
    <t>01/13/2020 16:33:19</t>
  </si>
  <si>
    <t>01/13/2020 16:36:10</t>
  </si>
  <si>
    <t>0f9df741-cc49-436c-81d0-a7c9ffec7e43.tmp</t>
  </si>
  <si>
    <t>\\acsfs\profiles$\alinepp\Downloads\0f9df741-cc49-436c-81d0-a7c9ffec7e43.tmp</t>
  </si>
  <si>
    <t>01/13/2020 16:39:30</t>
  </si>
  <si>
    <t>01/13/2020 16:34:26</t>
  </si>
  <si>
    <t>1ef8319f-c1d8-4db4-9a62-75f15d76234f.tmp</t>
  </si>
  <si>
    <t>\\acsfs\profiles$\LUISPLS\Downloads\1ef8319f-c1d8-4db4-9a62-75f15d76234f.tmp</t>
  </si>
  <si>
    <t>01/13/2020 16:35:47</t>
  </si>
  <si>
    <t>d6502bbc-e34c-465e-9b2f-f4d2200f5648.tmp</t>
  </si>
  <si>
    <t>\\acsfs\profiles$\lorraynevam\Downloads\d6502bbc-e34c-465e-9b2f-f4d2200f5648.tmp</t>
  </si>
  <si>
    <t>01/13/2020 16:39:31</t>
  </si>
  <si>
    <t>01/13/2020 16:41:30</t>
  </si>
  <si>
    <t>mail.google.com/_/upload?authuser=0&amp;dcp=asu-n&amp;upload_id=AEnB2UoNYoB1JKkMFuid1E27MY0u58lln_-feWrJ--hGVYMT-Rwtz2Y28SAMv7c27tbUfnluOybRcifa5r7fAICs-Gh6UHdvlcDAYN9mfoKaY79lNQRpFkg&amp;upload_protocol=resumable</t>
  </si>
  <si>
    <t>C:\Users\kesiadof\Downloads\</t>
  </si>
  <si>
    <t>2º CICLO.txt</t>
  </si>
  <si>
    <t>01/13/2020 16:36:42</t>
  </si>
  <si>
    <t>01/13/2020 16:42:30</t>
  </si>
  <si>
    <t>lu16208215ii0.tmp</t>
  </si>
  <si>
    <t>\\acsfs\profiles$\victoriaksr\My Documents\lu16208215ii0.tmp</t>
  </si>
  <si>
    <t>01/13/2020 16:36:56</t>
  </si>
  <si>
    <t>lu3856188eoe.tmp</t>
  </si>
  <si>
    <t>\\acsfs\profiles$\lucasgpe\Desktop\lu3856188eoe.tmp</t>
  </si>
  <si>
    <t>\\acsfs\profiles$\lucasgpe\Desktop\lu3856188eoe.tmp\</t>
  </si>
  <si>
    <t>\\acsfs\profiles$\lucasgpe\Desktop\lu3856188eoe.tmp\META-INF\</t>
  </si>
  <si>
    <t>\\acsfs\profiles$\lucasgpe\Desktop\lu3856188eoe.tmp\Thumbnails\</t>
  </si>
  <si>
    <t>01/13/2020 16:37:34</t>
  </si>
  <si>
    <t>01/13/2020 16:37:35</t>
  </si>
  <si>
    <t>01/13/2020 16:37:36</t>
  </si>
  <si>
    <t>01/13/2020 16:37:37</t>
  </si>
  <si>
    <t>01/13/2020 16:37:38</t>
  </si>
  <si>
    <t>01/13/2020 16:37:39</t>
  </si>
  <si>
    <t>01/13/2020 16:37:40</t>
  </si>
  <si>
    <t>01/13/2020 16:37:41</t>
  </si>
  <si>
    <t>01/13/2020 16:37:42</t>
  </si>
  <si>
    <t>01/13/2020 16:37:43</t>
  </si>
  <si>
    <t>01/13/2020 16:37:44</t>
  </si>
  <si>
    <t>01/13/2020 16:37:45</t>
  </si>
  <si>
    <t>01/13/2020 16:37:46</t>
  </si>
  <si>
    <t>01/13/2020 16:37:47</t>
  </si>
  <si>
    <t>01/13/2020 16:37:48</t>
  </si>
  <si>
    <t>01/13/2020 16:37:49</t>
  </si>
  <si>
    <t>01/13/2020 16:37:50</t>
  </si>
  <si>
    <t>01/13/2020 16:37:51</t>
  </si>
  <si>
    <t>01/13/2020 16:37:52</t>
  </si>
  <si>
    <t>01/13/2020 16:37:53</t>
  </si>
  <si>
    <t>01/13/2020 16:37:54</t>
  </si>
  <si>
    <t>01/13/2020 16:37:55</t>
  </si>
  <si>
    <t>01/13/2020 16:37:56</t>
  </si>
  <si>
    <t>01/13/2020 16:37:57</t>
  </si>
  <si>
    <t>01/13/2020 16:37:58</t>
  </si>
  <si>
    <t>01/13/2020 16:37:59</t>
  </si>
  <si>
    <t>01/13/2020 16:38:00</t>
  </si>
  <si>
    <t>01/13/2020 16:38:01</t>
  </si>
  <si>
    <t>01/13/2020 16:38:02</t>
  </si>
  <si>
    <t>01/13/2020 16:38:03</t>
  </si>
  <si>
    <t>01/13/2020 16:38:04</t>
  </si>
  <si>
    <t>01/13/2020 16:38:05</t>
  </si>
  <si>
    <t>01/13/2020 16:38:06</t>
  </si>
  <si>
    <t>01/13/2020 16:38:07</t>
  </si>
  <si>
    <t>01/13/2020 16:38:08</t>
  </si>
  <si>
    <t>01/13/2020 16:38:09</t>
  </si>
  <si>
    <t>01/13/2020 16:39:56</t>
  </si>
  <si>
    <t>01/13/2020 16:44:30</t>
  </si>
  <si>
    <t>01/13/2020 16:43:19</t>
  </si>
  <si>
    <t>lu16756236otp.tmp</t>
  </si>
  <si>
    <t>\\acsfs\profiles$\lorraynevam\lu16756236otp.tmp</t>
  </si>
  <si>
    <t>\\acsfs\profiles$\lorraynevam\lu16756236otp.tmp\</t>
  </si>
  <si>
    <t>\\acsfs\profiles$\lorraynevam\lu16756236otp.tmp\META-INF\</t>
  </si>
  <si>
    <t>\\acsfs\profiles$\lorraynevam\lu16756236otp.tmp\Thumbnails\</t>
  </si>
  <si>
    <t>01/13/2020 16:43:36</t>
  </si>
  <si>
    <t>\\acsfs\profiles$\LORRAYNEVAM\.~lock.CONTROLE DE VENDAS JANEIRO.ods#</t>
  </si>
  <si>
    <t>01/13/2020 16:39:54</t>
  </si>
  <si>
    <t>10.200.66.68</t>
  </si>
  <si>
    <t>64-1C-67-9C-83-A0</t>
  </si>
  <si>
    <t>VOTORANT-LB014</t>
  </si>
  <si>
    <t>jessicanes</t>
  </si>
  <si>
    <t>\\acsfs\profiles$\jessicanes\My Documents\</t>
  </si>
  <si>
    <t>Jéssica Bloco Principal.txt</t>
  </si>
  <si>
    <t>\\acsfs\profiles$\jessicanes\My Documents\Jéssica Bloco Principal.txt</t>
  </si>
  <si>
    <t>01/13/2020 16:45:29</t>
  </si>
  <si>
    <t>01/13/2020 16:40:54</t>
  </si>
  <si>
    <t>01/13/2020 16:46:30</t>
  </si>
  <si>
    <t>01/13/2020 16:42:54</t>
  </si>
  <si>
    <t>01/13/2020 16:43:14</t>
  </si>
  <si>
    <t>01/13/2020 16:43:20</t>
  </si>
  <si>
    <t>mail.google.com/sync/u/0/i/s?hl=pt-BR&amp;c=1179</t>
  </si>
  <si>
    <t>01/13/2020 16:43:38</t>
  </si>
  <si>
    <t>mail.google.com/sync/u/0/i/s?hl=pt-BR&amp;c=1181</t>
  </si>
  <si>
    <t>01/13/2020 16:43:45</t>
  </si>
  <si>
    <t>mail.google.com/sync/u/0/i/s?hl=pt-BR&amp;c=1184</t>
  </si>
  <si>
    <t>01/13/2020 16:44:08</t>
  </si>
  <si>
    <t>mail.google.com/sync/u/0/i/s?hl=pt-BR&amp;c=1186</t>
  </si>
  <si>
    <t>01/13/2020 16:44:18</t>
  </si>
  <si>
    <t>01/13/2020 16:44:23</t>
  </si>
  <si>
    <t>01/13/2020 16:44:41</t>
  </si>
  <si>
    <t>mail.google.com/sync/u/0/i/s?hl=pt-BR&amp;c=1193</t>
  </si>
  <si>
    <t>andrelpsa@algartech.com;bvservicedesk@bancovotorantim.com.br;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viniciussg@algartech.com;</t>
  </si>
  <si>
    <t>andrelpsa@algartech.com,bvservicedesk@bancovotorantim.com.br,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viniciussg@algartech.com</t>
  </si>
  <si>
    <t>01/13/2020 16:45:07</t>
  </si>
  <si>
    <t>mail.google.com/sync/u/0/i/s?hl=pt-BR&amp;c=1195</t>
  </si>
  <si>
    <t>01/13/2020 16:45:13</t>
  </si>
  <si>
    <t>mail.google.com/sync/u/0/i/s?hl=pt-BR&amp;c=1197</t>
  </si>
  <si>
    <t>01/13/2020 16:45:17</t>
  </si>
  <si>
    <t>01/13/2020 16:45:20</t>
  </si>
  <si>
    <t>01/13/2020 16:45:25</t>
  </si>
  <si>
    <t>mail.google.com/sync/u/0/i/s?hl=pt-BR&amp;c=1203</t>
  </si>
  <si>
    <t>01/13/2020 16:45:53</t>
  </si>
  <si>
    <t>mail.google.com/sync/u/0/i/s?hl=pt-BR&amp;c=1206</t>
  </si>
  <si>
    <t>01/13/2020 16:47:29</t>
  </si>
  <si>
    <t>01/13/2020 16:43:54</t>
  </si>
  <si>
    <t>01/13/2020 16:48:30</t>
  </si>
  <si>
    <t>01/13/2020 16:44:10</t>
  </si>
  <si>
    <t>01/13/2020 16:49:29</t>
  </si>
  <si>
    <t>e205cdf3-2081-493d-82ea-c7f152983012.tmp</t>
  </si>
  <si>
    <t>\\acsfs\profiles$\andressamf\Downloads\e205cdf3-2081-493d-82ea-c7f152983012.tmp</t>
  </si>
  <si>
    <t>01/13/2020 16:46:10</t>
  </si>
  <si>
    <t>01/13/2020 16:47:01</t>
  </si>
  <si>
    <t>01/13/2020 16:50:29</t>
  </si>
  <si>
    <t>100014251170101;</t>
  </si>
  <si>
    <t>https://100014251170101</t>
  </si>
  <si>
    <t>01/13/2020 16:47:08</t>
  </si>
  <si>
    <t>01/13/2020 16:48:27</t>
  </si>
  <si>
    <t>01/13/2020 16:49:07</t>
  </si>
  <si>
    <t>01/13/2020 16:49:11</t>
  </si>
  <si>
    <t>01/13/2020 16:49:22</t>
  </si>
  <si>
    <t>01/13/2020 16:49:31</t>
  </si>
  <si>
    <t>01/13/2020 16:46:31</t>
  </si>
  <si>
    <t>01/13/2020 16:51:30</t>
  </si>
  <si>
    <t>01/13/2020 16:52:19</t>
  </si>
  <si>
    <t>01/13/2020 16:53:30</t>
  </si>
  <si>
    <t>\\acsfs\profiles$\maxmillianosv\My Documents\xworkcenter\logs\</t>
  </si>
  <si>
    <t>XLOG_maxmillianosv_10012020_100158.log</t>
  </si>
  <si>
    <t>\\acsfs\profiles$\maxmillianosv\My Documents\xworkcenter\logs\XLOG_maxmillianosv_10012020_100158.log</t>
  </si>
  <si>
    <t>01/13/2020 16:55:29</t>
  </si>
  <si>
    <t>01/13/2020 16:51:28</t>
  </si>
  <si>
    <t>d5c8cb44-0b25-474b-a112-6a8358282ab8.tmp</t>
  </si>
  <si>
    <t>\\acsfs\profiles$\laurandos\Downloads\d5c8cb44-0b25-474b-a112-6a8358282ab8.tmp</t>
  </si>
  <si>
    <t>01/13/2020 16:50:11</t>
  </si>
  <si>
    <t>01/13/2020 16:50:13</t>
  </si>
  <si>
    <t>01/13/2020 16:50:19</t>
  </si>
  <si>
    <t>01/13/2020 16:50:42</t>
  </si>
  <si>
    <t>100014251170101;joaogvc@algartech.com;marianadjc@algartech.com;planejamentodeoperacoesetrafego@bv.com.br;ricardodfm@algartech.com.br;taysdss@algartech.com;viniciussg@algartech.com;</t>
  </si>
  <si>
    <t>https://100014251170101,joaogvc@algartech.com,marianadjc@algartech.com,planejamentodeoperacoesetrafego@bv.com.br,ricardodfm@algartech.com.br,taysdss@algartech.com,viniciussg@algartech.com</t>
  </si>
  <si>
    <t>01/13/2020 16:54:18</t>
  </si>
  <si>
    <t>01/13/2020 16:56:30</t>
  </si>
  <si>
    <t>01/13/2020 16:54:01</t>
  </si>
  <si>
    <t>\\acsfs\Deptos\Operacao\Banco_Votorantim\Supervisao\Maristela\CRBV vendas\Desligamento\</t>
  </si>
  <si>
    <t>Movimentação de UG.txt</t>
  </si>
  <si>
    <t>\\acsfs\Deptos\Operacao\Banco_Votorantim\Supervisao\Maristela\CRBV vendas\Desligamento\Movimentação de UG.txt</t>
  </si>
  <si>
    <t>01/13/2020 16:54:03</t>
  </si>
  <si>
    <t>01/13/2020 16:55:21</t>
  </si>
  <si>
    <t>01/13/2020 16:57:29</t>
  </si>
  <si>
    <t>fee98ba3-b22e-4e19-9414-9e0d9dc9ea4b.tmp</t>
  </si>
  <si>
    <t>\\acsfs\profiles$\fernandofs\Downloads\fee98ba3-b22e-4e19-9414-9e0d9dc9ea4b.tmp</t>
  </si>
  <si>
    <t>01/13/2020 16:59:29</t>
  </si>
  <si>
    <t>9ae2bf56-36cc-4719-a91c-b101b4d40e6c.tmp</t>
  </si>
  <si>
    <t>\\acsfs\profiles$\brendadsl\Downloads\9ae2bf56-36cc-4719-a91c-b101b4d40e6c.tmp</t>
  </si>
  <si>
    <t>01/13/2020 16:54:22</t>
  </si>
  <si>
    <t>1d010d76-8177-41a7-99e0-678f94334abc.tmp</t>
  </si>
  <si>
    <t>\\acsfs\profiles$\brendadsl\Downloads\1d010d76-8177-41a7-99e0-678f94334abc.tmp</t>
  </si>
  <si>
    <t>01/13/2020 16:54:23</t>
  </si>
  <si>
    <t>c5fb0983-512e-4054-b36a-9a2a566f206d.tmp</t>
  </si>
  <si>
    <t>\\acsfs\profiles$\brendadsl\Downloads\c5fb0983-512e-4054-b36a-9a2a566f206d.tmp</t>
  </si>
  <si>
    <t>01/13/2020 16:54:25</t>
  </si>
  <si>
    <t>7e52f90c-93d6-4ca7-9349-539abb6d89df.tmp</t>
  </si>
  <si>
    <t>\\acsfs\profiles$\brendadsl\Downloads\7e52f90c-93d6-4ca7-9349-539abb6d89df.tmp</t>
  </si>
  <si>
    <t>1619d1cb-5936-48e8-8aea-8ab1d9937ce4.tmp</t>
  </si>
  <si>
    <t>\\acsfs\profiles$\brendadsl\Downloads\1619d1cb-5936-48e8-8aea-8ab1d9937ce4.tmp</t>
  </si>
  <si>
    <t>01/13/2020 16:57:24</t>
  </si>
  <si>
    <t>01/13/2020 17:00:29</t>
  </si>
  <si>
    <t>\\acsfs\profiles$\gabrielsma\Desktop\</t>
  </si>
  <si>
    <t>Meu Arquivo de Dados do Outlook(1).pst</t>
  </si>
  <si>
    <t>\\acsfs\profiles$\gabrielsma\Desktop\Meu Arquivo de Dados do Outlook(1).pst</t>
  </si>
  <si>
    <t>01/13/2020 16:57:26</t>
  </si>
  <si>
    <t>01/13/2020 16:57:58</t>
  </si>
  <si>
    <t>01/13/2020 17:01:30</t>
  </si>
  <si>
    <t>9e69cc6d-6597-4551-bd63-a2efa867dd3d.tmp</t>
  </si>
  <si>
    <t>\\acsfs\profiles$\gabrielamdp\Downloads\9e69cc6d-6597-4551-bd63-a2efa867dd3d.tmp</t>
  </si>
  <si>
    <t>01/13/2020 17:00:27</t>
  </si>
  <si>
    <t>01/13/2020 16:59:27</t>
  </si>
  <si>
    <t>01/13/2020 17:03:30</t>
  </si>
  <si>
    <t>01/13/2020 17:02:48</t>
  </si>
  <si>
    <t>84964f37-4931-4d04-a8ae-0e46f0157d8f.tmp</t>
  </si>
  <si>
    <t>\\acsfs\profiles$\regisedsj\Downloads\84964f37-4931-4d04-a8ae-0e46f0157d8f.tmp</t>
  </si>
  <si>
    <t>01/13/2020 17:02:39</t>
  </si>
  <si>
    <t>01/13/2020 17:05:30</t>
  </si>
  <si>
    <t>01/13/2020 17:03:06</t>
  </si>
  <si>
    <t>01/13/2020 17:06:29</t>
  </si>
  <si>
    <t>Não confirmado 515779.crdownload</t>
  </si>
  <si>
    <t>\\acsfs\Deptos\Operacao\Banco_Votorantim\Supervisao\Maristela\CRBV vendas\Desligamento\Não confirmado 515779.crdownload</t>
  </si>
  <si>
    <t>01/13/2020 17:04:03</t>
  </si>
  <si>
    <t>Giuliany - rescisão.7z</t>
  </si>
  <si>
    <t>\\acsfs\Deptos\Operacao\Banco_Votorantim\Supervisao\Maristela\CRBV vendas\Desligamento\Giuliany - rescisão.7z</t>
  </si>
  <si>
    <t>\\acsfs\Deptos\Operacao\Banco_Votorantim\Supervisao\Maristela\CRBV vendas\Desligamento\Giuliany - rescisão.7z\</t>
  </si>
  <si>
    <t>Giuliany - rescisÃ£o.pdf</t>
  </si>
  <si>
    <t>01/13/2020 17:04:12</t>
  </si>
  <si>
    <t>13/01/2020;</t>
  </si>
  <si>
    <t>https://13/01/2020</t>
  </si>
  <si>
    <t>01/13/2020 17:05:40</t>
  </si>
  <si>
    <t>Giulliany - rescisão.7z</t>
  </si>
  <si>
    <t>\\acsfs\Deptos\Operacao\Banco_Votorantim\Supervisao\Maristela\CRBV vendas\Desligamento\Giulliany - rescisão.7z\</t>
  </si>
  <si>
    <t>01/13/2020 17:05:52</t>
  </si>
  <si>
    <t>https://algar.folhasinergyrh.com.br/rescisao/upload?id=0&amp;idsolicitacao=20678&amp;idprerescisao=0</t>
  </si>
  <si>
    <t>01/13/2020 17:04:15</t>
  </si>
  <si>
    <t>https://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viniciussg@algartech.com</t>
  </si>
  <si>
    <t>01/13/2020 17:04:56</t>
  </si>
  <si>
    <t>01/13/2020 17:07:30</t>
  </si>
  <si>
    <t>01/13/2020 17:04:57</t>
  </si>
  <si>
    <t>01/13/2020 17:05:37</t>
  </si>
  <si>
    <t>01/13/2020 17:05:59</t>
  </si>
  <si>
    <t>01/13/2020 17:06:26</t>
  </si>
  <si>
    <t>01/13/2020 17:03:20</t>
  </si>
  <si>
    <t>01/13/2020 17:08:29</t>
  </si>
  <si>
    <t>\\acsfs\profiles$\maxmillianosv\My Documents\xworkcenter\lex\</t>
  </si>
  <si>
    <t>\\acsfs\profiles$\maxmillianosv\My Documents\xworkcenter\lex\temp.tlx</t>
  </si>
  <si>
    <t>01/13/2020 17:03:21</t>
  </si>
  <si>
    <t>01/13/2020 17:03:22</t>
  </si>
  <si>
    <t>01/13/2020 17:03:23</t>
  </si>
  <si>
    <t>01/13/2020 17:03:24</t>
  </si>
  <si>
    <t>01/13/2020 17:03:25</t>
  </si>
  <si>
    <t>01/13/2020 17:03:26</t>
  </si>
  <si>
    <t>01/13/2020 17:03:27</t>
  </si>
  <si>
    <t>01/13/2020 17:03:28</t>
  </si>
  <si>
    <t>01/13/2020 17:03:29</t>
  </si>
  <si>
    <t>01/13/2020 17:03:31</t>
  </si>
  <si>
    <t>01/13/2020 17:03:32</t>
  </si>
  <si>
    <t>01/13/2020 17:03:33</t>
  </si>
  <si>
    <t>01/13/2020 17:03:34</t>
  </si>
  <si>
    <t>01/13/2020 17:03:35</t>
  </si>
  <si>
    <t>01/13/2020 17:03:36</t>
  </si>
  <si>
    <t>01/13/2020 17:03:37</t>
  </si>
  <si>
    <t>01/13/2020 17:03:38</t>
  </si>
  <si>
    <t>01/13/2020 17:03:39</t>
  </si>
  <si>
    <t>01/13/2020 17:03:40</t>
  </si>
  <si>
    <t>01/13/2020 17:03:41</t>
  </si>
  <si>
    <t>01/13/2020 17:03:42</t>
  </si>
  <si>
    <t>01/13/2020 17:03:43</t>
  </si>
  <si>
    <t>01/13/2020 17:03:44</t>
  </si>
  <si>
    <t>01/13/2020 17:03:45</t>
  </si>
  <si>
    <t>01/13/2020 17:05:08</t>
  </si>
  <si>
    <t>01/13/2020 17:10:29</t>
  </si>
  <si>
    <t>01/13/2020 17:06:54</t>
  </si>
  <si>
    <t>01/13/2020 17:11:29</t>
  </si>
  <si>
    <t>mail.google.com/sync/u/0/i/s?hl=pt-BR&amp;c=1223</t>
  </si>
  <si>
    <t>01/13/2020 17:07:05</t>
  </si>
  <si>
    <t>mail.google.com/sync/u/0/i/s?hl=pt-BR&amp;c=1225</t>
  </si>
  <si>
    <t>01/13/2020 17:07:13</t>
  </si>
  <si>
    <t>mail.google.com/sync/u/0/i/s?hl=pt-BR&amp;c=1227</t>
  </si>
  <si>
    <t>01/13/2020 17:07:33</t>
  </si>
  <si>
    <t>mail.google.com/sync/u/0/i/s?hl=pt-BR&amp;c=1229</t>
  </si>
  <si>
    <t>01/13/2020 17:07:57</t>
  </si>
  <si>
    <t>mail.google.com/sync/u/0/i/s?hl=pt-BR&amp;c=1232</t>
  </si>
  <si>
    <t>01/13/2020 17:08:06</t>
  </si>
  <si>
    <t>mail.google.com/sync/u/0/i/s?hl=pt-BR&amp;c=1234</t>
  </si>
  <si>
    <t>01/13/2020 17:08:09</t>
  </si>
  <si>
    <t>mail.google.com/sync/u/0/i/s?hl=pt-BR&amp;c=1236</t>
  </si>
  <si>
    <t>01/13/2020 17:08:16</t>
  </si>
  <si>
    <t>mail.google.com/sync/u/0/i/s?hl=pt-BR&amp;c=1238</t>
  </si>
  <si>
    <t>01/13/2020 17:08:22</t>
  </si>
  <si>
    <t>mail.google.com/sync/u/0/i/s?hl=pt-BR&amp;c=1240</t>
  </si>
  <si>
    <t>01/13/2020 17:12:52</t>
  </si>
  <si>
    <t>01/13/2020 17:14:30</t>
  </si>
  <si>
    <t>Chamados Desvio.txt</t>
  </si>
  <si>
    <t>\\acsfs\Deptos\Operacao\Banco_Votorantim\Supervisao\Flávia Constantina Nogueira\Chamados Desvio.txt</t>
  </si>
  <si>
    <t>01/13/2020 17:12:59</t>
  </si>
  <si>
    <t>01/13/2020 17:15:29</t>
  </si>
  <si>
    <t>01/13/2020 17:14:42</t>
  </si>
  <si>
    <t>\\acsfs\ACS\Gabriel da Silva\Contemporânea\NPS\NPS CRBV_Base.xlsb\</t>
  </si>
  <si>
    <t>\\acsfs\ACS\Gabriel da Silva\Contemporânea\NPS\NPS CRBV_Base.xlsb</t>
  </si>
  <si>
    <t>NPS CRBV_Base.xlsb</t>
  </si>
  <si>
    <t>01/13/2020 17:15:21</t>
  </si>
  <si>
    <t>ba53fd14-4276-4d41-a28c-b58a934d8087.tmp</t>
  </si>
  <si>
    <t>\\acsfs\profiles$\layonmof\Downloads\ba53fd14-4276-4d41-a28c-b58a934d8087.tmp</t>
  </si>
  <si>
    <t>01/13/2020 17:13:01</t>
  </si>
  <si>
    <t>01/13/2020 17:16:29</t>
  </si>
  <si>
    <t>7707643b-bb02-42f3-b856-a2020509e434.tmp</t>
  </si>
  <si>
    <t>\\acsfs\profiles$\ingridsm\Downloads\7707643b-bb02-42f3-b856-a2020509e434.tmp</t>
  </si>
  <si>
    <t>01/13/2020 17:15:45</t>
  </si>
  <si>
    <t>01/13/2020 17:15:47</t>
  </si>
  <si>
    <t>01/13/2020 17:18:30</t>
  </si>
  <si>
    <t>01/13/2020 17:16:06</t>
  </si>
  <si>
    <t>mail.google.com/sync/u/0/i/s?hl=pt-BR&amp;c=315</t>
  </si>
  <si>
    <t>01/13/2020 17:16:25</t>
  </si>
  <si>
    <t>mail.google.com/sync/u/0/i/s?hl=pt-BR&amp;c=320</t>
  </si>
  <si>
    <t>01/13/2020 17:16:34</t>
  </si>
  <si>
    <t>mail.google.com/sync/u/0/i/s?hl=pt-BR&amp;c=323</t>
  </si>
  <si>
    <t>01/13/2020 17:16:51</t>
  </si>
  <si>
    <t>mail.google.com/sync/u/0/i/s?hl=pt-BR&amp;c=326</t>
  </si>
  <si>
    <t>01/13/2020 17:16:59</t>
  </si>
  <si>
    <t>mail.google.com/sync/u/0/i/s?hl=pt-BR&amp;c=328</t>
  </si>
  <si>
    <t>01/13/2020 17:17:07</t>
  </si>
  <si>
    <t>mail.google.com/sync/u/0/i/s?hl=pt-BR&amp;c=331</t>
  </si>
  <si>
    <t>01/13/2020 17:17:12</t>
  </si>
  <si>
    <t>01/13/2020 17:17:17</t>
  </si>
  <si>
    <t>01/13/2020 17:17:19</t>
  </si>
  <si>
    <t>01/13/2020 17:14:38</t>
  </si>
  <si>
    <t>01/13/2020 17:19:29</t>
  </si>
  <si>
    <t>01/13/2020 17:17:42</t>
  </si>
  <si>
    <t>01/13/2020 17:20:30</t>
  </si>
  <si>
    <t>82b4e1d2-963b-4b25-95db-6f26abf19edf.tmp</t>
  </si>
  <si>
    <t>\\acsfs\profiles$\henriqueco\Downloads\82b4e1d2-963b-4b25-95db-6f26abf19edf.tmp</t>
  </si>
  <si>
    <t>01/13/2020 17:19:57</t>
  </si>
  <si>
    <t>9ab7da14-a95b-4484-ac45-a05383925b27.tmp</t>
  </si>
  <si>
    <t>\\acsfs\profiles$\gabrielsma\Downloads\9ab7da14-a95b-4484-ac45-a05383925b27.tmp</t>
  </si>
  <si>
    <t>01/13/2020 17:20:02</t>
  </si>
  <si>
    <t>01/13/2020 17:15:41</t>
  </si>
  <si>
    <t>dedd97cf-9c0e-4614-a954-a2a581b83270.tmp</t>
  </si>
  <si>
    <t>\\acsfs\profiles$\layonmof\Downloads\dedd97cf-9c0e-4614-a954-a2a581b83270.tmp</t>
  </si>
  <si>
    <t>a11f55b5-c1aa-4f6b-9d0f-c4b584c6475f.tmp</t>
  </si>
  <si>
    <t>\\acsfs\profiles$\layonmof\Downloads\a11f55b5-c1aa-4f6b-9d0f-c4b584c6475f.tmp</t>
  </si>
  <si>
    <t>01/13/2020 17:21:29</t>
  </si>
  <si>
    <t>01/13/2020 17:20:17</t>
  </si>
  <si>
    <t>chamados service desk.txt</t>
  </si>
  <si>
    <t>\\acsfs\Deptos\Operacao\Banco_Votorantim\Supervisao\Maristela\CRBV vendas\Desligamento\chamados service desk.txt</t>
  </si>
  <si>
    <t>01/13/2020 17:21:50</t>
  </si>
  <si>
    <t>01/13/2020 17:22:29</t>
  </si>
  <si>
    <t>b514e74c-8dc5-4877-98d1-26bbd27fd1b9.tmp</t>
  </si>
  <si>
    <t>\\acsfs\profiles$\fernandofs\Downloads\b514e74c-8dc5-4877-98d1-26bbd27fd1b9.tmp</t>
  </si>
  <si>
    <t>01/13/2020 17:19:41</t>
  </si>
  <si>
    <t>01/13/2020 17:23:30</t>
  </si>
  <si>
    <t>mail.google.com/sync/u/0/i/s?hl=pt-BR&amp;c=358</t>
  </si>
  <si>
    <t>01/13/2020 17:20:11</t>
  </si>
  <si>
    <t>mail.google.com/sync/u/0/i/s?hl=pt-BR&amp;c=368</t>
  </si>
  <si>
    <t>01/13/2020 17:21:38</t>
  </si>
  <si>
    <t>01/13/2020 17:25:30</t>
  </si>
  <si>
    <t>79eb8ea3-8202-4e4e-90dc-34e712e2a240.tmp</t>
  </si>
  <si>
    <t>\\acsfs\profiles$\gabrielsma\Downloads\79eb8ea3-8202-4e4e-90dc-34e712e2a240.tmp</t>
  </si>
  <si>
    <t>01/13/2020 17:21:40</t>
  </si>
  <si>
    <t>01/13/2020 17:23:11</t>
  </si>
  <si>
    <t>4ed3e80b-6cdc-4590-a96f-ca24cd9b40cb.tmp</t>
  </si>
  <si>
    <t>\\acsfs\profiles$\gabrielsma\Downloads\4ed3e80b-6cdc-4590-a96f-ca24cd9b40cb.tmp</t>
  </si>
  <si>
    <t>01/13/2020 17:23:12</t>
  </si>
  <si>
    <t>Q29udHJvbGxlci5TQUNBLVNBQy1UUkFDRV8x.ica.crdownload</t>
  </si>
  <si>
    <t>\\acsfs\ACS\Gabriel da Silva\Contemporânea\Acessos\Q29udHJvbGxlci5TQUNBLVNBQy1UUkFDRV8x.ica.crdownload</t>
  </si>
  <si>
    <t>01/13/2020 17:24:34</t>
  </si>
  <si>
    <t>01/13/2020 17:24:44</t>
  </si>
  <si>
    <t>01/13/2020 17:25:17</t>
  </si>
  <si>
    <t>d347b35a-9938-48bd-b900-eabf21c82086.tmp</t>
  </si>
  <si>
    <t>\\acsfs\profiles$\gabrielsma\Downloads\d347b35a-9938-48bd-b900-eabf21c82086.tmp</t>
  </si>
  <si>
    <t>01/13/2020 17:25:19</t>
  </si>
  <si>
    <t>01/13/2020 17:25:59</t>
  </si>
  <si>
    <t>01/13/2020 17:26:29</t>
  </si>
  <si>
    <t>mail.google.com/sync/u/0/i/s?hl=pt-BR&amp;c=25</t>
  </si>
  <si>
    <t>fernandaab@algartech.com;kesiadof@algartech.com;lilianls@algartech.com;talmaiardo@algartech.com;</t>
  </si>
  <si>
    <t>fernandaab@algartech.com,kesiadof@algartech.com,lilianls@algartech.com,talmaiardo@algartech.com</t>
  </si>
  <si>
    <t>01/13/2020 17:26:09</t>
  </si>
  <si>
    <t>01/13/2020 17:27:27</t>
  </si>
  <si>
    <t>01/13/2020 17:29:30</t>
  </si>
  <si>
    <t>\\acsfs\profiles$\nathaliarmr\Desktop\</t>
  </si>
  <si>
    <t>atualizado.txt</t>
  </si>
  <si>
    <t>\\acsfs\profiles$\nathaliarmr\Desktop\atualizado.txt</t>
  </si>
  <si>
    <t>01/13/2020 17:26:41</t>
  </si>
  <si>
    <t>01/13/2020 17:26:43</t>
  </si>
  <si>
    <t>safagfrwar.xlsx</t>
  </si>
  <si>
    <t>\\acsfs\ACS\Gabriel da Silva\Contemporânea\Acessos\safagfrwar.xlsx</t>
  </si>
  <si>
    <t>10.200.67.110</t>
  </si>
  <si>
    <t>D0-94-66-B5-5D-59</t>
  </si>
  <si>
    <t>VOTORANT-PB017</t>
  </si>
  <si>
    <t>01/13/2020 17:27:35</t>
  </si>
  <si>
    <t>mariajaf</t>
  </si>
  <si>
    <t>\\acsfs\profiles$\mariajaf\My Documents\My Pictures\</t>
  </si>
  <si>
    <t>\\acsfs\profiles$\mariajaf\My Documents\My Videos\desktop.ini</t>
  </si>
  <si>
    <t>01/13/2020 17:27:37</t>
  </si>
  <si>
    <t>\\acsfs\profiles$\mariajaf\My Documents\My Videos\</t>
  </si>
  <si>
    <t>01/13/2020 17:27:56</t>
  </si>
  <si>
    <t>01/13/2020 17:27:58</t>
  </si>
  <si>
    <t>01/13/2020 17:27:59</t>
  </si>
  <si>
    <t>01/13/2020 17:28:02</t>
  </si>
  <si>
    <t>\\acsfs\profiles$\mariajaf\My Documents\My Pictures\desktop.ini</t>
  </si>
  <si>
    <t>01/13/2020 17:28:03</t>
  </si>
  <si>
    <t>01/13/2020 17:28:08</t>
  </si>
  <si>
    <t>01/13/2020 17:28:09</t>
  </si>
  <si>
    <t>01/13/2020 17:28:15</t>
  </si>
  <si>
    <t>01/13/2020 17:28:20</t>
  </si>
  <si>
    <t>\\acsfs\profiles$\mariajaf\Contacts\</t>
  </si>
  <si>
    <t>\\acsfs\profiles$\mariajaf\Contacts\desktop.ini</t>
  </si>
  <si>
    <t>01/13/2020 17:28:21</t>
  </si>
  <si>
    <t>01/13/2020 17:28:28</t>
  </si>
  <si>
    <t>01/13/2020 17:28:29</t>
  </si>
  <si>
    <t>01/13/2020 17:28:31</t>
  </si>
  <si>
    <t>01/13/2020 17:28:32</t>
  </si>
  <si>
    <t>01/13/2020 17:28:34</t>
  </si>
  <si>
    <t>\\acsfs\profiles$\mariajaf\My Documents\</t>
  </si>
  <si>
    <t>\\acsfs\profiles$\mariajaf\Favorites\desktop.ini</t>
  </si>
  <si>
    <t>01/13/2020 17:28:35</t>
  </si>
  <si>
    <t>01/13/2020 17:28:36</t>
  </si>
  <si>
    <t>01/13/2020 17:28:39</t>
  </si>
  <si>
    <t>01/13/2020 17:28:42</t>
  </si>
  <si>
    <t>01/13/2020 17:28:44</t>
  </si>
  <si>
    <t>01/13/2020 17:28:46</t>
  </si>
  <si>
    <t>01/13/2020 17:28:48</t>
  </si>
  <si>
    <t>\\acsfs\profiles$\mariajaf\Searches\</t>
  </si>
  <si>
    <t>\\acsfs\profiles$\mariajaf\Searches\desktop.ini</t>
  </si>
  <si>
    <t>01/13/2020 17:28:50</t>
  </si>
  <si>
    <t>01/13/2020 17:28:51</t>
  </si>
  <si>
    <t>\\acsfs\profiles$\mariajaf\Downloads\</t>
  </si>
  <si>
    <t>\\acsfs\profiles$\mariajaf\Downloads\desktop.ini</t>
  </si>
  <si>
    <t>01/13/2020 17:28:52</t>
  </si>
  <si>
    <t>01/13/2020 17:28:54</t>
  </si>
  <si>
    <t>\\acsfs\profiles$\mariajaf\Favorites\</t>
  </si>
  <si>
    <t>\\acsfs\profiles$\mariajaf\My Documents\desktop.ini</t>
  </si>
  <si>
    <t>01/13/2020 17:28:56</t>
  </si>
  <si>
    <t>01/13/2020 17:28:58</t>
  </si>
  <si>
    <t>01/13/2020 17:28:59</t>
  </si>
  <si>
    <t>01/13/2020 17:29:00</t>
  </si>
  <si>
    <t>01/13/2020 17:29:02</t>
  </si>
  <si>
    <t>\\acsfs\profiles$\mariajaf\Saved Games\desktop.ini</t>
  </si>
  <si>
    <t>01/13/2020 17:29:03</t>
  </si>
  <si>
    <t>01/13/2020 17:25:55</t>
  </si>
  <si>
    <t>01/13/2020 17:31:29</t>
  </si>
  <si>
    <t>10e5f72d-b38f-41e2-a46f-5db6c0c326c4.tmp</t>
  </si>
  <si>
    <t>\\acsfs\profiles$\joselrb\Downloads\10e5f72d-b38f-41e2-a46f-5db6c0c326c4.tmp</t>
  </si>
  <si>
    <t>01/13/2020 17:26:49</t>
  </si>
  <si>
    <t>mail.google.com/sync/u/0/i/s?hl=pt-BR&amp;c=41</t>
  </si>
  <si>
    <t>01/13/2020 17:27:30</t>
  </si>
  <si>
    <t>C:\Users\marianadjc\Desktop\</t>
  </si>
  <si>
    <t>LOG CHAMADAS DETALHADO - BV CARTÕES DEZ_JAN.xlsx</t>
  </si>
  <si>
    <t>01/13/2020 17:30:27</t>
  </si>
  <si>
    <t>01/13/2020 17:29:19</t>
  </si>
  <si>
    <t>a2043ba3-8cf2-426a-a502-07f64e2791d0.tmp</t>
  </si>
  <si>
    <t>\\acsfs\profiles$\fabianafv\Downloads\a2043ba3-8cf2-426a-a502-07f64e2791d0.tmp</t>
  </si>
  <si>
    <t>01/13/2020 17:32:29</t>
  </si>
  <si>
    <t>lu564844brpbp.tmp</t>
  </si>
  <si>
    <t>\\acsfs\profiles$\ALEXANDREMM\lu564844brpbp.tmp</t>
  </si>
  <si>
    <t>\\acsfs\profiles$\ALEXANDREMM\lu564844brpbp.tmp\</t>
  </si>
  <si>
    <t>\\acsfs\profiles$\ALEXANDREMM\lu564844brpbp.tmp\META-INF\</t>
  </si>
  <si>
    <t>\\acsfs\profiles$\ALEXANDREMM\lu564844brpbp.tmp\Thumbnails\</t>
  </si>
  <si>
    <t>01/13/2020 17:33:29</t>
  </si>
  <si>
    <t>01/13/2020 17:28:25</t>
  </si>
  <si>
    <t>9930e141-c10b-4d23-9a15-6ac1c84b392d.tmp</t>
  </si>
  <si>
    <t>\\acsfs\profiles$\paulohaf\Downloads\9930e141-c10b-4d23-9a15-6ac1c84b392d.tmp</t>
  </si>
  <si>
    <t>01/13/2020 17:34:30</t>
  </si>
  <si>
    <t>01/13/2020 17:31:41</t>
  </si>
  <si>
    <t>c:\users\flaviacno\downloads\</t>
  </si>
  <si>
    <t>servicosdetran (1).pdf</t>
  </si>
  <si>
    <t>01/13/2020 17:31:50</t>
  </si>
  <si>
    <t>servicosdetran.pdf</t>
  </si>
  <si>
    <t>01/13/2020 17:31:57</t>
  </si>
  <si>
    <t>ipva (1).pdf</t>
  </si>
  <si>
    <t>01/13/2020 17:32:09</t>
  </si>
  <si>
    <t>ipva.pdf</t>
  </si>
  <si>
    <t>01/13/2020 17:32:32</t>
  </si>
  <si>
    <t>20a7369e-2e11-4cec-92c4-f574b8f0bcce.tmp</t>
  </si>
  <si>
    <t>\\acsfs\profiles$\gabrielsma\Downloads\20a7369e-2e11-4cec-92c4-f574b8f0bcce.tmp</t>
  </si>
  <si>
    <t>01/13/2020 17:32:41</t>
  </si>
  <si>
    <t>winrt--{S-1-5-21-602162358-764733703-839522115-358564}-.searchconnector-ms</t>
  </si>
  <si>
    <t>\\acsfs\profiles$\mariajaf\Searches\winrt--{S-1-5-21-602162358-764733703-839522115-358564}-.searchconnector-ms</t>
  </si>
  <si>
    <t>01/13/2020 17:31:22</t>
  </si>
  <si>
    <t>041ce7d0-9002-4a28-a4f2-94782cfe1bf5.tmp</t>
  </si>
  <si>
    <t>\\acsfs\profiles$\mariajaf\Downloads\041ce7d0-9002-4a28-a4f2-94782cfe1bf5.tmp</t>
  </si>
  <si>
    <t>01/13/2020 17:32:45</t>
  </si>
  <si>
    <t>4abada3e-e152-4ab2-b9f3-84e66d9e1d08.tmp</t>
  </si>
  <si>
    <t>\\acsfs\profiles$\mariajaf\Downloads\4abada3e-e152-4ab2-b9f3-84e66d9e1d08.tmp</t>
  </si>
  <si>
    <t>01/13/2020 17:35:26</t>
  </si>
  <si>
    <t>01/13/2020 17:35:30</t>
  </si>
  <si>
    <t>10.200.67.140</t>
  </si>
  <si>
    <t>78-2B-CB-C1-05-4B</t>
  </si>
  <si>
    <t>VOTORANT-LB004</t>
  </si>
  <si>
    <t>3f4e907b-5303-4925-84c1-05c3372419af.tmp</t>
  </si>
  <si>
    <t>\\acsfs\profiles$\victorgl\Downloads\3f4e907b-5303-4925-84c1-05c3372419af.tmp</t>
  </si>
  <si>
    <t>01/13/2020 17:30:57</t>
  </si>
  <si>
    <t>01/13/2020 17:36:31</t>
  </si>
  <si>
    <t>\\acsfs\profiles$\leydianeamd\My Documents\</t>
  </si>
  <si>
    <t>Leydiane Aparecida.txt</t>
  </si>
  <si>
    <t>\\acsfs\profiles$\leydianeamd\My Documents\Leydiane Aparecida.txt</t>
  </si>
  <si>
    <t>01/13/2020 17:33:27</t>
  </si>
  <si>
    <t>01/13/2020 17:33:47</t>
  </si>
  <si>
    <t>01/13/2020 17:34:57</t>
  </si>
  <si>
    <t>01/13/2020 17:35:38</t>
  </si>
  <si>
    <t>11-01 RELATORIO DE LOGIN AVON.xlsm</t>
  </si>
  <si>
    <t>\\acsfs\deptos\Operacao\PCP\5 - Comum\CONTROL DESK\2 - DAC2\Control Desk AVON\Relatorios\Status de login\2020\11-01 RELATORIO DE LOGIN AVON.xlsm</t>
  </si>
  <si>
    <t>01/13/2020 17:32:18</t>
  </si>
  <si>
    <t>01/13/2020 17:37:30</t>
  </si>
  <si>
    <t>01/13/2020 17:32:47</t>
  </si>
  <si>
    <t>01/13/2020 17:32:48</t>
  </si>
  <si>
    <t>01/13/2020 17:32:51</t>
  </si>
  <si>
    <t>01/13/2020 17:32:53</t>
  </si>
  <si>
    <t>01/13/2020 17:32:54</t>
  </si>
  <si>
    <t>01/13/2020 17:32:55</t>
  </si>
  <si>
    <t>01/13/2020 17:33:08</t>
  </si>
  <si>
    <t>01/13/2020 17:33:14</t>
  </si>
  <si>
    <t>01/13/2020 17:33:18</t>
  </si>
  <si>
    <t>01/13/2020 17:33:53</t>
  </si>
  <si>
    <t>01/13/2020 17:33:55</t>
  </si>
  <si>
    <t>01/13/2020 17:33:57</t>
  </si>
  <si>
    <t>01/13/2020 17:33:58</t>
  </si>
  <si>
    <t>01/13/2020 17:34:00</t>
  </si>
  <si>
    <t>01/13/2020 17:34:01</t>
  </si>
  <si>
    <t>01/13/2020 17:34:02</t>
  </si>
  <si>
    <t>01/13/2020 17:34:03</t>
  </si>
  <si>
    <t>01/13/2020 17:34:04</t>
  </si>
  <si>
    <t>01/13/2020 17:34:05</t>
  </si>
  <si>
    <t>01/13/2020 17:34:06</t>
  </si>
  <si>
    <t>01/13/2020 17:34:07</t>
  </si>
  <si>
    <t>01/13/2020 17:34:08</t>
  </si>
  <si>
    <t>01/13/2020 17:34:09</t>
  </si>
  <si>
    <t>01/13/2020 17:34:10</t>
  </si>
  <si>
    <t>01/13/2020 17:34:12</t>
  </si>
  <si>
    <t>01/13/2020 17:34:13</t>
  </si>
  <si>
    <t>01/13/2020 17:34:14</t>
  </si>
  <si>
    <t>01/13/2020 17:34:16</t>
  </si>
  <si>
    <t>01/13/2020 17:34:17</t>
  </si>
  <si>
    <t>01/13/2020 17:35:20</t>
  </si>
  <si>
    <t>01278e9d-e674-4410-8187-cd04449b49d3.tmp</t>
  </si>
  <si>
    <t>\\acsfs\profiles$\nathaliaos\Downloads\01278e9d-e674-4410-8187-cd04449b49d3.tmp</t>
  </si>
  <si>
    <t>01/13/2020 17:35:43</t>
  </si>
  <si>
    <t>c84325e9-bd98-49f5-bd5f-510f4ae116c5.tmp</t>
  </si>
  <si>
    <t>\\acsfs\profiles$\nathaliaos\Downloads\c84325e9-bd98-49f5-bd5f-510f4ae116c5.tmp</t>
  </si>
  <si>
    <t>01/13/2020 17:36:08</t>
  </si>
  <si>
    <t>ed0e7e92-1fa1-4f70-9745-5d1529ca720b.tmp</t>
  </si>
  <si>
    <t>\\acsfs\profiles$\nathaliaos\Downloads\ed0e7e92-1fa1-4f70-9745-5d1529ca720b.tmp</t>
  </si>
  <si>
    <t>01/13/2020 17:39:30</t>
  </si>
  <si>
    <t>01/13/2020 17:35:06</t>
  </si>
  <si>
    <t>C:\Users\flaviacno\AppData\Roaming\Adobe\LogTransport2\Logs\</t>
  </si>
  <si>
    <t>ulog_AcroARM2_ARM2Update_3b8210f9-3618-47e4-b9cc-5aaaba62831a_a24bf04b-d096-4bc7-ba31-caab2c92873c_0.log</t>
  </si>
  <si>
    <t>C:\Users\flaviacno\AppData\Roaming\Adobe\LogTransport2\Logs\ulog_AcroARM2_ARM2Update_3b8210f9-3618-47e4-b9cc-5aaaba62831a_a24bf04b-d096-4bc7-ba31-caab2c92873c_0.log\</t>
  </si>
  <si>
    <t>ulog_AcroARM2_Reader_3b8210f9-3618-47e4-b9cc-5aaaba62831a_2444da60-d621-488a-a6ed-3025efe4db4c_0.log</t>
  </si>
  <si>
    <t>C:\Users\flaviacno\AppData\Roaming\Adobe\LogTransport2\Logs\ulog_AcroARM2_Reader_3b8210f9-3618-47e4-b9cc-5aaaba62831a_2444da60-d621-488a-a6ed-3025efe4db4c_0.log\</t>
  </si>
  <si>
    <t>ulog_AcroARM2_Reader_3b8210f9-3618-47e4-b9cc-5aaaba62831a_744b4dfe-567c-403e-aa0f-a85cb98cb3bf_0.log</t>
  </si>
  <si>
    <t>C:\Users\flaviacno\AppData\Roaming\Adobe\LogTransport2\Logs\ulog_AcroARM2_Reader_3b8210f9-3618-47e4-b9cc-5aaaba62831a_744b4dfe-567c-403e-aa0f-a85cb98cb3bf_0.log\</t>
  </si>
  <si>
    <t>ulog_AcroARM2_Reader_3b8210f9-3618-47e4-b9cc-5aaaba62831a_9ac652d7-bdb9-4d2c-95c1-79dbddd6012a_0.log</t>
  </si>
  <si>
    <t>C:\Users\flaviacno\AppData\Roaming\Adobe\LogTransport2\Logs\ulog_AcroARM2_Reader_3b8210f9-3618-47e4-b9cc-5aaaba62831a_9ac652d7-bdb9-4d2c-95c1-79dbddd6012a_0.log\</t>
  </si>
  <si>
    <t>01/13/2020 17:35:07</t>
  </si>
  <si>
    <t>ulog_Acrobat12_Reader_3b8210f9-3618-47e4-b9cc-5aaaba62831a_dd28ed71-6dac-4ee8-8b35-0328951c5b35_0.log</t>
  </si>
  <si>
    <t>C:\Users\flaviacno\AppData\Roaming\Adobe\LogTransport2\Logs\ulog_Acrobat12_Reader_3b8210f9-3618-47e4-b9cc-5aaaba62831a_dd28ed71-6dac-4ee8-8b35-0328951c5b35_0.log\</t>
  </si>
  <si>
    <t>ulog_Acrobat12_Reader_3b8210f9-3618-47e4-b9cc-5aaaba62831a_f6af95dc-1287-430a-910a-6ff64a510f1a_0.log</t>
  </si>
  <si>
    <t>C:\Users\flaviacno\AppData\Roaming\Adobe\LogTransport2\Logs\ulog_Acrobat12_Reader_3b8210f9-3618-47e4-b9cc-5aaaba62831a_f6af95dc-1287-430a-910a-6ff64a510f1a_0.log\</t>
  </si>
  <si>
    <t>ulog_HeadlightsOptinProductFamily_HeadlightsOptinProduct_00000000-0000-0000-0000-000000000000_7f01d662-203e-4327-a731-700e19d42cbe.log</t>
  </si>
  <si>
    <t>C:\Users\flaviacno\AppData\Roaming\Adobe\LogTransport2\Logs\ulog_HeadlightsOptinProductFamily_HeadlightsOptinProduct_00000000-0000-0000-0000-000000000000_7f01d662-203e-4327-a731-700e19d42cbe.log\</t>
  </si>
  <si>
    <t>01/13/2020 17:35:10</t>
  </si>
  <si>
    <t>28ff980b-fb41-48d3-81d3-396042d8ada1.tmp</t>
  </si>
  <si>
    <t>\\acsfs\profiles$\gabrielsma\Downloads\28ff980b-fb41-48d3-81d3-396042d8ada1.tmp</t>
  </si>
  <si>
    <t>01/13/2020 17:35:18</t>
  </si>
  <si>
    <t>d8c57f03-760d-43ff-9d73-17b79fd7c808.tmp</t>
  </si>
  <si>
    <t>\\acsfs\profiles$\gabrielsma\Downloads\d8c57f03-760d-43ff-9d73-17b79fd7c808.tmp</t>
  </si>
  <si>
    <t>01/13/2020 17:35:21</t>
  </si>
  <si>
    <t>Q29udHJvbGxlci5TQUNBLVNBQy1UUkFDRV8x (1).ica.crdownload</t>
  </si>
  <si>
    <t>\\acsfs\ACS\Gabriel da Silva\Contemporânea\Acessos\Q29udHJvbGxlci5TQUNBLVNBQy1UUkFDRV8x (1).ica.crdownload</t>
  </si>
  <si>
    <t>01/13/2020 17:39:50</t>
  </si>
  <si>
    <t>01/13/2020 17:40:31</t>
  </si>
  <si>
    <t>eae989b3-aa84-4ddd-9bd5-f8af9aee13a1.tmp</t>
  </si>
  <si>
    <t>\\acsfs\profiles$\nycolleemdj\Downloads\eae989b3-aa84-4ddd-9bd5-f8af9aee13a1.tmp</t>
  </si>
  <si>
    <t>01/13/2020 17:35:55</t>
  </si>
  <si>
    <t>510a9f3e-c2d4-4b0d-ab6d-e79891ac1bc2.tmp</t>
  </si>
  <si>
    <t>\\acsfs\profiles$\victorgl\Downloads\510a9f3e-c2d4-4b0d-ab6d-e79891ac1bc2.tmp</t>
  </si>
  <si>
    <t>01/13/2020 17:36:58</t>
  </si>
  <si>
    <t>a3e1733f-8491-45bc-8994-ac072f65a81c.tmp</t>
  </si>
  <si>
    <t>\\acsfs\profiles$\victorgl\Downloads\a3e1733f-8491-45bc-8994-ac072f65a81c.tmp</t>
  </si>
  <si>
    <t>01/13/2020 17:37:43</t>
  </si>
  <si>
    <t>56d6cab4-b45a-4ace-aeb1-224290917286.tmp</t>
  </si>
  <si>
    <t>\\acsfs\profiles$\victorgl\Downloads\56d6cab4-b45a-4ace-aeb1-224290917286.tmp</t>
  </si>
  <si>
    <t>01/13/2020 17:41:30</t>
  </si>
  <si>
    <t>\\acsfs\Deptos\EDUCACAO EMPRESARIAL\KÉSIA\OUVIDORIA, PROCON, BACEN E RECLAME AQUI\</t>
  </si>
  <si>
    <t>2771749 MASTERCARD - OPERADOR FABIANO BRUNO MENDES FILHO_1_6767759270389810846_1_32.wav</t>
  </si>
  <si>
    <t>\\acsfs\Deptos\EDUCACAO EMPRESARIAL\KÉSIA\OUVIDORIA, PROCON, BACEN E RECLAME AQUI\2771749 MASTERCARD - OPERADOR FABIANO BRUNO MENDES FILHO_1_6767759270389810846_1_32.wav</t>
  </si>
  <si>
    <t>01/13/2020 17:37:01</t>
  </si>
  <si>
    <t>https://support.office.com/auth/signin</t>
  </si>
  <si>
    <t>01/13/2020 17:37:02</t>
  </si>
  <si>
    <t>01/13/2020 17:38:14</t>
  </si>
  <si>
    <t>01/13/2020 17:38:21</t>
  </si>
  <si>
    <t>01/13/2020 17:38:26</t>
  </si>
  <si>
    <t>01/13/2020 17:40:25</t>
  </si>
  <si>
    <t>01/13/2020 17:40:28</t>
  </si>
  <si>
    <t>01/13/2020 17:40:46</t>
  </si>
  <si>
    <t>01/13/2020 17:40:56</t>
  </si>
  <si>
    <t>01/13/2020 17:41:10</t>
  </si>
  <si>
    <t>01/13/2020 17:39:24</t>
  </si>
  <si>
    <t>16b6ac65-8e29-4a6d-8a2e-600cd60c6e83.tmp</t>
  </si>
  <si>
    <t>\\acsfs\profiles$\andreapdsg\Downloads\16b6ac65-8e29-4a6d-8a2e-600cd60c6e83.tmp</t>
  </si>
  <si>
    <t>01/13/2020 17:39:31</t>
  </si>
  <si>
    <t>8c1b6866-9bcc-4cf3-bc7d-b7335a2e08d1.tmp</t>
  </si>
  <si>
    <t>\\acsfs\profiles$\andreapdsg\Downloads\8c1b6866-9bcc-4cf3-bc7d-b7335a2e08d1.tmp</t>
  </si>
  <si>
    <t>01/13/2020 17:39:26</t>
  </si>
  <si>
    <t>01/13/2020 17:43:30</t>
  </si>
  <si>
    <t>\\acsfs\Deptos\Operacao\Banco_Votorantim\Comum\Thumbs.db</t>
  </si>
  <si>
    <t>01/13/2020 17:39:28</t>
  </si>
  <si>
    <t>\\acsfs\Deptos\Operacao\Banco_Votorantim\Comum\Josias\Thumbs.db</t>
  </si>
  <si>
    <t>01/13/2020 17:41:02</t>
  </si>
  <si>
    <t>4095a0c4-09e2-4bcd-9cce-da700ff7c102.tmp</t>
  </si>
  <si>
    <t>\\acsfs\profiles$\leonardocb\Downloads\4095a0c4-09e2-4bcd-9cce-da700ff7c102.tmp</t>
  </si>
  <si>
    <t>01/13/2020 17:40:45</t>
  </si>
  <si>
    <t>01/13/2020 17:44:31</t>
  </si>
  <si>
    <t>7ea3b314-a1c4-4250-9d51-2df4f99542cf.tmp</t>
  </si>
  <si>
    <t>\\acsfs\profiles$\gabrielsma\Downloads\7ea3b314-a1c4-4250-9d51-2df4f99542cf.tmp</t>
  </si>
  <si>
    <t>01/13/2020 17:40:47</t>
  </si>
  <si>
    <t>Q29udHJvbGxlci5JRS1TYWxlcy1Gb3JjZQ--.ica.crdownload</t>
  </si>
  <si>
    <t>\\acsfs\ACS\Gabriel da Silva\Contemporânea\Acessos\Q29udHJvbGxlci5JRS1TYWxlcy1Gb3JjZQ--.ica.crdownload</t>
  </si>
  <si>
    <t>01/13/2020 17:43:29</t>
  </si>
  <si>
    <t>43d1befa-5f53-403a-b726-4c2ae8cedea6.tmp</t>
  </si>
  <si>
    <t>\\acsfs\profiles$\gabrielsma\Downloads\43d1befa-5f53-403a-b726-4c2ae8cedea6.tmp</t>
  </si>
  <si>
    <t>01/13/2020 17:43:32</t>
  </si>
  <si>
    <t>01/13/2020 17:45:02</t>
  </si>
  <si>
    <t>01/13/2020 17:45:30</t>
  </si>
  <si>
    <t>7649976b-639d-4b5f-9c88-74d2b592732e.tmp</t>
  </si>
  <si>
    <t>\\acsfs\profiles$\welidicdj\Downloads\7649976b-639d-4b5f-9c88-74d2b592732e.tmp</t>
  </si>
  <si>
    <t>01/13/2020 17:41:45</t>
  </si>
  <si>
    <t>01/13/2020 17:46:30</t>
  </si>
  <si>
    <t>074ffd9a-86d8-43f4-82f5-2ad3a18747f2.tmp</t>
  </si>
  <si>
    <t>\\acsfs\profiles$\philipegsf\Downloads\074ffd9a-86d8-43f4-82f5-2ad3a18747f2.tmp</t>
  </si>
  <si>
    <t>10.200.66.183</t>
  </si>
  <si>
    <t>D0-94-66-B5-5C-F3</t>
  </si>
  <si>
    <t>VOTORANT-RB019</t>
  </si>
  <si>
    <t>01/13/2020 17:41:13</t>
  </si>
  <si>
    <t>mail.google.com/sync/u/0/i/s?hl=pt-BR&amp;c=90</t>
  </si>
  <si>
    <t>01/13/2020 17:41:19</t>
  </si>
  <si>
    <t>mail.google.com/sync/u/0/i/s?hl=pt-BR&amp;c=92</t>
  </si>
  <si>
    <t>01/13/2020 17:41:49</t>
  </si>
  <si>
    <t>01/13/2020 17:42:14</t>
  </si>
  <si>
    <t>mail.google.com/sync/u/0/i/s?hl=pt-BR&amp;c=97</t>
  </si>
  <si>
    <t>01/13/2020 17:42:20</t>
  </si>
  <si>
    <t>01/13/2020 17:43:52</t>
  </si>
  <si>
    <t>01/13/2020 17:44:17</t>
  </si>
  <si>
    <t>01/13/2020 17:44:20</t>
  </si>
  <si>
    <t>mail.google.com/sync/u/0/i/s?hl=pt-BR&amp;c=106</t>
  </si>
  <si>
    <t>01/13/2020 17:45:14</t>
  </si>
  <si>
    <t>01/13/2020 17:45:31</t>
  </si>
  <si>
    <t>01/13/2020 17:45:39</t>
  </si>
  <si>
    <t>cpc-controldeskavon@algartech.com;joseasn@algartech.com;</t>
  </si>
  <si>
    <t>cpc-controldeskavon@algartech.com,joseasn@algartech.com</t>
  </si>
  <si>
    <t>01/13/2020 17:45:53</t>
  </si>
  <si>
    <t>cpc-controldeskavon@algartech.com;fernandaab@algartech.com;joseasn@algartech.com;kesiadof@algartech.com;lilianls@algartech.com;talmaiardo@algartech.com;</t>
  </si>
  <si>
    <t>cpc-controldeskavon@algartech.com,fernandaab@algartech.com,joseasn@algartech.com,kesiadof@algartech.com,lilianls@algartech.com,talmaiardo@algartech.com</t>
  </si>
  <si>
    <t>01/13/2020 17:45:55</t>
  </si>
  <si>
    <t>01/13/2020 17:45:56</t>
  </si>
  <si>
    <t>mail.google.com/sync/u/0/i/s?hl=pt-BR&amp;c=144</t>
  </si>
  <si>
    <t>01/13/2020 17:46:37</t>
  </si>
  <si>
    <t>01/13/2020 17:48:30</t>
  </si>
  <si>
    <t>80eebd53-98a4-49a1-b341-e71a8b71e17c.tmp</t>
  </si>
  <si>
    <t>\\acsfs\profiles$\leonardocb\Downloads\80eebd53-98a4-49a1-b341-e71a8b71e17c.tmp</t>
  </si>
  <si>
    <t>01/13/2020 17:44:51</t>
  </si>
  <si>
    <t>01/13/2020 17:49:31</t>
  </si>
  <si>
    <t>janaynatro</t>
  </si>
  <si>
    <t>\\acsfs\profiles$\janaynatro\My Documents\My Pictures\</t>
  </si>
  <si>
    <t>\\acsfs\profiles$\janaynatro\My Documents\My Videos\desktop.ini</t>
  </si>
  <si>
    <t>01/13/2020 17:44:53</t>
  </si>
  <si>
    <t>\\acsfs\profiles$\janaynatro\My Documents\My Videos\</t>
  </si>
  <si>
    <t>01/13/2020 17:44:55</t>
  </si>
  <si>
    <t>01/13/2020 17:44:56</t>
  </si>
  <si>
    <t>01/13/2020 17:44:57</t>
  </si>
  <si>
    <t>01/13/2020 17:44:59</t>
  </si>
  <si>
    <t>\\acsfs\profiles$\janaynatro\My Documents\My Music\</t>
  </si>
  <si>
    <t>\\acsfs\profiles$\janaynatro\My Documents\My Pictures\desktop.ini</t>
  </si>
  <si>
    <t>01/13/2020 17:45:00</t>
  </si>
  <si>
    <t>01/13/2020 17:45:03</t>
  </si>
  <si>
    <t>01/13/2020 17:45:04</t>
  </si>
  <si>
    <t>01/13/2020 17:45:06</t>
  </si>
  <si>
    <t>\\acsfs\profiles$\janaynatro\Contacts\</t>
  </si>
  <si>
    <t>\\acsfs\profiles$\janaynatro\Contacts\desktop.ini</t>
  </si>
  <si>
    <t>01/13/2020 17:45:08</t>
  </si>
  <si>
    <t>01/13/2020 17:45:09</t>
  </si>
  <si>
    <t>01/13/2020 17:45:11</t>
  </si>
  <si>
    <t>01/13/2020 17:45:12</t>
  </si>
  <si>
    <t>\\acsfs\profiles$\janaynatro\My Documents\</t>
  </si>
  <si>
    <t>\\acsfs\profiles$\janaynatro\Favorites\desktop.ini</t>
  </si>
  <si>
    <t>01/13/2020 17:45:15</t>
  </si>
  <si>
    <t>01/13/2020 17:45:18</t>
  </si>
  <si>
    <t>01/13/2020 17:45:19</t>
  </si>
  <si>
    <t>01/13/2020 17:45:21</t>
  </si>
  <si>
    <t>01/13/2020 17:45:22</t>
  </si>
  <si>
    <t>01/13/2020 17:45:23</t>
  </si>
  <si>
    <t>01/13/2020 17:45:24</t>
  </si>
  <si>
    <t>\\acsfs\profiles$\janaynatro\My Documents\My Music\desktop.ini</t>
  </si>
  <si>
    <t>01/13/2020 17:45:27</t>
  </si>
  <si>
    <t>01/13/2020 17:45:28</t>
  </si>
  <si>
    <t>01/13/2020 17:45:34</t>
  </si>
  <si>
    <t>\\acsfs\profiles$\janaynatro\Searches\</t>
  </si>
  <si>
    <t>\\acsfs\profiles$\janaynatro\Searches\desktop.ini</t>
  </si>
  <si>
    <t>01/13/2020 17:45:35</t>
  </si>
  <si>
    <t>01/13/2020 17:45:37</t>
  </si>
  <si>
    <t>01/13/2020 17:45:38</t>
  </si>
  <si>
    <t>01/13/2020 17:45:41</t>
  </si>
  <si>
    <t>\\acsfs\profiles$\janaynatro\Downloads\</t>
  </si>
  <si>
    <t>\\acsfs\profiles$\janaynatro\Downloads\desktop.ini</t>
  </si>
  <si>
    <t>01/13/2020 17:45:43</t>
  </si>
  <si>
    <t>01/13/2020 17:45:45</t>
  </si>
  <si>
    <t>\\acsfs\profiles$\janaynatro\Favorites\</t>
  </si>
  <si>
    <t>\\acsfs\profiles$\janaynatro\My Documents\desktop.ini</t>
  </si>
  <si>
    <t>01/13/2020 17:45:47</t>
  </si>
  <si>
    <t>01/13/2020 17:45:49</t>
  </si>
  <si>
    <t>01/13/2020 17:45:50</t>
  </si>
  <si>
    <t>01/13/2020 17:45:51</t>
  </si>
  <si>
    <t>\\acsfs\profiles$\janaynatro\Saved Games\desktop.ini</t>
  </si>
  <si>
    <t>01/13/2020 17:45:57</t>
  </si>
  <si>
    <t>01/13/2020 17:46:29</t>
  </si>
  <si>
    <t>winrt--{S-1-5-21-602162358-764733703-839522115-358554}-.searchconnector-ms</t>
  </si>
  <si>
    <t>\\acsfs\profiles$\janaynatro\Searches\winrt--{S-1-5-21-602162358-764733703-839522115-358554}-.searchconnector-ms</t>
  </si>
  <si>
    <t>01/13/2020 17:47:47</t>
  </si>
  <si>
    <t>c9e817fc-2f0b-4ae3-86e5-998f234c83ae.tmp</t>
  </si>
  <si>
    <t>\\acsfs\profiles$\andressamf\Downloads\c9e817fc-2f0b-4ae3-86e5-998f234c83ae.tmp</t>
  </si>
  <si>
    <t>01/13/2020 17:49:52</t>
  </si>
  <si>
    <t>01/13/2020 17:51:30</t>
  </si>
  <si>
    <t>SDC - SERVICE DESK CSC</t>
  </si>
  <si>
    <t>10.200.66.2</t>
  </si>
  <si>
    <t>74-86-7A-FB-17-7B</t>
  </si>
  <si>
    <t>VOTORANT-LB011</t>
  </si>
  <si>
    <t>marcotal</t>
  </si>
  <si>
    <t>01/13/2020 17:50:00</t>
  </si>
  <si>
    <t>C:\Program Files\</t>
  </si>
  <si>
    <t>01/13/2020 17:48:20</t>
  </si>
  <si>
    <t>01/13/2020 17:47:34</t>
  </si>
  <si>
    <t>01/13/2020 17:49:27</t>
  </si>
  <si>
    <t>11-01 RELATORIO DE LOGIN AVON - Cópia.xlsm</t>
  </si>
  <si>
    <t>\\acsfs\deptos\Operacao\PCP\5 - Comum\CONTROL DESK\2 - DAC2\Control Desk AVON\Relatorios\Status de login\2020\11-01 RELATORIO DE LOGIN AVON - Cópia.xlsm</t>
  </si>
  <si>
    <t>01/13/2020 17:47:50</t>
  </si>
  <si>
    <t>01/13/2020 17:52:30</t>
  </si>
  <si>
    <t>0136a4d3-2390-45a6-8fa8-b956e6b402c9.tmp</t>
  </si>
  <si>
    <t>\\acsfs\profiles$\fernandofs\Downloads\0136a4d3-2390-45a6-8fa8-b956e6b402c9.tmp</t>
  </si>
  <si>
    <t>01/13/2020 17:53:31</t>
  </si>
  <si>
    <t>01/13/2020 17:51:50</t>
  </si>
  <si>
    <t>ae54274c-8071-4780-b48c-0060c913878d.tmp</t>
  </si>
  <si>
    <t>\\acsfs\profiles$\gabrielsma\Downloads\ae54274c-8071-4780-b48c-0060c913878d.tmp</t>
  </si>
  <si>
    <t>01/13/2020 17:51:53</t>
  </si>
  <si>
    <t>01/13/2020 17:55:31</t>
  </si>
  <si>
    <t>01/13/2020 17:52:00</t>
  </si>
  <si>
    <t>joycemmdl</t>
  </si>
  <si>
    <t>\\acsfs\profiles$\joycemmdl\My Documents\My Pictures\</t>
  </si>
  <si>
    <t>\\acsfs\profiles$\joycemmdl\My Documents\My Videos\desktop.ini</t>
  </si>
  <si>
    <t>01/13/2020 17:52:03</t>
  </si>
  <si>
    <t>\\acsfs\profiles$\joycemmdl\My Documents\My Videos\</t>
  </si>
  <si>
    <t>01/13/2020 17:52:15</t>
  </si>
  <si>
    <t>01/13/2020 17:52:16</t>
  </si>
  <si>
    <t>01/13/2020 17:52:28</t>
  </si>
  <si>
    <t>01/13/2020 17:52:31</t>
  </si>
  <si>
    <t>\\acsfs\profiles$\joycemmdl\My Documents\My Music\</t>
  </si>
  <si>
    <t>\\acsfs\profiles$\joycemmdl\My Documents\My Pictures\desktop.ini</t>
  </si>
  <si>
    <t>01/13/2020 17:52:32</t>
  </si>
  <si>
    <t>01/13/2020 17:52:33</t>
  </si>
  <si>
    <t>01/13/2020 17:52:34</t>
  </si>
  <si>
    <t>01/13/2020 17:52:40</t>
  </si>
  <si>
    <t>01/13/2020 17:52:42</t>
  </si>
  <si>
    <t>\\acsfs\profiles$\joycemmdl\Contacts\</t>
  </si>
  <si>
    <t>\\acsfs\profiles$\joycemmdl\Contacts\desktop.ini</t>
  </si>
  <si>
    <t>01/13/2020 17:52:43</t>
  </si>
  <si>
    <t>01/13/2020 17:52:45</t>
  </si>
  <si>
    <t>01/13/2020 17:52:46</t>
  </si>
  <si>
    <t>01/13/2020 17:52:47</t>
  </si>
  <si>
    <t>01/13/2020 17:52:51</t>
  </si>
  <si>
    <t>01/13/2020 17:52:53</t>
  </si>
  <si>
    <t>\\acsfs\profiles$\joycemmdl\My Documents\</t>
  </si>
  <si>
    <t>\\acsfs\profiles$\joycemmdl\Favorites\desktop.ini</t>
  </si>
  <si>
    <t>01/13/2020 17:52:54</t>
  </si>
  <si>
    <t>01/13/2020 17:52:56</t>
  </si>
  <si>
    <t>01/13/2020 17:52:59</t>
  </si>
  <si>
    <t>01/13/2020 17:53:04</t>
  </si>
  <si>
    <t>01/13/2020 17:53:05</t>
  </si>
  <si>
    <t>01/13/2020 17:53:07</t>
  </si>
  <si>
    <t>\\acsfs\profiles$\joycemmdl\My Documents\My Music\desktop.ini</t>
  </si>
  <si>
    <t>01/13/2020 17:53:09</t>
  </si>
  <si>
    <t>01/13/2020 17:53:10</t>
  </si>
  <si>
    <t>01/13/2020 17:53:11</t>
  </si>
  <si>
    <t>01/13/2020 17:53:12</t>
  </si>
  <si>
    <t>01/13/2020 17:53:14</t>
  </si>
  <si>
    <t>\\acsfs\profiles$\joycemmdl\Searches\</t>
  </si>
  <si>
    <t>\\acsfs\profiles$\joycemmdl\Searches\desktop.ini</t>
  </si>
  <si>
    <t>01/13/2020 17:53:15</t>
  </si>
  <si>
    <t>01/13/2020 17:53:17</t>
  </si>
  <si>
    <t>01/13/2020 17:53:18</t>
  </si>
  <si>
    <t>01/13/2020 17:53:19</t>
  </si>
  <si>
    <t>01/13/2020 17:53:20</t>
  </si>
  <si>
    <t>\\acsfs\profiles$\joycemmdl\Downloads\</t>
  </si>
  <si>
    <t>\\acsfs\profiles$\joycemmdl\Downloads\desktop.ini</t>
  </si>
  <si>
    <t>01/13/2020 17:53:22</t>
  </si>
  <si>
    <t>01/13/2020 17:53:24</t>
  </si>
  <si>
    <t>\\acsfs\profiles$\joycemmdl\Favorites\</t>
  </si>
  <si>
    <t>\\acsfs\profiles$\joycemmdl\My Documents\desktop.ini</t>
  </si>
  <si>
    <t>01/13/2020 17:53:26</t>
  </si>
  <si>
    <t>01/13/2020 17:53:27</t>
  </si>
  <si>
    <t>01/13/2020 17:53:28</t>
  </si>
  <si>
    <t>01/13/2020 17:53:30</t>
  </si>
  <si>
    <t>01/13/2020 17:53:34</t>
  </si>
  <si>
    <t>\\acsfs\profiles$\joycemmdl\Saved Games\desktop.ini</t>
  </si>
  <si>
    <t>01/13/2020 17:53:36</t>
  </si>
  <si>
    <t>01/13/2020 17:54:04</t>
  </si>
  <si>
    <t>winrt--{S-1-5-21-602162358-764733703-839522115-358593}-.searchconnector-ms</t>
  </si>
  <si>
    <t>\\acsfs\profiles$\joycemmdl\Searches\winrt--{S-1-5-21-602162358-764733703-839522115-358593}-.searchconnector-ms</t>
  </si>
  <si>
    <t>01/13/2020 17:54:33</t>
  </si>
  <si>
    <t>adrieledgc</t>
  </si>
  <si>
    <t>\\acsfs\profiles$\Adrieledgc\My Documents\My Pictures\</t>
  </si>
  <si>
    <t>\\acsfs\profiles$\Adrieledgc\My Documents\My Videos\desktop.ini</t>
  </si>
  <si>
    <t>01/13/2020 17:54:36</t>
  </si>
  <si>
    <t>\\acsfs\profiles$\Adrieledgc\My Documents\My Videos\</t>
  </si>
  <si>
    <t>01/13/2020 17:54:37</t>
  </si>
  <si>
    <t>01/13/2020 17:54:38</t>
  </si>
  <si>
    <t>\\acsfs\profiles$\Adrieledgc\My Documents\My Music\</t>
  </si>
  <si>
    <t>\\acsfs\profiles$\Adrieledgc\My Documents\My Pictures\desktop.ini</t>
  </si>
  <si>
    <t>01/13/2020 17:54:39</t>
  </si>
  <si>
    <t>01/13/2020 17:54:40</t>
  </si>
  <si>
    <t>01/13/2020 17:54:42</t>
  </si>
  <si>
    <t>\\acsfs\profiles$\Adrieledgc\Contacts\</t>
  </si>
  <si>
    <t>\\acsfs\profiles$\Adrieledgc\Contacts\desktop.ini</t>
  </si>
  <si>
    <t>01/13/2020 17:54:44</t>
  </si>
  <si>
    <t>01/13/2020 17:54:46</t>
  </si>
  <si>
    <t>01/13/2020 17:54:47</t>
  </si>
  <si>
    <t>01/13/2020 17:54:48</t>
  </si>
  <si>
    <t>01/13/2020 17:54:49</t>
  </si>
  <si>
    <t>\\acsfs\profiles$\Adrieledgc\My Documents\</t>
  </si>
  <si>
    <t>\\acsfs\profiles$\Adrieledgc\Favorites\desktop.ini</t>
  </si>
  <si>
    <t>01/13/2020 17:54:51</t>
  </si>
  <si>
    <t>01/13/2020 17:54:52</t>
  </si>
  <si>
    <t>01/13/2020 17:54:53</t>
  </si>
  <si>
    <t>01/13/2020 17:54:56</t>
  </si>
  <si>
    <t>01/13/2020 17:55:05</t>
  </si>
  <si>
    <t>01/13/2020 17:55:06</t>
  </si>
  <si>
    <t>\\acsfs\profiles$\Adrieledgc\My Documents\My Music\desktop.ini</t>
  </si>
  <si>
    <t>01/13/2020 17:55:09</t>
  </si>
  <si>
    <t>01/13/2020 17:55:13</t>
  </si>
  <si>
    <t>01/13/2020 17:55:14</t>
  </si>
  <si>
    <t>01/13/2020 17:55:15</t>
  </si>
  <si>
    <t>01/13/2020 17:55:17</t>
  </si>
  <si>
    <t>\\acsfs\profiles$\Adrieledgc\Searches\</t>
  </si>
  <si>
    <t>\\acsfs\profiles$\Adrieledgc\Searches\desktop.ini</t>
  </si>
  <si>
    <t>01/13/2020 17:55:18</t>
  </si>
  <si>
    <t>01/13/2020 17:55:20</t>
  </si>
  <si>
    <t>01/13/2020 17:55:21</t>
  </si>
  <si>
    <t>01/13/2020 17:54:08</t>
  </si>
  <si>
    <t>01/13/2020 17:56:30</t>
  </si>
  <si>
    <t>626a7280-5619-4bc7-8f51-970a7accae95.tmp</t>
  </si>
  <si>
    <t>\\acsfs\profiles$\taylaedoa\Downloads\626a7280-5619-4bc7-8f51-970a7accae95.tmp</t>
  </si>
  <si>
    <t>01/13/2020 17:51:57</t>
  </si>
  <si>
    <t>\\acsfs\Deptos\EDUCACAO EMPRESARIAL\KÉSIA\</t>
  </si>
  <si>
    <t>CONTA 2771749 - MC - EDILSON DE JESUS .pdf</t>
  </si>
  <si>
    <t>\\acsfs\Deptos\EDUCACAO EMPRESARIAL\KÉSIA\CONTA 2771749 - MC - EDILSON DE JESUS .pdf</t>
  </si>
  <si>
    <t>01/13/2020 17:52:36</t>
  </si>
  <si>
    <t>mail.google.com/sync/u/0/i/s?hl=pt-BR&amp;c=20</t>
  </si>
  <si>
    <t>01/13/2020 17:52:50</t>
  </si>
  <si>
    <t>mail.google.com/sync/u/0/i/s?hl=pt-BR&amp;c=22</t>
  </si>
  <si>
    <t>01/13/2020 17:53:01</t>
  </si>
  <si>
    <t>01/13/2020 17:51:40</t>
  </si>
  <si>
    <t>02-01 RELATORIO DE LOGIN AVON - Cópia.xlsm</t>
  </si>
  <si>
    <t>\\acsfs\deptos\Operacao\PCP\5 - Comum\CONTROL DESK\2 - DAC2\Control Desk AVON\Relatorios\Status de login\2020\02-01 RELATORIO DE LOGIN AVON - Cópia.xlsm</t>
  </si>
  <si>
    <t>01/13/2020 17:57:30</t>
  </si>
  <si>
    <t>10.200.67.31</t>
  </si>
  <si>
    <t>78-2B-CB-C1-05-F7</t>
  </si>
  <si>
    <t>VOTORANT-FB019</t>
  </si>
  <si>
    <t>higorss</t>
  </si>
  <si>
    <t>\\acsfs\profiles$\higorss\My Documents\</t>
  </si>
  <si>
    <t>Padrão de atendimento.txt</t>
  </si>
  <si>
    <t>\\acsfs\profiles$\higorss\My Documents\Padrão de atendimento.txt</t>
  </si>
  <si>
    <t>8c5298bd-2bf5-4f93-aa2a-ee2e9837b8d3.tmp</t>
  </si>
  <si>
    <t>\\acsfs\profiles$\fernandofs\Downloads\8c5298bd-2bf5-4f93-aa2a-ee2e9837b8d3.tmp</t>
  </si>
  <si>
    <t>01/13/2020 17:56:58</t>
  </si>
  <si>
    <t>01/13/2020 17:59:31</t>
  </si>
  <si>
    <t>01/13/2020 17:58:02</t>
  </si>
  <si>
    <t>01/13/2020 17:58:25</t>
  </si>
  <si>
    <t>01/13/2020 17:57:17</t>
  </si>
  <si>
    <t>54bc4ca4-4cb9-4909-a648-26dd7e575927.tmp</t>
  </si>
  <si>
    <t>\\acsfs\profiles$\leonardocb\Downloads\54bc4ca4-4cb9-4909-a648-26dd7e575927.tmp</t>
  </si>
  <si>
    <t>01/13/2020 17:57:41</t>
  </si>
  <si>
    <t>e4059440-e9b4-4820-b983-00b7ddc0c2f1.tmp</t>
  </si>
  <si>
    <t>\\acsfs\profiles$\leonardocb\Downloads\e4059440-e9b4-4820-b983-00b7ddc0c2f1.tmp</t>
  </si>
  <si>
    <t>01/13/2020 17:57:45</t>
  </si>
  <si>
    <t>Q29udHJvbGxlci5QYXl3YXJlLU5vaXRl (41).ica</t>
  </si>
  <si>
    <t>\\acsfs\profiles$\leonardocb\Downloads\Q29udHJvbGxlci5QYXl3YXJlLU5vaXRl (41).ica</t>
  </si>
  <si>
    <t>01/13/2020 17:55:54</t>
  </si>
  <si>
    <t>01/13/2020 18:00:30</t>
  </si>
  <si>
    <t>3b0c11ce-38ed-44a9-a6e6-5820b4163bfd.tmp</t>
  </si>
  <si>
    <t>\\acsfs\profiles$\joycemmdl\Downloads\3b0c11ce-38ed-44a9-a6e6-5820b4163bfd.tmp</t>
  </si>
  <si>
    <t>01/13/2020 17:56:04</t>
  </si>
  <si>
    <t>Unconfirmed 684098.crdownload</t>
  </si>
  <si>
    <t>\\acsfs\profiles$\joycemmdl\Downloads\Unconfirmed 684098.crdownload</t>
  </si>
  <si>
    <t>01/13/2020 17:56:20</t>
  </si>
  <si>
    <t>79408d5e-e8eb-42a0-864d-bfd8cf297f7a.tmp</t>
  </si>
  <si>
    <t>\\acsfs\profiles$\joycemmdl\Downloads\79408d5e-e8eb-42a0-864d-bfd8cf297f7a.tmp</t>
  </si>
  <si>
    <t>01/13/2020 17:57:19</t>
  </si>
  <si>
    <t>eae8b7d7-1a86-4bb4-96a3-749ece2c023b.tmp</t>
  </si>
  <si>
    <t>\\acsfs\profiles$\joycemmdl\Downloads\eae8b7d7-1a86-4bb4-96a3-749ece2c023b.tmp</t>
  </si>
  <si>
    <t>aec96d83-85d2-46ed-8de0-3d8b6f92a7c2.tmp</t>
  </si>
  <si>
    <t>\\acsfs\profiles$\nycolleemdj\Downloads\aec96d83-85d2-46ed-8de0-3d8b6f92a7c2.tmp</t>
  </si>
  <si>
    <t>01/13/2020 17:55:22</t>
  </si>
  <si>
    <t>01/13/2020 17:55:23</t>
  </si>
  <si>
    <t>\\acsfs\profiles$\Adrieledgc\Downloads\</t>
  </si>
  <si>
    <t>\\acsfs\profiles$\Adrieledgc\Downloads\desktop.ini</t>
  </si>
  <si>
    <t>01/13/2020 17:55:24</t>
  </si>
  <si>
    <t>01/13/2020 17:55:25</t>
  </si>
  <si>
    <t>\\acsfs\profiles$\Adrieledgc\Favorites\</t>
  </si>
  <si>
    <t>\\acsfs\profiles$\Adrieledgc\My Documents\desktop.ini</t>
  </si>
  <si>
    <t>01/13/2020 17:55:26</t>
  </si>
  <si>
    <t>01/13/2020 17:55:28</t>
  </si>
  <si>
    <t>01/13/2020 17:55:30</t>
  </si>
  <si>
    <t>01/13/2020 17:55:32</t>
  </si>
  <si>
    <t>01/13/2020 17:55:33</t>
  </si>
  <si>
    <t>\\acsfs\profiles$\Adrieledgc\Saved Games\desktop.ini</t>
  </si>
  <si>
    <t>01/13/2020 17:55:34</t>
  </si>
  <si>
    <t>01/13/2020 17:57:25</t>
  </si>
  <si>
    <t>e191e5cc-7bf6-46ca-91b3-430bb51c4e53.tmp</t>
  </si>
  <si>
    <t>\\acsfs\profiles$\Adrieledgc\Downloads\e191e5cc-7bf6-46ca-91b3-430bb51c4e53.tmp</t>
  </si>
  <si>
    <t>01/13/2020 17:58:38</t>
  </si>
  <si>
    <t>01/13/2020 18:01:31</t>
  </si>
  <si>
    <t>34a53653-63aa-471c-a6a7-c242a44016ff.tmp</t>
  </si>
  <si>
    <t>\\acsfs\profiles$\taylaedoa\Downloads\34a53653-63aa-471c-a6a7-c242a44016ff.tmp</t>
  </si>
  <si>
    <t>01/13/2020 17:58:26</t>
  </si>
  <si>
    <t>10.200.66.162</t>
  </si>
  <si>
    <t>74-86-7A-FB-16-FB</t>
  </si>
  <si>
    <t>VOTORANT-IB019</t>
  </si>
  <si>
    <t>gisellyador</t>
  </si>
  <si>
    <t>\\acsfs\profiles$\gisellyador\Downloads\</t>
  </si>
  <si>
    <t>30386774-6b94-4977-a18a-e80ab44fedfe.tmp</t>
  </si>
  <si>
    <t>\\acsfs\profiles$\gisellyador\Downloads\30386774-6b94-4977-a18a-e80ab44fedfe.tmp</t>
  </si>
  <si>
    <t>01/13/2020 17:58:32</t>
  </si>
  <si>
    <t>mail.google.com/sync/u/0/i/s?hl=pt-BR&amp;c=158</t>
  </si>
  <si>
    <t>01/13/2020 17:58:39</t>
  </si>
  <si>
    <t>01/13/2020 17:59:00</t>
  </si>
  <si>
    <t>mail.google.com/_/upload?authuser=0&amp;dcp=asu-n&amp;upload_id=AEnB2UpuXDIIi_OFaKKQbiNaWbG_KA9p6GeDD6Ld3sTc-dMxT4H7P-nH9X3_nUKu_np3zWj5Lot20MRLShatsC7T19pbs_a_kipAxzD1di0L5Y67It4tngg&amp;upload_protocol=resumable</t>
  </si>
  <si>
    <t>01/13/2020 17:59:03</t>
  </si>
  <si>
    <t>01/13/2020 17:59:30</t>
  </si>
  <si>
    <t>01/13/2020 18:00:28</t>
  </si>
  <si>
    <t>REPORT ACOMPANHAMENTO - BV - JANEIRO2 - Cópia.xlsb</t>
  </si>
  <si>
    <t>\\acsfs\deptos\Operacao\PCP\5 - Comum\PLANEJAMENTO BV\14 - ACOMPANHAMENTO\1 - REPORT ACOMPANHAMENTO\2020\1 - JANEIRO\FINANCEIRA\REPORT ACOMPANHAMENTO - BV - JANEIRO2 - Cópia.xlsb</t>
  </si>
  <si>
    <t>01/13/2020 18:03:31</t>
  </si>
  <si>
    <t>\\acsfs\Deptos\Operacao\Banco_Votorantim\Supervisao\DIÁRIO DE BORDO BV\</t>
  </si>
  <si>
    <t>Cópia de Diario de Bordo - BV...xlsb</t>
  </si>
  <si>
    <t>\\acsfs\Deptos\Operacao\Banco_Votorantim\Supervisao\DIÁRIO DE BORDO BV\Cópia de Diario de Bordo - BV...xlsb</t>
  </si>
  <si>
    <t>\\acsfs\Deptos\Operacao\Banco_Votorantim\Supervisao\DIÁRIO DE BORDO BV\Thumbs.db</t>
  </si>
  <si>
    <t>01/13/2020 18:00:13</t>
  </si>
  <si>
    <t>01/13/2020 18:04:30</t>
  </si>
  <si>
    <t>01/13/2020 18:02:19</t>
  </si>
  <si>
    <t>01/13/2020 18:05:30</t>
  </si>
  <si>
    <t>01/13/2020 18:04:01</t>
  </si>
  <si>
    <t>3cd6f653-2367-4878-b8a0-39c4abea5dc9.tmp</t>
  </si>
  <si>
    <t>\\acsfs\profiles$\cintiadjl\Downloads\3cd6f653-2367-4878-b8a0-39c4abea5dc9.tmp</t>
  </si>
  <si>
    <t>01/13/2020 18:03:29</t>
  </si>
  <si>
    <t>9def2fce-fc7e-4852-b3ae-bc795fd7ba1e.tmp</t>
  </si>
  <si>
    <t>\\acsfs\profiles$\Adrieledgc\Downloads\9def2fce-fc7e-4852-b3ae-bc795fd7ba1e.tmp</t>
  </si>
  <si>
    <t>01/13/2020 18:01:49</t>
  </si>
  <si>
    <t>01/13/2020 18:06:31</t>
  </si>
  <si>
    <t>e779b5d3-9a0c-4e11-ac61-d170dbacc9fb.tmp</t>
  </si>
  <si>
    <t>\\acsfs\profiles$\andreapdsg\Downloads\e779b5d3-9a0c-4e11-ac61-d170dbacc9fb.tmp</t>
  </si>
  <si>
    <t>01/13/2020 18:01:35</t>
  </si>
  <si>
    <t>REPORT ACOMPANHAMENTO - BV - JANEIRO2 - Cópia.xls</t>
  </si>
  <si>
    <t>\\acsfs\deptos\Operacao\PCP\5 - Comum\PLANEJAMENTO BV\14 - ACOMPANHAMENTO\1 - REPORT ACOMPANHAMENTO\2020\1 - JANEIRO\FINANCEIRA\REPORT ACOMPANHAMENTO - BV - JANEIRO2 - Cópia.xls</t>
  </si>
  <si>
    <t>01/13/2020 18:01:56</t>
  </si>
  <si>
    <t>mail.google.com/_/upload?authuser=0&amp;dcp=asu-n&amp;upload_id=AEnB2Uo8tUH7gb76N6XOivvl688DyFs4XBQsnN0j59aSD5YmZW3r7PlUxbtq_79dCfbeN95MWiNZMoGd1ZsVCClvt7WAqvvjUfu-1kbHNEtB2gLL2iPVCos&amp;upload_protocol=resumable</t>
  </si>
  <si>
    <t>01/13/2020 18:02:10</t>
  </si>
  <si>
    <t>mail.google.com/sync/u/0/i/s?hl=pt-BR&amp;c=170</t>
  </si>
  <si>
    <t>01/13/2020 18:09:30</t>
  </si>
  <si>
    <t>01/13/2020 18:04:11</t>
  </si>
  <si>
    <t>01/13/2020 18:04:36</t>
  </si>
  <si>
    <t>e7e7d2a9-1884-486f-96ba-e4124171a8ce.tmp</t>
  </si>
  <si>
    <t>\\acsfs\profiles$\leonardocb\Downloads\e7e7d2a9-1884-486f-96ba-e4124171a8ce.tmp</t>
  </si>
  <si>
    <t>01/13/2020 18:10:30</t>
  </si>
  <si>
    <t>01/13/2020 18:06:35</t>
  </si>
  <si>
    <t>aba796e5-96eb-49b0-b368-c9d1f1283e9a.tmp</t>
  </si>
  <si>
    <t>\\acsfs\profiles$\joycemmdl\Downloads\aba796e5-96eb-49b0-b368-c9d1f1283e9a.tmp</t>
  </si>
  <si>
    <t>01/13/2020 18:06:48</t>
  </si>
  <si>
    <t>19c082b5-74e0-4c4c-9d91-46b2a680f298.tmp</t>
  </si>
  <si>
    <t>\\acsfs\profiles$\joycemmdl\Downloads\19c082b5-74e0-4c4c-9d91-46b2a680f298.tmp</t>
  </si>
  <si>
    <t>01/13/2020 18:08:03</t>
  </si>
  <si>
    <t>65b5be4d-7ea7-4ea4-bdcf-754eeca26c28.tmp</t>
  </si>
  <si>
    <t>\\acsfs\profiles$\rosileiam\Downloads\65b5be4d-7ea7-4ea4-bdcf-754eeca26c28.tmp</t>
  </si>
  <si>
    <t>01/13/2020 18:09:20</t>
  </si>
  <si>
    <t>acbadd79-5d63-47ad-a507-ed989d97d079.tmp</t>
  </si>
  <si>
    <t>\\acsfs\profiles$\rosileiam\Downloads\acbadd79-5d63-47ad-a507-ed989d97d079.tmp</t>
  </si>
  <si>
    <t>01/13/2020 18:09:51</t>
  </si>
  <si>
    <t>01/13/2020 18:09:27</t>
  </si>
  <si>
    <t>01/13/2020 18:11:30</t>
  </si>
  <si>
    <t>01/13/2020 18:09:34</t>
  </si>
  <si>
    <t>01/13/2020 18:10:42</t>
  </si>
  <si>
    <t>mail.google.com/sync/u/0/i/s?hl=pt-BR&amp;c=181</t>
  </si>
  <si>
    <t>01/13/2020 18:10:51</t>
  </si>
  <si>
    <t>mail.google.com/sync/u/0/i/s?hl=pt-BR&amp;c=183</t>
  </si>
  <si>
    <t>01/13/2020 18:11:11</t>
  </si>
  <si>
    <t>mail.google.com/sync/u/0/i/s?hl=pt-BR&amp;c=185</t>
  </si>
  <si>
    <t>01/13/2020 18:11:13</t>
  </si>
  <si>
    <t>mail.google.com/sync/u/0/i/s?hl=pt-BR&amp;c=187</t>
  </si>
  <si>
    <t>01/13/2020 18:10:52</t>
  </si>
  <si>
    <t>10.200.67.1</t>
  </si>
  <si>
    <t>74-86-7A-FB-17-CC</t>
  </si>
  <si>
    <t>VOTORANT-FB016</t>
  </si>
  <si>
    <t>raphaelfb</t>
  </si>
  <si>
    <t>https://algar.folhasinergyrh.com.br/funcionario/uploadfoto?identificador=20712&amp;isworkflow=true</t>
  </si>
  <si>
    <t>true;</t>
  </si>
  <si>
    <t>C:\Users\Public\Pictures\Sample Pictures\</t>
  </si>
  <si>
    <t>download.jpg</t>
  </si>
  <si>
    <t>https://true</t>
  </si>
  <si>
    <t>01/13/2020 18:11:59</t>
  </si>
  <si>
    <t>01/13/2020 18:14:30</t>
  </si>
  <si>
    <t>01/13/2020 18:13:25</t>
  </si>
  <si>
    <t>01/13/2020 18:14:01</t>
  </si>
  <si>
    <t>75930b62-1ded-4f00-8b22-44860fe155cb.tmp</t>
  </si>
  <si>
    <t>\\acsfs\profiles$\brendadsl\Downloads\75930b62-1ded-4f00-8b22-44860fe155cb.tmp</t>
  </si>
  <si>
    <t>01/13/2020 18:11:45</t>
  </si>
  <si>
    <t>01/13/2020 18:16:30</t>
  </si>
  <si>
    <t>mail.google.com/sync/u/0/i/s?hl=pt-BR&amp;c=316</t>
  </si>
  <si>
    <t>01/13/2020 18:11:18</t>
  </si>
  <si>
    <t>mail.google.com/sync/u/0/i/s?hl=pt-BR&amp;c=189</t>
  </si>
  <si>
    <t>01/13/2020 18:11:42</t>
  </si>
  <si>
    <t>mail.google.com/sync/u/0/i/s?hl=pt-BR&amp;c=192</t>
  </si>
  <si>
    <t>01/13/2020 18:12:16</t>
  </si>
  <si>
    <t>mail.google.com/sync/u/0/i/s?hl=pt-BR&amp;c=194</t>
  </si>
  <si>
    <t>01/13/2020 18:12:22</t>
  </si>
  <si>
    <t>01/13/2020 18:16:01</t>
  </si>
  <si>
    <t>01/13/2020 18:17:40</t>
  </si>
  <si>
    <t>01/13/2020 18:18:29</t>
  </si>
  <si>
    <t>aa0aedf7-d33e-41b0-a238-ab01d96beb39.tmp</t>
  </si>
  <si>
    <t>\\acsfs\profiles$\alinepp\Downloads\aa0aedf7-d33e-41b0-a238-ab01d96beb39.tmp</t>
  </si>
  <si>
    <t>01/13/2020 18:14:17</t>
  </si>
  <si>
    <t>01/13/2020 18:19:30</t>
  </si>
  <si>
    <t>01/13/2020 18:16:16</t>
  </si>
  <si>
    <t>01/13/2020 18:21:30</t>
  </si>
  <si>
    <t>01/13/2020 18:16:20</t>
  </si>
  <si>
    <t>mail.google.com/sync/u/0/i/s?hl=pt-BR&amp;c=203</t>
  </si>
  <si>
    <t>01/13/2020 18:16:33</t>
  </si>
  <si>
    <t>01/13/2020 18:16:37</t>
  </si>
  <si>
    <t>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01/13/2020 18:16:40</t>
  </si>
  <si>
    <t>01/13/2020 18:16:44</t>
  </si>
  <si>
    <t>mail.google.com/sync/u/0/i/s?hl=pt-BR&amp;c=212</t>
  </si>
  <si>
    <t>01/13/2020 18:17:41</t>
  </si>
  <si>
    <t>01/13/2020 18:18:44</t>
  </si>
  <si>
    <t>01/13/2020 18:18:46</t>
  </si>
  <si>
    <t>01/13/2020 18:19:03</t>
  </si>
  <si>
    <t>01/13/2020 18:19:15</t>
  </si>
  <si>
    <t>01/13/2020 18:19:16</t>
  </si>
  <si>
    <t>01/13/2020 18:19:26</t>
  </si>
  <si>
    <t>01/13/2020 18:19:27</t>
  </si>
  <si>
    <t>01/13/2020 18:22:29</t>
  </si>
  <si>
    <t>01/13/2020 18:19:32</t>
  </si>
  <si>
    <t>01/13/2020 18:19:35</t>
  </si>
  <si>
    <t>01/13/2020 18:19:43</t>
  </si>
  <si>
    <t>01/13/2020 18:19:54</t>
  </si>
  <si>
    <t>01/13/2020 18:23:30</t>
  </si>
  <si>
    <t>01/13/2020 18:21:37</t>
  </si>
  <si>
    <t>https://algar.folhasinergyrh.com.br/afastamento/upload?id=0&amp;idsolicitacao=0&amp;temp=true</t>
  </si>
  <si>
    <t>10/01/2020;</t>
  </si>
  <si>
    <t>atestado Cinthia.zip</t>
  </si>
  <si>
    <t>https://10/01/2020</t>
  </si>
  <si>
    <t>C:\Users\camillarl\Desktop\atestado Cinthia.zip\</t>
  </si>
  <si>
    <t>atestado Cinthia.jpg</t>
  </si>
  <si>
    <t>01/13/2020 18:21:41</t>
  </si>
  <si>
    <t>https://algar.folhasinergyrh.com.br/afastamento/validaferias</t>
  </si>
  <si>
    <t>01/13/2020 18:21:42</t>
  </si>
  <si>
    <t>https://algar.folhasinergyrh.com.br/afastamento/forms</t>
  </si>
  <si>
    <t>01/13/2020 18:21:43</t>
  </si>
  <si>
    <t>https://algar.folhasinergyrh.com.br/afastamento/upload?id=0&amp;idsolicitacao=20721</t>
  </si>
  <si>
    <t>01/13/2020 18:24:40</t>
  </si>
  <si>
    <t>01/13/2020 18:25:29</t>
  </si>
  <si>
    <t>c3112073-5d6e-48e8-b2a2-b5818c0af6bb.tmp</t>
  </si>
  <si>
    <t>\\acsfs\profiles$\laurandos\Downloads\c3112073-5d6e-48e8-b2a2-b5818c0af6bb.tmp</t>
  </si>
  <si>
    <t>01/13/2020 18:22:21</t>
  </si>
  <si>
    <t>01/13/2020 18:26:29</t>
  </si>
  <si>
    <t>mail.google.com/sync/u/0/i/s?hl=pt-BR&amp;c=362</t>
  </si>
  <si>
    <t>01/13/2020 18:22:22</t>
  </si>
  <si>
    <t>01/13/2020 18:22:31</t>
  </si>
  <si>
    <t>mail.google.com/sync/u/0/i/s?hl=pt-BR&amp;c=364</t>
  </si>
  <si>
    <t>01/13/2020 18:22:32</t>
  </si>
  <si>
    <t>mail.google.com/sync/u/0/i/s?hl=pt-BR&amp;c=366</t>
  </si>
  <si>
    <t>01/13/2020 18:23:47</t>
  </si>
  <si>
    <t>01/13/2020 18:27:29</t>
  </si>
  <si>
    <t>01/13/2020 18:29:31</t>
  </si>
  <si>
    <t>01/13/2020 18:31:30</t>
  </si>
  <si>
    <t>CIELO ARV</t>
  </si>
  <si>
    <t>karlabds</t>
  </si>
  <si>
    <t>\\acsfs\profiles$\KARLABDS\My Documents\</t>
  </si>
  <si>
    <t>karla.txt</t>
  </si>
  <si>
    <t>\\acsfs\profiles$\KARLABDS\My Documents\karla.txt</t>
  </si>
  <si>
    <t>01/13/2020 18:25:51</t>
  </si>
  <si>
    <t>01/13/2020 18:32:29</t>
  </si>
  <si>
    <t>01/13/2020 18:35:22</t>
  </si>
  <si>
    <t>01/13/2020 18:36:30</t>
  </si>
  <si>
    <t>\\acsfs\profiles$\leydianeamd\My Documents\xworkcenter\logs\</t>
  </si>
  <si>
    <t>XLOG_leydianeamd_13012020_132336.log</t>
  </si>
  <si>
    <t>\\acsfs\profiles$\leydianeamd\My Documents\xworkcenter\logs\XLOG_leydianeamd_13012020_132336.log</t>
  </si>
  <si>
    <t>01/13/2020 18:35:50</t>
  </si>
  <si>
    <t>01/13/2020 18:37:30</t>
  </si>
  <si>
    <t>9c1b178f-0cfc-4154-8f19-4e4f4702179c.tmp</t>
  </si>
  <si>
    <t>\\acsfs\profiles$\nathaliaos\Downloads\9c1b178f-0cfc-4154-8f19-4e4f4702179c.tmp</t>
  </si>
  <si>
    <t>01/13/2020 18:36:32</t>
  </si>
  <si>
    <t>01/13/2020 18:41:30</t>
  </si>
  <si>
    <t>cfea6a2b-2776-444e-8a2e-484adb5f207c.tmp</t>
  </si>
  <si>
    <t>\\acsfs\profiles$\andreapdsg\Downloads\cfea6a2b-2776-444e-8a2e-484adb5f207c.tmp</t>
  </si>
  <si>
    <t>01/13/2020 18:39:29</t>
  </si>
  <si>
    <t>01/13/2020 18:42:29</t>
  </si>
  <si>
    <t>e3ed265c-cd62-498b-bcc1-0d20bb1cad72.tmp</t>
  </si>
  <si>
    <t>\\acsfs\profiles$\nathaliaos\Downloads\e3ed265c-cd62-498b-bcc1-0d20bb1cad72.tmp</t>
  </si>
  <si>
    <t>01/13/2020 18:39:42</t>
  </si>
  <si>
    <t>c7bdc6b1-4d20-4e8f-88a2-2046d56bf884.tmp</t>
  </si>
  <si>
    <t>\\acsfs\profiles$\nathaliaos\Downloads\c7bdc6b1-4d20-4e8f-88a2-2046d56bf884.tmp</t>
  </si>
  <si>
    <t>01/13/2020 18:40:43</t>
  </si>
  <si>
    <t>01/13/2020 18:43:30</t>
  </si>
  <si>
    <t>\\acsfs\Deptos\Operacao\Banco_Votorantim\Supervisao\CAMILLA LIMA RODRIGUES\</t>
  </si>
  <si>
    <t>LINKS.txt</t>
  </si>
  <si>
    <t>\\acsfs\Deptos\Operacao\Banco_Votorantim\Supervisao\CAMILLA LIMA RODRIGUES\LINKS.txt</t>
  </si>
  <si>
    <t>01/13/2020 18:37:48</t>
  </si>
  <si>
    <t>8c16886d-6117-4bd1-afa3-dec1c1704538.tmp</t>
  </si>
  <si>
    <t>\\acsfs\profiles$\anafaes\Downloads\8c16886d-6117-4bd1-afa3-dec1c1704538.tmp</t>
  </si>
  <si>
    <t>01/13/2020 18:38:05</t>
  </si>
  <si>
    <t>13d4119e-3c33-4387-a814-c49279cabd7d.tmp</t>
  </si>
  <si>
    <t>\\acsfs\profiles$\anafaes\Downloads\13d4119e-3c33-4387-a814-c49279cabd7d.tmp</t>
  </si>
  <si>
    <t>01/13/2020 18:39:57</t>
  </si>
  <si>
    <t>01/13/2020 18:44:30</t>
  </si>
  <si>
    <t>01/13/2020 18:40:06</t>
  </si>
  <si>
    <t>01/13/2020 18:40:23</t>
  </si>
  <si>
    <t>mail.google.com/sync/u/0/i/s?hl=pt-BR&amp;c=237</t>
  </si>
  <si>
    <t>01/13/2020 18:40:31</t>
  </si>
  <si>
    <t>mail.google.com/sync/u/0/i/s?hl=pt-BR&amp;c=239</t>
  </si>
  <si>
    <t>01/13/2020 18:40:32</t>
  </si>
  <si>
    <t>01/13/2020 18:40:44</t>
  </si>
  <si>
    <t>01/13/2020 18:40:52</t>
  </si>
  <si>
    <t>01/13/2020 18:40:53</t>
  </si>
  <si>
    <t>01/13/2020 18:44:59</t>
  </si>
  <si>
    <t>01/13/2020 18:45:30</t>
  </si>
  <si>
    <t>5cc22815-3528-472f-9a36-1d9deadaf279.tmp</t>
  </si>
  <si>
    <t>\\acsfs\profiles$\victorgl\Downloads\5cc22815-3528-472f-9a36-1d9deadaf279.tmp</t>
  </si>
  <si>
    <t>01/13/2020 18:42:05</t>
  </si>
  <si>
    <t>01/13/2020 18:46:30</t>
  </si>
  <si>
    <t>81698ce3-d5e8-4c64-8037-f36f0f717694.tmp</t>
  </si>
  <si>
    <t>\\acsfs\profiles$\lorrainerdl\Downloads\81698ce3-d5e8-4c64-8037-f36f0f717694.tmp</t>
  </si>
  <si>
    <t>01/13/2020 18:43:19</t>
  </si>
  <si>
    <t>5569bcc2-f231-4f66-9760-13bb215e9e91.tmp</t>
  </si>
  <si>
    <t>\\acsfs\profiles$\joselrb\Downloads\5569bcc2-f231-4f66-9760-13bb215e9e91.tmp</t>
  </si>
  <si>
    <t>01/13/2020 18:42:47</t>
  </si>
  <si>
    <t>01/13/2020 18:48:30</t>
  </si>
  <si>
    <t>66fc1009-47dd-454c-899a-2954a4b2686b.tmp</t>
  </si>
  <si>
    <t>\\acsfs\profiles$\anafaes\Downloads\66fc1009-47dd-454c-899a-2954a4b2686b.tmp</t>
  </si>
  <si>
    <t>01/13/2020 18:46:01</t>
  </si>
  <si>
    <t>78f81564-f298-42eb-a4bb-2ac905dba95b.tmp</t>
  </si>
  <si>
    <t>\\acsfs\profiles$\anafaes\Downloads\78f81564-f298-42eb-a4bb-2ac905dba95b.tmp</t>
  </si>
  <si>
    <t>01/13/2020 18:44:46</t>
  </si>
  <si>
    <t>d3d5b919-be89-4272-a436-8048c0ae174f.tmp</t>
  </si>
  <si>
    <t>\\acsfs\profiles$\gabrielamdp\Downloads\d3d5b919-be89-4272-a436-8048c0ae174f.tmp</t>
  </si>
  <si>
    <t>aac033bc-2ffc-4abc-9f42-3d6747131ad5.tmp</t>
  </si>
  <si>
    <t>\\acsfs\profiles$\gabrielamdp\Downloads\aac033bc-2ffc-4abc-9f42-3d6747131ad5.tmp</t>
  </si>
  <si>
    <t>65057e59-dfb6-4657-b1b7-6f6a152e8c48.tmp</t>
  </si>
  <si>
    <t>\\acsfs\profiles$\gabrielamdp\Downloads\65057e59-dfb6-4657-b1b7-6f6a152e8c48.tmp</t>
  </si>
  <si>
    <t>01/13/2020 18:47:16</t>
  </si>
  <si>
    <t>32e836da-d673-400f-a3e7-bb4b711080ed.tmp</t>
  </si>
  <si>
    <t>\\acsfs\profiles$\gabrielamdp\Downloads\32e836da-d673-400f-a3e7-bb4b711080ed.tmp</t>
  </si>
  <si>
    <t>01/13/2020 18:47:55</t>
  </si>
  <si>
    <t>b1934cf1-2cdf-4c57-b4e9-eb548a581085.tmp</t>
  </si>
  <si>
    <t>\\acsfs\profiles$\gabrielamdp\Downloads\b1934cf1-2cdf-4c57-b4e9-eb548a581085.tmp</t>
  </si>
  <si>
    <t>01/13/2020 18:45:00</t>
  </si>
  <si>
    <t>01/13/2020 18:50:30</t>
  </si>
  <si>
    <t>29258354-ed34-413d-9957-c81b0c6ca04f.tmp</t>
  </si>
  <si>
    <t>\\acsfs\profiles$\erichds\Downloads\29258354-ed34-413d-9957-c81b0c6ca04f.tmp</t>
  </si>
  <si>
    <t>01/13/2020 18:45:23</t>
  </si>
  <si>
    <t>cd6495e0-0262-40cb-bdc8-fbb4e8414590.tmp</t>
  </si>
  <si>
    <t>\\acsfs\profiles$\erichds\Downloads\cd6495e0-0262-40cb-bdc8-fbb4e8414590.tmp</t>
  </si>
  <si>
    <t>01/13/2020 18:48:24</t>
  </si>
  <si>
    <t>01/13/2020 18:53:30</t>
  </si>
  <si>
    <t>9e63a4b1-c1a6-43b0-8b41-5e6bf327c4d9.tmp</t>
  </si>
  <si>
    <t>\\acsfs\profiles$\gabrielamdp\Downloads\9e63a4b1-c1a6-43b0-8b41-5e6bf327c4d9.tmp</t>
  </si>
  <si>
    <t>01/13/2020 18:50:00</t>
  </si>
  <si>
    <t>3f2fa161-3986-46fa-b3ae-75ca04a3594c.tmp</t>
  </si>
  <si>
    <t>\\acsfs\profiles$\gabrielamdp\Downloads\3f2fa161-3986-46fa-b3ae-75ca04a3594c.tmp</t>
  </si>
  <si>
    <t>01/13/2020 18:49:46</t>
  </si>
  <si>
    <t>01/13/2020 18:54:31</t>
  </si>
  <si>
    <t>b7ccd819-230a-4b58-a80b-c9da3fcd6af3.tmp</t>
  </si>
  <si>
    <t>\\acsfs\profiles$\brendadsl\Downloads\b7ccd819-230a-4b58-a80b-c9da3fcd6af3.tmp</t>
  </si>
  <si>
    <t>01/13/2020 18:57:30</t>
  </si>
  <si>
    <t>01/13/2020 18:58:30</t>
  </si>
  <si>
    <t>01/13/2020 18:57:35</t>
  </si>
  <si>
    <t>01/13/2020 18:58:55</t>
  </si>
  <si>
    <t>01/13/2020 19:00:30</t>
  </si>
  <si>
    <t>62991c90-8eb4-43a6-a94b-175bd7a96dca.tmp</t>
  </si>
  <si>
    <t>\\acsfs\profiles$\anafaes\Downloads\62991c90-8eb4-43a6-a94b-175bd7a96dca.tmp</t>
  </si>
  <si>
    <t>01/13/2020 18:58:59</t>
  </si>
  <si>
    <t>7c16659d-7804-4494-9455-963741f0c556.tmp</t>
  </si>
  <si>
    <t>\\acsfs\profiles$\anafaes\Downloads\7c16659d-7804-4494-9455-963741f0c556.tmp</t>
  </si>
  <si>
    <t>01/13/2020 18:59:27</t>
  </si>
  <si>
    <t>e2367d2e-c4a8-4036-93f4-daec94ff4881.tmp</t>
  </si>
  <si>
    <t>\\acsfs\profiles$\anafaes\Downloads\e2367d2e-c4a8-4036-93f4-daec94ff4881.tmp</t>
  </si>
  <si>
    <t>01/13/2020 18:57:10</t>
  </si>
  <si>
    <t>17a451e9-85c0-4e7d-a3ff-5be67f99f86e.tmp</t>
  </si>
  <si>
    <t>\\acsfs\profiles$\erichds\Downloads\17a451e9-85c0-4e7d-a3ff-5be67f99f86e.tmp</t>
  </si>
  <si>
    <t>01/13/2020 18:58:02</t>
  </si>
  <si>
    <t>01/13/2020 19:03:29</t>
  </si>
  <si>
    <t>mail.google.com/sync/u/0/i/s?hl=pt-BR&amp;c=80</t>
  </si>
  <si>
    <t>01/13/2020 18:58:24</t>
  </si>
  <si>
    <t>01/13/2020 18:58:33</t>
  </si>
  <si>
    <t>mail.google.com/sync/u/0/i/s?hl=pt-BR&amp;c=85</t>
  </si>
  <si>
    <t>01/13/2020 18:58:44</t>
  </si>
  <si>
    <t>01/13/2020 18:59:25</t>
  </si>
  <si>
    <t>01/13/2020 18:59:45</t>
  </si>
  <si>
    <t>01/13/2020 18:59:56</t>
  </si>
  <si>
    <t>01/13/2020 19:00:05</t>
  </si>
  <si>
    <t>01/13/2020 19:00:07</t>
  </si>
  <si>
    <t>01/13/2020 19:00:19</t>
  </si>
  <si>
    <t>01/13/2020 19:00:20</t>
  </si>
  <si>
    <t>01/13/2020 19:03:30</t>
  </si>
  <si>
    <t>d8c8850b-2825-449d-88aa-96c394277862.tmp</t>
  </si>
  <si>
    <t>\\acsfs\profiles$\regisedsj\Downloads\d8c8850b-2825-449d-88aa-96c394277862.tmp</t>
  </si>
  <si>
    <t>01/13/2020 19:05:31</t>
  </si>
  <si>
    <t>01/13/2020 19:05:02</t>
  </si>
  <si>
    <t>https://joaogvc@algartech.com,leonardoao@algartech.com,marianadjc@algartech.com,paulacn@algartech.com,rafaelggs@algartech.com,ricardodfm@algartech.com.br,robsonams@algartech.com,taysdss@algartech.com,viniciussg@algartech.com</t>
  </si>
  <si>
    <t>01/13/2020 19:06:37</t>
  </si>
  <si>
    <t>01/13/2020 19:07:31</t>
  </si>
  <si>
    <t>mail.google.com/sync/u/0/i/s?hl=pt-BR&amp;c=33</t>
  </si>
  <si>
    <t>01/13/2020 19:06:44</t>
  </si>
  <si>
    <t>mail.google.com/sync/u/0/i/s?hl=pt-BR&amp;c=35</t>
  </si>
  <si>
    <t>01/13/2020 19:06:19</t>
  </si>
  <si>
    <t>01/13/2020 19:10:30</t>
  </si>
  <si>
    <t>087ac686-adbd-4032-ac29-f85dcaf3efd8.tmp</t>
  </si>
  <si>
    <t>\\acsfs\profiles$\henriqueco\Downloads\087ac686-adbd-4032-ac29-f85dcaf3efd8.tmp</t>
  </si>
  <si>
    <t>01/13/2020 19:07:04</t>
  </si>
  <si>
    <t>01/13/2020 19:12:30</t>
  </si>
  <si>
    <t>mail.google.com/sync/u/0/i/s?hl=pt-BR&amp;c=37</t>
  </si>
  <si>
    <t>01/13/2020 19:14:23</t>
  </si>
  <si>
    <t>01/13/2020 19:19:30</t>
  </si>
  <si>
    <t>d37bf947-3f50-4248-b2e1-ca629a52fa1e.tmp</t>
  </si>
  <si>
    <t>\\acsfs\profiles$\gabrielamdp\Downloads\d37bf947-3f50-4248-b2e1-ca629a52fa1e.tmp</t>
  </si>
  <si>
    <t>01/13/2020 19:14:25</t>
  </si>
  <si>
    <t>a618194a-4a5b-42c5-a4d3-8dbf2724778a.tmp</t>
  </si>
  <si>
    <t>\\acsfs\profiles$\gabrielamdp\Downloads\a618194a-4a5b-42c5-a4d3-8dbf2724778a.tmp</t>
  </si>
  <si>
    <t>01/13/2020 19:14:26</t>
  </si>
  <si>
    <t>eecfb02e-87ab-4296-9917-3e7bebee621d.tmp</t>
  </si>
  <si>
    <t>\\acsfs\profiles$\gabrielamdp\Downloads\eecfb02e-87ab-4296-9917-3e7bebee621d.tmp</t>
  </si>
  <si>
    <t>01/13/2020 19:18:12</t>
  </si>
  <si>
    <t>01/13/2020 19:22:30</t>
  </si>
  <si>
    <t>10.200.66.158</t>
  </si>
  <si>
    <t>74-86-7A-FB-17-A5</t>
  </si>
  <si>
    <t>VOTORANT-IB014</t>
  </si>
  <si>
    <t>gustavok</t>
  </si>
  <si>
    <t>01/13/2020 19:25:55</t>
  </si>
  <si>
    <t>01/13/2020 19:28:29</t>
  </si>
  <si>
    <t>matheusts</t>
  </si>
  <si>
    <t>01/13/2020 19:30:31</t>
  </si>
  <si>
    <t>01/13/2020 19:26:21</t>
  </si>
  <si>
    <t>ae63026a-64be-499a-a8f3-0dfdd4a1e2ad.tmp</t>
  </si>
  <si>
    <t>\\acsfs\profiles$\layonmof\Downloads\ae63026a-64be-499a-a8f3-0dfdd4a1e2ad.tmp</t>
  </si>
  <si>
    <t>01/13/2020 19:29:01</t>
  </si>
  <si>
    <t>01/13/2020 19:33:30</t>
  </si>
  <si>
    <t>01/13/2020 19:32:26</t>
  </si>
  <si>
    <t>01/13/2020 19:34:31</t>
  </si>
  <si>
    <t>cd6a674e-2483-4437-b6c3-7c1238782c87.tmp</t>
  </si>
  <si>
    <t>\\acsfs\profiles$\LUISPLS\Downloads\cd6a674e-2483-4437-b6c3-7c1238782c87.tmp</t>
  </si>
  <si>
    <t>01/13/2020 19:31:14</t>
  </si>
  <si>
    <t>625a161d-f1a7-4820-ac0e-6d3378a1929a.tmp</t>
  </si>
  <si>
    <t>\\acsfs\profiles$\regisadsa\Downloads\625a161d-f1a7-4820-ac0e-6d3378a1929a.tmp</t>
  </si>
  <si>
    <t>01/13/2020 19:30:29</t>
  </si>
  <si>
    <t>01/13/2020 19:35:31</t>
  </si>
  <si>
    <t>32a299c3-6c75-4027-ab8b-6710262d7a64.tmp</t>
  </si>
  <si>
    <t>\\acsfs\profiles$\anafaes\Downloads\32a299c3-6c75-4027-ab8b-6710262d7a64.tmp</t>
  </si>
  <si>
    <t>01/13/2020 19:31:32</t>
  </si>
  <si>
    <t>01/13/2020 19:36:30</t>
  </si>
  <si>
    <t>8be2ea1f-a3d7-4f92-8d78-08525340d9ee.tmp</t>
  </si>
  <si>
    <t>\\acsfs\profiles$\philipegsf\Downloads\8be2ea1f-a3d7-4f92-8d78-08525340d9ee.tmp</t>
  </si>
  <si>
    <t>01/13/2020 19:41:36</t>
  </si>
  <si>
    <t>01/13/2020 19:43:30</t>
  </si>
  <si>
    <t>01/13/2020 19:44:13</t>
  </si>
  <si>
    <t>01/13/2020 19:48:30</t>
  </si>
  <si>
    <t>01/13/2020 19:46:50</t>
  </si>
  <si>
    <t>01/13/2020 19:49:31</t>
  </si>
  <si>
    <t>ddcffd9c-4a79-4c3a-ac16-0e35c3fe79b1.tmp</t>
  </si>
  <si>
    <t>\\acsfs\profiles$\layonmof\Downloads\ddcffd9c-4a79-4c3a-ac16-0e35c3fe79b1.tmp</t>
  </si>
  <si>
    <t>01/13/2020 19:47:25</t>
  </si>
  <si>
    <t>8a17d827-339b-43d0-8ee7-508e530073e7.tmp</t>
  </si>
  <si>
    <t>\\acsfs\profiles$\layonmof\Downloads\8a17d827-339b-43d0-8ee7-508e530073e7.tmp</t>
  </si>
  <si>
    <t>01/13/2020 19:53:06</t>
  </si>
  <si>
    <t>01/13/2020 19:56:31</t>
  </si>
  <si>
    <t>8cf74728-e529-4b0a-a99b-89afeae4d318.tmp</t>
  </si>
  <si>
    <t>\\acsfs\profiles$\taylaedoa\Downloads\8cf74728-e529-4b0a-a99b-89afeae4d318.tmp</t>
  </si>
  <si>
    <t>01/13/2020 19:55:26</t>
  </si>
  <si>
    <t>01/13/2020 19:58:31</t>
  </si>
  <si>
    <t>01/13/2020 19:53:57</t>
  </si>
  <si>
    <t>01/13/2020 19:55:28</t>
  </si>
  <si>
    <t>01/13/2020 20:05:30</t>
  </si>
  <si>
    <t>01/13/2020 20:01:50</t>
  </si>
  <si>
    <t>b84b31f1-9cfb-4a78-9dc0-4915f0b5395a.tmp</t>
  </si>
  <si>
    <t>\\acsfs\profiles$\cintiadjl\Downloads\b84b31f1-9cfb-4a78-9dc0-4915f0b5395a.tmp</t>
  </si>
  <si>
    <t>01/13/2020 20:06:30</t>
  </si>
  <si>
    <t>01/13/2020 20:01:49</t>
  </si>
  <si>
    <t>01/13/2020 20:07:28</t>
  </si>
  <si>
    <t>01/13/2020 20:09:30</t>
  </si>
  <si>
    <t>01/13/2020 20:07:55</t>
  </si>
  <si>
    <t>01/13/2020 20:11:30</t>
  </si>
  <si>
    <t>3e441df3-c302-494b-b890-463282492bd1.tmp</t>
  </si>
  <si>
    <t>\\acsfs\profiles$\taylaedoa\Downloads\3e441df3-c302-494b-b890-463282492bd1.tmp</t>
  </si>
  <si>
    <t>01/13/2020 20:09:39</t>
  </si>
  <si>
    <t>795bb6e2-a35d-45dd-82e9-bbdb8cafba78.tmp</t>
  </si>
  <si>
    <t>\\acsfs\profiles$\myllenardl\Downloads\795bb6e2-a35d-45dd-82e9-bbdb8cafba78.tmp</t>
  </si>
  <si>
    <t>01/13/2020 20:10:44</t>
  </si>
  <si>
    <t>01/13/2020 20:12:31</t>
  </si>
  <si>
    <t>01/13/2020 20:13:04</t>
  </si>
  <si>
    <t>01/13/2020 20:13:30</t>
  </si>
  <si>
    <t>5635ff7b-dac4-43ed-afc1-c1172caed7dc.tmp</t>
  </si>
  <si>
    <t>\\acsfs\profiles$\alinepp\Downloads\5635ff7b-dac4-43ed-afc1-c1172caed7dc.tmp</t>
  </si>
  <si>
    <t>01/13/2020 20:14:31</t>
  </si>
  <si>
    <t>01/13/2020 20:11:20</t>
  </si>
  <si>
    <t>c92fbb55-a073-4e04-b1af-fa4041254f60.tmp</t>
  </si>
  <si>
    <t>\\acsfs\profiles$\brendadsl\Downloads\c92fbb55-a073-4e04-b1af-fa4041254f60.tmp</t>
  </si>
  <si>
    <t>01/13/2020 20:11:41</t>
  </si>
  <si>
    <t>6f6f4103-9b5d-40c9-9b6c-ed759d052591.tmp</t>
  </si>
  <si>
    <t>\\acsfs\profiles$\brendadsl\Downloads\6f6f4103-9b5d-40c9-9b6c-ed759d052591.tmp</t>
  </si>
  <si>
    <t>01/13/2020 20:12:00</t>
  </si>
  <si>
    <t>1c38f688-cc1e-4c0a-9394-b7c0572533f7.tmp</t>
  </si>
  <si>
    <t>\\acsfs\profiles$\brendadsl\Downloads\1c38f688-cc1e-4c0a-9394-b7c0572533f7.tmp</t>
  </si>
  <si>
    <t>01/13/2020 20:14:13</t>
  </si>
  <si>
    <t>01/13/2020 20:16:30</t>
  </si>
  <si>
    <t>pdf;</t>
  </si>
  <si>
    <t>https://pdf</t>
  </si>
  <si>
    <t>01/13/2020 20:13:35</t>
  </si>
  <si>
    <t>01/13/2020 20:17:31</t>
  </si>
  <si>
    <t>850aad7b-7d7d-4cf1-8d79-17df609f6690.tmp</t>
  </si>
  <si>
    <t>\\acsfs\profiles$\gabrielamdp\Downloads\850aad7b-7d7d-4cf1-8d79-17df609f6690.tmp</t>
  </si>
  <si>
    <t>01/13/2020 20:13:36</t>
  </si>
  <si>
    <t>84f19c81-3bfd-4078-b871-d965f6193827.tmp</t>
  </si>
  <si>
    <t>\\acsfs\profiles$\gabrielamdp\Downloads\84f19c81-3bfd-4078-b871-d965f6193827.tmp</t>
  </si>
  <si>
    <t>01/13/2020 20:15:42</t>
  </si>
  <si>
    <t>01/13/2020 20:13:37</t>
  </si>
  <si>
    <t>e8b5c8e8-590c-4008-92ee-f75562bb8ce3.tmp</t>
  </si>
  <si>
    <t>\\acsfs\profiles$\gabrielamdp\Downloads\e8b5c8e8-590c-4008-92ee-f75562bb8ce3.tmp</t>
  </si>
  <si>
    <t>01/13/2020 20:15:25</t>
  </si>
  <si>
    <t>01/13/2020 20:18:30</t>
  </si>
  <si>
    <t>10.200.66.50</t>
  </si>
  <si>
    <t>74-86-7A-FB-17-D6</t>
  </si>
  <si>
    <t>VOTORANT-GB014</t>
  </si>
  <si>
    <t>nicolasbsc</t>
  </si>
  <si>
    <t>01/13/2020 20:18:44</t>
  </si>
  <si>
    <t>01/13/2020 20:20:30</t>
  </si>
  <si>
    <t>01/13/2020 20:21:31</t>
  </si>
  <si>
    <t>01/13/2020 20:17:46</t>
  </si>
  <si>
    <t>0bfdccba-6afe-48c5-8589-272ef16ed314.tmp</t>
  </si>
  <si>
    <t>\\acsfs\profiles$\fabianafv\Downloads\0bfdccba-6afe-48c5-8589-272ef16ed314.tmp</t>
  </si>
  <si>
    <t>01/13/2020 20:18:12</t>
  </si>
  <si>
    <t>9e6f3a3c-9820-4aa9-8ff2-d8b7f60e7924.tmp</t>
  </si>
  <si>
    <t>\\acsfs\profiles$\fabianafv\Downloads\9e6f3a3c-9820-4aa9-8ff2-d8b7f60e7924.tmp</t>
  </si>
  <si>
    <t>01/13/2020 20:19:41</t>
  </si>
  <si>
    <t>01/13/2020 20:20:42</t>
  </si>
  <si>
    <t>01/13/2020 20:16:53</t>
  </si>
  <si>
    <t>01/13/2020 20:22:31</t>
  </si>
  <si>
    <t>adee415d-9afc-45e1-b7fc-837ab2ebcd57.tmp</t>
  </si>
  <si>
    <t>\\acsfs\profiles$\gabrielamdp\Downloads\adee415d-9afc-45e1-b7fc-837ab2ebcd57.tmp</t>
  </si>
  <si>
    <t>01/13/2020 20:17:50</t>
  </si>
  <si>
    <t>e6a7810a-b15e-42cb-bdc2-5e8995ceb0b9.tmp</t>
  </si>
  <si>
    <t>\\acsfs\profiles$\gabrielamdp\Downloads\e6a7810a-b15e-42cb-bdc2-5e8995ceb0b9.tmp</t>
  </si>
  <si>
    <t>01/13/2020 20:18:37</t>
  </si>
  <si>
    <t>a5f4e6ab-3d63-4ecf-89f9-def2dc853f82.tmp</t>
  </si>
  <si>
    <t>\\acsfs\profiles$\gabrielamdp\Downloads\a5f4e6ab-3d63-4ecf-89f9-def2dc853f82.tmp</t>
  </si>
  <si>
    <t>a194c53b-1d27-42b4-b7f1-d05be5afd82a.tmp</t>
  </si>
  <si>
    <t>\\acsfs\profiles$\gabrielamdp\Downloads\a194c53b-1d27-42b4-b7f1-d05be5afd82a.tmp</t>
  </si>
  <si>
    <t>01/13/2020 20:18:51</t>
  </si>
  <si>
    <t>074c6af2-7267-41f5-a6b9-2490c98902b2.tmp</t>
  </si>
  <si>
    <t>\\acsfs\profiles$\gabrielamdp\Downloads\074c6af2-7267-41f5-a6b9-2490c98902b2.tmp</t>
  </si>
  <si>
    <t>01/13/2020 20:20:00</t>
  </si>
  <si>
    <t>3ffa44fe-c292-4a6b-98b9-bb56270bd0d4.tmp</t>
  </si>
  <si>
    <t>\\acsfs\profiles$\gabrielamdp\Downloads\3ffa44fe-c292-4a6b-98b9-bb56270bd0d4.tmp</t>
  </si>
  <si>
    <t>01/13/2020 20:23:31</t>
  </si>
  <si>
    <t>01/13/2020 20:22:25</t>
  </si>
  <si>
    <t>01/13/2020 20:24:31</t>
  </si>
  <si>
    <t>thiagordu@algartech.com;</t>
  </si>
  <si>
    <t>thiagordu@algartech.com</t>
  </si>
  <si>
    <t>01/13/2020 20:22:47</t>
  </si>
  <si>
    <t>01/13/2020 20:22:52</t>
  </si>
  <si>
    <t>01/13/2020 20:22:58</t>
  </si>
  <si>
    <t>Modelo Funil - Consolidado Reneg Oficial.xlsx</t>
  </si>
  <si>
    <t>01/13/2020 20:23:04</t>
  </si>
  <si>
    <t>01/13/2020 20:23:05</t>
  </si>
  <si>
    <t>01/13/2020 20:23:06</t>
  </si>
  <si>
    <t>01/13/2020 20:25:30</t>
  </si>
  <si>
    <t>01/13/2020 20:20:49</t>
  </si>
  <si>
    <t>de45413d-edac-4ad7-bea8-9f6e0f6e9f36.tmp</t>
  </si>
  <si>
    <t>\\acsfs\profiles$\victorgl\Downloads\de45413d-edac-4ad7-bea8-9f6e0f6e9f36.tmp</t>
  </si>
  <si>
    <t>01/13/2020 20:26:31</t>
  </si>
  <si>
    <t>07e2ceec-2b7c-4f71-8e27-23acab5d778b.tmp</t>
  </si>
  <si>
    <t>\\acsfs\profiles$\taylaedoa\Downloads\07e2ceec-2b7c-4f71-8e27-23acab5d778b.tmp</t>
  </si>
  <si>
    <t>01/13/2020 20:21:42</t>
  </si>
  <si>
    <t>01/13/2020 20:25:37</t>
  </si>
  <si>
    <t>01/13/2020 20:26:28</t>
  </si>
  <si>
    <t>01/13/2020 20:27:30</t>
  </si>
  <si>
    <t>01/13/2020 20:28:31</t>
  </si>
  <si>
    <t>01/13/2020 20:26:48</t>
  </si>
  <si>
    <t>01/13/2020 20:28:02</t>
  </si>
  <si>
    <t>01/13/2020 20:23:27</t>
  </si>
  <si>
    <t>e86876aa-93fa-471d-b3fb-9c5bf1414171.tmp</t>
  </si>
  <si>
    <t>\\acsfs\profiles$\gabrielamdp\Downloads\e86876aa-93fa-471d-b3fb-9c5bf1414171.tmp</t>
  </si>
  <si>
    <t>01/13/2020 20:25:07</t>
  </si>
  <si>
    <t>424a8021-6cf4-4439-8d68-7e05f015a56f.tmp</t>
  </si>
  <si>
    <t>\\acsfs\profiles$\gabrielamdp\Downloads\424a8021-6cf4-4439-8d68-7e05f015a56f.tmp</t>
  </si>
  <si>
    <t>01/13/2020 20:24:20</t>
  </si>
  <si>
    <t>e1ec72f4-8bb7-4b65-8b49-535b12d42e7c.tmp</t>
  </si>
  <si>
    <t>\\acsfs\profiles$\alinepp\Downloads\e1ec72f4-8bb7-4b65-8b49-535b12d42e7c.tmp</t>
  </si>
  <si>
    <t>01/13/2020 20:26:56</t>
  </si>
  <si>
    <t>01/13/2020 20:31:31</t>
  </si>
  <si>
    <t>01/13/2020 20:30:32</t>
  </si>
  <si>
    <t>01/13/2020 20:31:17</t>
  </si>
  <si>
    <t>01/13/2020 20:32:30</t>
  </si>
  <si>
    <t>\\acsfs\profiles$\rafaelacdoc\</t>
  </si>
  <si>
    <t>\\acsfs\profiles$\rafaelacdoc\.~lock.VENDAS.ods#</t>
  </si>
  <si>
    <t>lu17060vsanq.tmp</t>
  </si>
  <si>
    <t>\\acsfs\profiles$\rafaelacdoc\lu17060vsanq.tmp</t>
  </si>
  <si>
    <t>\\acsfs\profiles$\rafaelacdoc\lu17060vsanq.tmp\</t>
  </si>
  <si>
    <t>\\acsfs\profiles$\rafaelacdoc\lu17060vsanq.tmp\META-INF\</t>
  </si>
  <si>
    <t>\\acsfs\profiles$\rafaelacdoc\lu17060vsanq.tmp\Thumbnails\</t>
  </si>
  <si>
    <t>01/13/2020 20:29:35</t>
  </si>
  <si>
    <t>01/13/2020 20:33:31</t>
  </si>
  <si>
    <t>01/13/2020 20:29:46</t>
  </si>
  <si>
    <t>01/13/2020 20:28:55</t>
  </si>
  <si>
    <t>thaynaracsl</t>
  </si>
  <si>
    <t>\\acsfs\profiles$\thaynaracsl\My Documents\</t>
  </si>
  <si>
    <t>ligar amanhã.txt</t>
  </si>
  <si>
    <t>\\acsfs\profiles$\thaynaracsl\My Documents\ligar amanhã.txt</t>
  </si>
  <si>
    <t>01/13/2020 20:28:10</t>
  </si>
  <si>
    <t>01/13/2020 20:31:40</t>
  </si>
  <si>
    <t>c9022555-3133-4fda-89b0-da989e95dba5.tmp</t>
  </si>
  <si>
    <t>\\acsfs\profiles$\gabrielamdp\Downloads\c9022555-3133-4fda-89b0-da989e95dba5.tmp</t>
  </si>
  <si>
    <t>258f14fa-44b0-483a-9b85-f0be6f810578.tmp</t>
  </si>
  <si>
    <t>\\acsfs\profiles$\gabrielamdp\Downloads\258f14fa-44b0-483a-9b85-f0be6f810578.tmp</t>
  </si>
  <si>
    <t>01/13/2020 20:31:41</t>
  </si>
  <si>
    <t>9191ca68-4d67-46ae-91e7-2ed23743db2e.tmp</t>
  </si>
  <si>
    <t>\\acsfs\profiles$\gabrielamdp\Downloads\9191ca68-4d67-46ae-91e7-2ed23743db2e.tmp</t>
  </si>
  <si>
    <t>01/13/2020 20:32:24</t>
  </si>
  <si>
    <t>39e40ff0-242b-4b38-9f34-8eb80a5e18df.tmp</t>
  </si>
  <si>
    <t>\\acsfs\profiles$\gabrielamdp\Downloads\39e40ff0-242b-4b38-9f34-8eb80a5e18df.tmp</t>
  </si>
  <si>
    <t>01/13/2020 20:32:31</t>
  </si>
  <si>
    <t>f3c3ebc5-c69a-4c3d-a0e4-f85004f81c5b.tmp</t>
  </si>
  <si>
    <t>\\acsfs\profiles$\gabrielamdp\Downloads\f3c3ebc5-c69a-4c3d-a0e4-f85004f81c5b.tmp</t>
  </si>
  <si>
    <t>01/13/2020 20:35:24</t>
  </si>
  <si>
    <t>01/13/2020 20:36:31</t>
  </si>
  <si>
    <t>01/13/2020 20:34:09</t>
  </si>
  <si>
    <t>01/13/2020 20:38:32</t>
  </si>
  <si>
    <t>ecd4365d-485f-4add-831f-89b695aa4760.tmp</t>
  </si>
  <si>
    <t>\\acsfs\profiles$\gabrielamdp\Downloads\ecd4365d-485f-4add-831f-89b695aa4760.tmp</t>
  </si>
  <si>
    <t>01/13/2020 20:34:30</t>
  </si>
  <si>
    <t>2c24413d-6045-4dac-9ffb-4755013b102a.tmp</t>
  </si>
  <si>
    <t>\\acsfs\profiles$\gabrielamdp\Downloads\2c24413d-6045-4dac-9ffb-4755013b102a.tmp</t>
  </si>
  <si>
    <t>01/13/2020 20:36:16</t>
  </si>
  <si>
    <t>01/13/2020 20:39:32</t>
  </si>
  <si>
    <t>23d15aaa-d59a-4b97-9f9a-24c109bde476.tmp</t>
  </si>
  <si>
    <t>\\acsfs\profiles$\layonmof\Downloads\23d15aaa-d59a-4b97-9f9a-24c109bde476.tmp</t>
  </si>
  <si>
    <t>01/13/2020 20:38:27</t>
  </si>
  <si>
    <t>3a0256d3-3b84-4316-913e-ac1864f68d1c.tmp</t>
  </si>
  <si>
    <t>\\acsfs\profiles$\layonmof\Downloads\3a0256d3-3b84-4316-913e-ac1864f68d1c.tmp</t>
  </si>
  <si>
    <t>01/13/2020 20:40:31</t>
  </si>
  <si>
    <t>01/13/2020 20:45:29</t>
  </si>
  <si>
    <t>01/13/2020 20:46:31</t>
  </si>
  <si>
    <t>543c74ec-7ae6-4c84-be17-d5e26c709a63.tmp</t>
  </si>
  <si>
    <t>\\acsfs\profiles$\ingridsm\Downloads\543c74ec-7ae6-4c84-be17-d5e26c709a63.tmp</t>
  </si>
  <si>
    <t>01/13/2020 20:42:45</t>
  </si>
  <si>
    <t>01/13/2020 20:47:32</t>
  </si>
  <si>
    <t>3bd87b9d-3b57-4989-929a-5eef3d31c231.tmp</t>
  </si>
  <si>
    <t>\\acsfs\profiles$\rafaelacdoc\Downloads\3bd87b9d-3b57-4989-929a-5eef3d31c231.tmp</t>
  </si>
  <si>
    <t>01/13/2020 20:46:27</t>
  </si>
  <si>
    <t>d2df61ed-f9f0-4642-8ff0-0e099ee61411.tmp</t>
  </si>
  <si>
    <t>\\acsfs\profiles$\rafaelacdoc\Downloads\d2df61ed-f9f0-4642-8ff0-0e099ee61411.tmp</t>
  </si>
  <si>
    <t>01/13/2020 20:46:42</t>
  </si>
  <si>
    <t>ac4f4b2f-0739-4e59-b3d5-b70baa138911.tmp</t>
  </si>
  <si>
    <t>\\acsfs\profiles$\rafaelacdoc\Downloads\ac4f4b2f-0739-4e59-b3d5-b70baa138911.tmp</t>
  </si>
  <si>
    <t>01/13/2020 20:45:24</t>
  </si>
  <si>
    <t>01/13/2020 20:50:32</t>
  </si>
  <si>
    <t>62ce2ca8-4f28-4b8d-a3c6-5b2a88349084.tmp</t>
  </si>
  <si>
    <t>\\acsfs\profiles$\gabrielamdp\Downloads\62ce2ca8-4f28-4b8d-a3c6-5b2a88349084.tmp</t>
  </si>
  <si>
    <t>01/13/2020 20:45:51</t>
  </si>
  <si>
    <t>2e0d2ce1-d7a3-452a-bd50-001cca8c2075.tmp</t>
  </si>
  <si>
    <t>\\acsfs\profiles$\gabrielamdp\Downloads\2e0d2ce1-d7a3-452a-bd50-001cca8c2075.tmp</t>
  </si>
  <si>
    <t>01/13/2020 20:46:13</t>
  </si>
  <si>
    <t>a29b78b5-001c-4a48-8d09-313d7d91060f.tmp</t>
  </si>
  <si>
    <t>\\acsfs\profiles$\gabrielamdp\Downloads\a29b78b5-001c-4a48-8d09-313d7d91060f.tmp</t>
  </si>
  <si>
    <t>01/13/2020 20:51:26</t>
  </si>
  <si>
    <t>01/13/2020 20:55:32</t>
  </si>
  <si>
    <t>99f53953-457e-439a-8fe6-425624fd5251.tmp</t>
  </si>
  <si>
    <t>\\acsfs\profiles$\gabrielamdp\Downloads\99f53953-457e-439a-8fe6-425624fd5251.tmp</t>
  </si>
  <si>
    <t>01/13/2020 20:52:03</t>
  </si>
  <si>
    <t>491d2382-426d-4b53-b8d3-8c527583897a.tmp</t>
  </si>
  <si>
    <t>\\acsfs\profiles$\gabrielamdp\Downloads\491d2382-426d-4b53-b8d3-8c527583897a.tmp</t>
  </si>
  <si>
    <t>01/13/2020 20:52:04</t>
  </si>
  <si>
    <t>e9799238-397a-46bc-9a77-111159628504.tmp</t>
  </si>
  <si>
    <t>\\acsfs\profiles$\gabrielamdp\Downloads\e9799238-397a-46bc-9a77-111159628504.tmp</t>
  </si>
  <si>
    <t>01/13/2020 21:00:32</t>
  </si>
  <si>
    <t>01/13/2020 20:56:02</t>
  </si>
  <si>
    <t>721a8b70-0454-4c5a-8a71-4489a19cbd43.tmp</t>
  </si>
  <si>
    <t>\\acsfs\profiles$\laurandos\Downloads\721a8b70-0454-4c5a-8a71-4489a19cbd43.tmp</t>
  </si>
  <si>
    <t>01/13/2020 21:00:06</t>
  </si>
  <si>
    <t>01/13/2020 21:02:32</t>
  </si>
  <si>
    <t>XLOG_marcosvnds_13012020_163728.log</t>
  </si>
  <si>
    <t>\\acsfs\profiles$\marcosvnds\My Documents\xworkcenter\logs\XLOG_marcosvnds_13012020_163728.log</t>
  </si>
  <si>
    <t>01/13/2020 21:00:34</t>
  </si>
  <si>
    <t>01/13/2020 21:05:31</t>
  </si>
  <si>
    <t>59662398-49b9-4318-8db6-74a797b2b1f4.tmp</t>
  </si>
  <si>
    <t>\\acsfs\profiles$\laurandos\Downloads\59662398-49b9-4318-8db6-74a797b2b1f4.tmp</t>
  </si>
  <si>
    <t>01/13/2020 21:02:27</t>
  </si>
  <si>
    <t>c78db1a0-5538-4770-b2dd-7a1d43116809.tmp</t>
  </si>
  <si>
    <t>\\acsfs\profiles$\laurandos\Downloads\c78db1a0-5538-4770-b2dd-7a1d43116809.tmp</t>
  </si>
  <si>
    <t>01/13/2020 21:03:49</t>
  </si>
  <si>
    <t>0be33b52-6c54-4031-8765-2bb1c6b69237.tmp</t>
  </si>
  <si>
    <t>\\acsfs\profiles$\ingridsm\Downloads\0be33b52-6c54-4031-8765-2bb1c6b69237.tmp</t>
  </si>
  <si>
    <t>01/13/2020 21:04:11</t>
  </si>
  <si>
    <t>01/13/2020 21:04:13</t>
  </si>
  <si>
    <t>01/13/2020 21:08:31</t>
  </si>
  <si>
    <t>4b879d53-05ed-460e-9e14-0d7f1713000e.tmp</t>
  </si>
  <si>
    <t>\\acsfs\profiles$\alinepp\Downloads\4b879d53-05ed-460e-9e14-0d7f1713000e.tmp</t>
  </si>
  <si>
    <t>01/13/2020 21:10:31</t>
  </si>
  <si>
    <t>01/13/2020 21:07:53</t>
  </si>
  <si>
    <t>0dbba28b-a0fe-4822-a011-4fc85bfcb55c.tmp</t>
  </si>
  <si>
    <t>\\acsfs\profiles$\ingridsm\Downloads\0dbba28b-a0fe-4822-a011-4fc85bfcb55c.tmp</t>
  </si>
  <si>
    <t>01/13/2020 21:08:46</t>
  </si>
  <si>
    <t>10bffe71-ca6d-4c6e-861d-0850186216b0.tmp</t>
  </si>
  <si>
    <t>\\acsfs\profiles$\ingridsm\Downloads\10bffe71-ca6d-4c6e-861d-0850186216b0.tmp</t>
  </si>
  <si>
    <t>01/13/2020 21:11:36</t>
  </si>
  <si>
    <t>01/13/2020 21:13:31</t>
  </si>
  <si>
    <t>julianeas</t>
  </si>
  <si>
    <t>\\acsfs\profiles$\julianeas\My Documents\</t>
  </si>
  <si>
    <t>VENDAS VALORES.txt</t>
  </si>
  <si>
    <t>\\acsfs\profiles$\julianeas\My Documents\VENDAS VALORES.txt</t>
  </si>
  <si>
    <t>01/13/2020 21:12:58</t>
  </si>
  <si>
    <t>01/13/2020 21:14:32</t>
  </si>
  <si>
    <t>f6645e11-52a1-4073-89e2-9700b74a7585.tmp</t>
  </si>
  <si>
    <t>\\acsfs\profiles$\brendadsl\Downloads\f6645e11-52a1-4073-89e2-9700b74a7585.tmp</t>
  </si>
  <si>
    <t>01/13/2020 21:14:22</t>
  </si>
  <si>
    <t>01/13/2020 21:15:32</t>
  </si>
  <si>
    <t>4eb7bebf-3759-471a-a11f-7fcf792ba280.tmp</t>
  </si>
  <si>
    <t>\\acsfs\profiles$\ingridsm\Downloads\4eb7bebf-3759-471a-a11f-7fcf792ba280.tmp</t>
  </si>
  <si>
    <t>01/13/2020 21:15:04</t>
  </si>
  <si>
    <t>01/13/2020 21:16:31</t>
  </si>
  <si>
    <t>10.200.67.147</t>
  </si>
  <si>
    <t>74-86-7A-FB-1B-3B</t>
  </si>
  <si>
    <t>VOTORANT-FB017</t>
  </si>
  <si>
    <t>01/13/2020 21:18:31</t>
  </si>
  <si>
    <t>01/13/2020 21:15:21</t>
  </si>
  <si>
    <t>8e808db9-8df0-4b1e-b489-cea694afca47.tmp</t>
  </si>
  <si>
    <t>\\acsfs\profiles$\alinepp\Downloads\8e808db9-8df0-4b1e-b489-cea694afca47.tmp</t>
  </si>
  <si>
    <t>01/13/2020 21:19:31</t>
  </si>
  <si>
    <t>01/13/2020 21:19:21</t>
  </si>
  <si>
    <t>01/13/2020 21:20:31</t>
  </si>
  <si>
    <t>4dc5a55e-96c2-4c65-9d3e-d8dfe0f82932.tmp</t>
  </si>
  <si>
    <t>\\acsfs\profiles$\Adrieledgc\Downloads\4dc5a55e-96c2-4c65-9d3e-d8dfe0f82932.tmp</t>
  </si>
  <si>
    <t>01/13/2020 21:19:24</t>
  </si>
  <si>
    <t>530e7ba4-baf0-4f64-bb7d-f8fbf134cf99;</t>
  </si>
  <si>
    <t>https://lurker.olx.com.br/track</t>
  </si>
  <si>
    <t>https://lurker.olx.com.br/track?defaultevent=true</t>
  </si>
  <si>
    <t>01/13/2020 21:19:25</t>
  </si>
  <si>
    <t>01/13/2020 21:19:27</t>
  </si>
  <si>
    <t>01/13/2020 21:19:28</t>
  </si>
  <si>
    <t>01/13/2020 21:19:30</t>
  </si>
  <si>
    <t>01/13/2020 21:19:32</t>
  </si>
  <si>
    <t>01/13/2020 21:19:33</t>
  </si>
  <si>
    <t>01/13/2020 21:19:34</t>
  </si>
  <si>
    <t>01/13/2020 21:19:39</t>
  </si>
  <si>
    <t>01/13/2020 21:19:49</t>
  </si>
  <si>
    <t>01/13/2020 21:19:51</t>
  </si>
  <si>
    <t>01/13/2020 21:19:52</t>
  </si>
  <si>
    <t>01/13/2020 21:19:53</t>
  </si>
  <si>
    <t>01/13/2020 21:21:31</t>
  </si>
  <si>
    <t>01/13/2020 21:19:54</t>
  </si>
  <si>
    <t>01/13/2020 21:19:57</t>
  </si>
  <si>
    <t>01/13/2020 21:19:58</t>
  </si>
  <si>
    <t>01/13/2020 21:19:59</t>
  </si>
  <si>
    <t>01/13/2020 21:20:02</t>
  </si>
  <si>
    <t>01/13/2020 21:20:04</t>
  </si>
  <si>
    <t>01/13/2020 21:20:07</t>
  </si>
  <si>
    <t>01/13/2020 21:22:41</t>
  </si>
  <si>
    <t>01/13/2020 21:23:31</t>
  </si>
  <si>
    <t>f0023aef-fd3c-4eb9-b53e-e640e4a13f4b.tmp</t>
  </si>
  <si>
    <t>\\acsfs\profiles$\alinepp\Downloads\f0023aef-fd3c-4eb9-b53e-e640e4a13f4b.tmp</t>
  </si>
  <si>
    <t>01/13/2020 21:25:31</t>
  </si>
  <si>
    <t>01/13/2020 21:21:03</t>
  </si>
  <si>
    <t>https://www.google.com.br/domainreliability/upload</t>
  </si>
  <si>
    <t>01/13/2020 21:21:22</t>
  </si>
  <si>
    <t>f7202be8-4697-4c5f-96bb-d135eb233dc3.tmp</t>
  </si>
  <si>
    <t>\\acsfs\profiles$\victorgl\Downloads\f7202be8-4697-4c5f-96bb-d135eb233dc3.tmp</t>
  </si>
  <si>
    <t>01/13/2020 21:30:32</t>
  </si>
  <si>
    <t>01/13/2020 21:27:43</t>
  </si>
  <si>
    <t>b7994962-41d7-4861-946f-df8321923e59.tmp</t>
  </si>
  <si>
    <t>\\acsfs\profiles$\gabrielamdp\Downloads\b7994962-41d7-4861-946f-df8321923e59.tmp</t>
  </si>
  <si>
    <t>01/13/2020 21:28:03</t>
  </si>
  <si>
    <t>01/13/2020 21:28:07</t>
  </si>
  <si>
    <t>01/13/2020 21:28:08</t>
  </si>
  <si>
    <t>01/13/2020 21:28:14</t>
  </si>
  <si>
    <t>01/13/2020 21:28:27</t>
  </si>
  <si>
    <t>01/13/2020 21:28:28</t>
  </si>
  <si>
    <t>01/13/2020 21:28:29</t>
  </si>
  <si>
    <t>01/13/2020 21:28:31</t>
  </si>
  <si>
    <t>01/13/2020 21:28:37</t>
  </si>
  <si>
    <t>01/13/2020 21:28:38</t>
  </si>
  <si>
    <t>01/13/2020 21:28:40</t>
  </si>
  <si>
    <t>01/13/2020 21:28:41</t>
  </si>
  <si>
    <t>01/13/2020 21:29:07</t>
  </si>
  <si>
    <t>01/13/2020 21:34:32</t>
  </si>
  <si>
    <t>4c13c462-7da5-48da-a657-f7b08f0a3f5f.tmp</t>
  </si>
  <si>
    <t>\\acsfs\profiles$\layonmof\Downloads\4c13c462-7da5-48da-a657-f7b08f0a3f5f.tmp</t>
  </si>
  <si>
    <t>01/13/2020 21:30:06</t>
  </si>
  <si>
    <t>01/13/2020 21:35:31</t>
  </si>
  <si>
    <t>d4c0a79e-8a18-4920-9ebe-b4d55fe998cd.tmp</t>
  </si>
  <si>
    <t>\\acsfs\profiles$\joycemmdl\Downloads\d4c0a79e-8a18-4920-9ebe-b4d55fe998cd.tmp</t>
  </si>
  <si>
    <t>01/13/2020 21:32:39</t>
  </si>
  <si>
    <t>6796ffe2-0e47-46de-84c9-6724bd92fc69.tmp</t>
  </si>
  <si>
    <t>\\acsfs\profiles$\joycemmdl\Downloads\6796ffe2-0e47-46de-84c9-6724bd92fc69.tmp</t>
  </si>
  <si>
    <t>01/13/2020 21:31:14</t>
  </si>
  <si>
    <t>01/13/2020 21:36:31</t>
  </si>
  <si>
    <t>01/13/2020 21:31:15</t>
  </si>
  <si>
    <t>01/13/2020 21:31:16</t>
  </si>
  <si>
    <t>01/13/2020 21:31:17</t>
  </si>
  <si>
    <t>01/13/2020 21:31:19</t>
  </si>
  <si>
    <t>01/13/2020 21:31:43</t>
  </si>
  <si>
    <t>01/13/2020 21:31:24</t>
  </si>
  <si>
    <t>01/13/2020 21:31:46</t>
  </si>
  <si>
    <t>01/13/2020 21:31:48</t>
  </si>
  <si>
    <t>01/13/2020 21:32:21</t>
  </si>
  <si>
    <t>01/13/2020 21:35:19</t>
  </si>
  <si>
    <t>01/13/2020 21:35:21</t>
  </si>
  <si>
    <t>01/13/2020 21:35:22</t>
  </si>
  <si>
    <t>01/13/2020 21:35:23</t>
  </si>
  <si>
    <t>01/13/2020 21:35:28</t>
  </si>
  <si>
    <t>01/13/2020 21:36:26</t>
  </si>
  <si>
    <t>01/13/2020 21:38:31</t>
  </si>
  <si>
    <t>3852d03d-de90-4b68-9b80-7d5e30220e12.tmp</t>
  </si>
  <si>
    <t>\\acsfs\profiles$\alinepp\Downloads\3852d03d-de90-4b68-9b80-7d5e30220e12.tmp</t>
  </si>
  <si>
    <t>01/13/2020 21:35:53</t>
  </si>
  <si>
    <t>01/13/2020 21:40:32</t>
  </si>
  <si>
    <t>85fd1852-dba2-4356-a288-8f0b6a628e37.tmp</t>
  </si>
  <si>
    <t>\\acsfs\profiles$\ingridsm\Downloads\85fd1852-dba2-4356-a288-8f0b6a628e37.tmp</t>
  </si>
  <si>
    <t>01/13/2020 21:35:41</t>
  </si>
  <si>
    <t>01/13/2020 21:41:32</t>
  </si>
  <si>
    <t>01/13/2020 21:35:42</t>
  </si>
  <si>
    <t>01/13/2020 21:35:44</t>
  </si>
  <si>
    <t>01/13/2020 21:35:45</t>
  </si>
  <si>
    <t>01/13/2020 21:35:48</t>
  </si>
  <si>
    <t>01/13/2020 21:35:49</t>
  </si>
  <si>
    <t>01/13/2020 21:35:55</t>
  </si>
  <si>
    <t>01/13/2020 21:36:03</t>
  </si>
  <si>
    <t>01/13/2020 21:36:05</t>
  </si>
  <si>
    <t>01/13/2020 21:36:06</t>
  </si>
  <si>
    <t>01/13/2020 21:36:07</t>
  </si>
  <si>
    <t>01/13/2020 21:36:09</t>
  </si>
  <si>
    <t>01/13/2020 21:36:10</t>
  </si>
  <si>
    <t>01/13/2020 21:36:11</t>
  </si>
  <si>
    <t>01/13/2020 21:36:13</t>
  </si>
  <si>
    <t>01/13/2020 21:36:14</t>
  </si>
  <si>
    <t>01/13/2020 21:36:16</t>
  </si>
  <si>
    <t>01/13/2020 21:36:20</t>
  </si>
  <si>
    <t>01/13/2020 21:36:28</t>
  </si>
  <si>
    <t>01/13/2020 21:36:29</t>
  </si>
  <si>
    <t>01/13/2020 21:36:30</t>
  </si>
  <si>
    <t>01/13/2020 21:36:32</t>
  </si>
  <si>
    <t>01/13/2020 21:36:34</t>
  </si>
  <si>
    <t>01/13/2020 21:36:35</t>
  </si>
  <si>
    <t>01/13/2020 21:36:36</t>
  </si>
  <si>
    <t>01/13/2020 21:36:37</t>
  </si>
  <si>
    <t>01/13/2020 21:36:41</t>
  </si>
  <si>
    <t>01/13/2020 21:36:56</t>
  </si>
  <si>
    <t>01/13/2020 21:37:30</t>
  </si>
  <si>
    <t>01/13/2020 21:37:32</t>
  </si>
  <si>
    <t>01/13/2020 21:37:33</t>
  </si>
  <si>
    <t>01/13/2020 21:37:34</t>
  </si>
  <si>
    <t>01/13/2020 21:37:38</t>
  </si>
  <si>
    <t>01/13/2020 21:37:39</t>
  </si>
  <si>
    <t>01/13/2020 21:37:43</t>
  </si>
  <si>
    <t>01/13/2020 21:37:46</t>
  </si>
  <si>
    <t>01/13/2020 21:37:47</t>
  </si>
  <si>
    <t>01/13/2020 21:37:48</t>
  </si>
  <si>
    <t>01/13/2020 21:37:52</t>
  </si>
  <si>
    <t>01/13/2020 21:37:53</t>
  </si>
  <si>
    <t>01/13/2020 21:37:54</t>
  </si>
  <si>
    <t>01/13/2020 21:37:55</t>
  </si>
  <si>
    <t>01/13/2020 21:37:56</t>
  </si>
  <si>
    <t>01/13/2020 21:38:01</t>
  </si>
  <si>
    <t>01/13/2020 21:38:03</t>
  </si>
  <si>
    <t>01/13/2020 21:38:06</t>
  </si>
  <si>
    <t>01/13/2020 21:38:07</t>
  </si>
  <si>
    <t>01/13/2020 21:38:08</t>
  </si>
  <si>
    <t>01/13/2020 21:38:11</t>
  </si>
  <si>
    <t>01/13/2020 21:38:16</t>
  </si>
  <si>
    <t>01/13/2020 21:38:17</t>
  </si>
  <si>
    <t>01/13/2020 21:38:20</t>
  </si>
  <si>
    <t>01/13/2020 21:38:22</t>
  </si>
  <si>
    <t>01/13/2020 21:39:01</t>
  </si>
  <si>
    <t>01/13/2020 21:39:02</t>
  </si>
  <si>
    <t>01/13/2020 21:39:03</t>
  </si>
  <si>
    <t>01/13/2020 21:39:04</t>
  </si>
  <si>
    <t>01/13/2020 21:37:27</t>
  </si>
  <si>
    <t>01/13/2020 21:42:08</t>
  </si>
  <si>
    <t>01/13/2020 21:46:32</t>
  </si>
  <si>
    <t>01/13/2020 21:50:32</t>
  </si>
  <si>
    <t>01/13/2020 21:45:36</t>
  </si>
  <si>
    <t>f4db4954-f576-4661-9f62-ec1fe2611ea8.tmp</t>
  </si>
  <si>
    <t>\\acsfs\profiles$\ingridsm\Downloads\f4db4954-f576-4661-9f62-ec1fe2611ea8.tmp</t>
  </si>
  <si>
    <t>01/13/2020 21:46:59</t>
  </si>
  <si>
    <t>01/13/2020 21:51:31</t>
  </si>
  <si>
    <t>01/13/2020 21:46:35</t>
  </si>
  <si>
    <t>01/13/2020 21:46:44</t>
  </si>
  <si>
    <t>01/13/2020 21:46:45</t>
  </si>
  <si>
    <t>01/13/2020 21:46:46</t>
  </si>
  <si>
    <t>01/13/2020 21:46:49</t>
  </si>
  <si>
    <t>01/13/2020 21:46:51</t>
  </si>
  <si>
    <t>01/13/2020 21:46:52</t>
  </si>
  <si>
    <t>01/13/2020 21:46:53</t>
  </si>
  <si>
    <t>01/13/2020 21:46:54</t>
  </si>
  <si>
    <t>01/13/2020 21:46:55</t>
  </si>
  <si>
    <t>01/13/2020 21:46:56</t>
  </si>
  <si>
    <t>01/13/2020 21:47:01</t>
  </si>
  <si>
    <t>01/13/2020 21:47:02</t>
  </si>
  <si>
    <t>01/13/2020 21:47:03</t>
  </si>
  <si>
    <t>01/13/2020 21:47:05</t>
  </si>
  <si>
    <t>01/13/2020 21:47:06</t>
  </si>
  <si>
    <t>01/13/2020 21:47:08</t>
  </si>
  <si>
    <t>01/13/2020 21:47:10</t>
  </si>
  <si>
    <t>01/13/2020 21:47:11</t>
  </si>
  <si>
    <t>01/13/2020 21:47:12</t>
  </si>
  <si>
    <t>01/13/2020 21:47:13</t>
  </si>
  <si>
    <t>01/13/2020 21:47:16</t>
  </si>
  <si>
    <t>01/13/2020 21:47:21</t>
  </si>
  <si>
    <t>01/13/2020 21:58:11</t>
  </si>
  <si>
    <t>01/13/2020 22:00:32</t>
  </si>
  <si>
    <t>01/13/2020 21:57:29</t>
  </si>
  <si>
    <t>01/13/2020 22:01:31</t>
  </si>
  <si>
    <t>65e3c84b-b1f5-4dfe-bcd0-fea326069513.tmp</t>
  </si>
  <si>
    <t>\\acsfs\profiles$\victorgl\Downloads\65e3c84b-b1f5-4dfe-bcd0-fea326069513.tmp</t>
  </si>
  <si>
    <t>01/13/2020 22:00:28</t>
  </si>
  <si>
    <t>186983f5-d06f-4cbd-8eef-6150dd7f1886.tmp</t>
  </si>
  <si>
    <t>\\acsfs\profiles$\fabianafv\Downloads\186983f5-d06f-4cbd-8eef-6150dd7f1886.tmp</t>
  </si>
  <si>
    <t>01/13/2020 21:57:48</t>
  </si>
  <si>
    <t>01/13/2020 22:02:31</t>
  </si>
  <si>
    <t>5a1f3198-3b2d-4954-a6b0-36a2215fe966.tmp</t>
  </si>
  <si>
    <t>\\acsfs\profiles$\rogeriofd\Downloads\5a1f3198-3b2d-4954-a6b0-36a2215fe966.tmp</t>
  </si>
  <si>
    <t>01/13/2020 21:59:25</t>
  </si>
  <si>
    <t>aefa68a6-4cf6-42e4-a1ac-4eda7f32c61d.tmp</t>
  </si>
  <si>
    <t>\\acsfs\profiles$\rogeriofd\Downloads\aefa68a6-4cf6-42e4-a1ac-4eda7f32c61d.tmp</t>
  </si>
  <si>
    <t>01/13/2020 22:02:42</t>
  </si>
  <si>
    <t>01/13/2020 22:03:32</t>
  </si>
  <si>
    <t>robertm</t>
  </si>
  <si>
    <t>\\acsfs\profiles$\ROBERTM\Downloads\</t>
  </si>
  <si>
    <t>a0eba776-8f51-4137-b23c-6c59df786895.tmp</t>
  </si>
  <si>
    <t>\\acsfs\profiles$\ROBERTM\Downloads\a0eba776-8f51-4137-b23c-6c59df786895.tmp</t>
  </si>
  <si>
    <t>01/13/2020 22:03:27</t>
  </si>
  <si>
    <t>01/13/2020 22:06:32</t>
  </si>
  <si>
    <t>\\acsfs\profiles$\andrezacapf\My Documents\xworkcenter\logs\</t>
  </si>
  <si>
    <t>XLOG_andrezacapf_13012020_135133.log</t>
  </si>
  <si>
    <t>\\acsfs\profiles$\andrezacapf\My Documents\xworkcenter\logs\XLOG_andrezacapf_13012020_135133.log</t>
  </si>
  <si>
    <t>01/13/2020 22:04:51</t>
  </si>
  <si>
    <t>01/13/2020 22:08:32</t>
  </si>
  <si>
    <t>521e032d-2416-4720-9471-7dbb830780cd.tmp</t>
  </si>
  <si>
    <t>\\acsfs\profiles$\ROBERTM\Downloads\521e032d-2416-4720-9471-7dbb830780cd.tmp</t>
  </si>
  <si>
    <t>01/13/2020 22:10:32</t>
  </si>
  <si>
    <t>01/13/2020 22:08:42</t>
  </si>
  <si>
    <t>ec0c88b7-958b-4df6-8865-4bbdd146b66c.tmp</t>
  </si>
  <si>
    <t>\\acsfs\profiles$\Adrieledgc\Downloads\ec0c88b7-958b-4df6-8865-4bbdd146b66c.tmp</t>
  </si>
  <si>
    <t>01/13/2020 22:12:09</t>
  </si>
  <si>
    <t>01/13/2020 22:15:31</t>
  </si>
  <si>
    <t>b4c32b91-33a2-4dc6-8f7d-e6f8b3a0d3a1.tmp</t>
  </si>
  <si>
    <t>\\acsfs\profiles$\gabrielamdp\Downloads\b4c32b91-33a2-4dc6-8f7d-e6f8b3a0d3a1.tmp</t>
  </si>
  <si>
    <t>01/13/2020 22:25:34</t>
  </si>
  <si>
    <t>01/13/2020 22:30:32</t>
  </si>
  <si>
    <t>01/13/2020 22:25:38</t>
  </si>
  <si>
    <t>01/13/2020 22:34:31</t>
  </si>
  <si>
    <t>01/13/2020 22:31:05</t>
  </si>
  <si>
    <t>ERIC HENRIQUE DA SILVA (12).contact</t>
  </si>
  <si>
    <t>\\acsfs\profiles$\erichds\Contacts\ERIC HENRIQUE DA SILVA (12).contact</t>
  </si>
  <si>
    <t>01/13/2020 22:31:19</t>
  </si>
  <si>
    <t>01/13/2020 22:31:20</t>
  </si>
  <si>
    <t>01/13/2020 22:31:21</t>
  </si>
  <si>
    <t>01/13/2020 22:31:22</t>
  </si>
  <si>
    <t>01/13/2020 22:31:23</t>
  </si>
  <si>
    <t>01/13/2020 22:31:24</t>
  </si>
  <si>
    <t>01/13/2020 22:31:25</t>
  </si>
  <si>
    <t>01/13/2020 22:31:26</t>
  </si>
  <si>
    <t>01/13/2020 22:31:27</t>
  </si>
  <si>
    <t>01/13/2020 22:31:28</t>
  </si>
  <si>
    <t>01/13/2020 22:35:31</t>
  </si>
  <si>
    <t>01/13/2020 22:31:29</t>
  </si>
  <si>
    <t>01/13/2020 22:31:30</t>
  </si>
  <si>
    <t>01/13/2020 22:31:31</t>
  </si>
  <si>
    <t>01/13/2020 22:31:32</t>
  </si>
  <si>
    <t>\\acsfs\profiles$\erichds\Saved Games\</t>
  </si>
  <si>
    <t>01/13/2020 22:31:49</t>
  </si>
  <si>
    <t>\\acsfs\profiles$\erichds\Favorites\Links for Brasil\</t>
  </si>
  <si>
    <t>\\acsfs\profiles$\erichds\Favorites\Links for Brasil\desktop.ini</t>
  </si>
  <si>
    <t>\\acsfs\profiles$\erichds\Favorites\Links for Brasil\Microsoft Brasil.url</t>
  </si>
  <si>
    <t>01/13/2020 22:31:50</t>
  </si>
  <si>
    <t>\\acsfs\profiles$\erichds\Favorites\Links for Brasil\Windows Brasil.url</t>
  </si>
  <si>
    <t>01/13/2020 22:31:51</t>
  </si>
  <si>
    <t>01/13/2020 22:31:52</t>
  </si>
  <si>
    <t>\\acsfs\profiles$\erichds\Favorites\Links for Brasil\MSN Brasil.url</t>
  </si>
  <si>
    <t>01/13/2020 22:31:54</t>
  </si>
  <si>
    <t>\\acsfs\profiles$\erichds\My Documents\Automation Anywhere Files\ConfigFiles\</t>
  </si>
  <si>
    <t>log4net-config.xml</t>
  </si>
  <si>
    <t>\\acsfs\profiles$\erichds\My Documents\Automation Anywhere Files\ConfigFiles\log4net-config.xml</t>
  </si>
  <si>
    <t>01/13/2020 22:31:55</t>
  </si>
  <si>
    <t>\\acsfs\profiles$\erichds\My Documents\Automation Anywhere Files\</t>
  </si>
  <si>
    <t>AA.Trigger.xml</t>
  </si>
  <si>
    <t>\\acsfs\profiles$\erichds\My Documents\Automation Anywhere Files\AA.Trigger.xml</t>
  </si>
  <si>
    <t>01/13/2020 22:32:46</t>
  </si>
  <si>
    <t>01/13/2020 22:36:31</t>
  </si>
  <si>
    <t>d5f0ef57-524b-4c16-9c74-a93a74f0f449.tmp</t>
  </si>
  <si>
    <t>\\acsfs\profiles$\fabianafv\Downloads\d5f0ef57-524b-4c16-9c74-a93a74f0f449.tmp</t>
  </si>
  <si>
    <t>01/13/2020 22:34:48</t>
  </si>
  <si>
    <t>01/13/2020 22:40:31</t>
  </si>
  <si>
    <t>aca62a27-6900-4329-b899-f5d3b83b9ca3.tmp</t>
  </si>
  <si>
    <t>\\acsfs\profiles$\erichds\Downloads\aca62a27-6900-4329-b899-f5d3b83b9ca3.tmp</t>
  </si>
  <si>
    <t>01/13/2020 22:34:54</t>
  </si>
  <si>
    <t>Q29udHJvbGxlci5DYWxjdWxhZG9yYURlVmVuY2lt (40).ica</t>
  </si>
  <si>
    <t>\\acsfs\profiles$\erichds\Downloads\Q29udHJvbGxlci5DYWxjdWxhZG9yYURlVmVuY2lt (40).ica</t>
  </si>
  <si>
    <t>01/13/2020 23:04:31</t>
  </si>
  <si>
    <t>01/13/2020 23:04:04</t>
  </si>
  <si>
    <t>f58ba5e2-da13-48af-a875-387d0d0c3a0b.tmp</t>
  </si>
  <si>
    <t>\\acsfs\profiles$\leonardocb\Downloads\f58ba5e2-da13-48af-a875-387d0d0c3a0b.tmp</t>
  </si>
  <si>
    <t>01/13/2020 23:05:08</t>
  </si>
  <si>
    <t>01/13/2020 23:10:31</t>
  </si>
  <si>
    <t>01/13/2020 23:05:05</t>
  </si>
  <si>
    <t>vendas janeiro 2020.txt</t>
  </si>
  <si>
    <t>\\acsfs\profiles$\joycemmdl\My Documents\vendas janeiro 2020.txt</t>
  </si>
  <si>
    <t>01/13/2020 23:14:06</t>
  </si>
  <si>
    <t>01/13/2020 23:15:32</t>
  </si>
  <si>
    <t>01/13/2020 23:24:31</t>
  </si>
  <si>
    <t>01/13/2020 23:19:57</t>
  </si>
  <si>
    <t>01/13/2020 23:19:59</t>
  </si>
  <si>
    <t>01/13/2020 23:20:00</t>
  </si>
  <si>
    <t>01/13/2020 23:20:02</t>
  </si>
  <si>
    <t>01/13/2020 23:20:03</t>
  </si>
  <si>
    <t>01/13/2020 23:20:05</t>
  </si>
  <si>
    <t>01/13/2020 23:20:06</t>
  </si>
  <si>
    <t>01/13/2020 23:20:07</t>
  </si>
  <si>
    <t>01/13/2020 23:20:09</t>
  </si>
  <si>
    <t>01/13/2020 23:20:11</t>
  </si>
  <si>
    <t>01/13/2020 23:20:13</t>
  </si>
  <si>
    <t>01/13/2020 23:20:14</t>
  </si>
  <si>
    <t>01/13/2020 23:20:15</t>
  </si>
  <si>
    <t>01/13/2020 23:20:17</t>
  </si>
  <si>
    <t>01/13/2020 23:20:20</t>
  </si>
  <si>
    <t>01/13/2020 23:20:22</t>
  </si>
  <si>
    <t>01/13/2020 23:20:23</t>
  </si>
  <si>
    <t>01/13/2020 23:20:24</t>
  </si>
  <si>
    <t>01/13/2020 23:20:27</t>
  </si>
  <si>
    <t>01/13/2020 23:20:28</t>
  </si>
  <si>
    <t>01/13/2020 23:20:30</t>
  </si>
  <si>
    <t>01/13/2020 23:20:32</t>
  </si>
  <si>
    <t>01/13/2020 23:20:34</t>
  </si>
  <si>
    <t>01/13/2020 23:20:37</t>
  </si>
  <si>
    <t>01/13/2020 23:20:38</t>
  </si>
  <si>
    <t>01/13/2020 23:20:39</t>
  </si>
  <si>
    <t>01/13/2020 23:20:40</t>
  </si>
  <si>
    <t>01/13/2020 23:20:42</t>
  </si>
  <si>
    <t>01/13/2020 23:20:43</t>
  </si>
  <si>
    <t>01/13/2020 23:20:45</t>
  </si>
  <si>
    <t>01/13/2020 23:20:47</t>
  </si>
  <si>
    <t>01/13/2020 23:20:48</t>
  </si>
  <si>
    <t>01/13/2020 23:20:49</t>
  </si>
  <si>
    <t>01/13/2020 23:20:51</t>
  </si>
  <si>
    <t>01/13/2020 23:20:54</t>
  </si>
  <si>
    <t>01/13/2020 23:20:56</t>
  </si>
  <si>
    <t>01/13/2020 23:20:57</t>
  </si>
  <si>
    <t>01/13/2020 23:20:58</t>
  </si>
  <si>
    <t>01/13/2020 23:20:59</t>
  </si>
  <si>
    <t>01/13/2020 23:21:00</t>
  </si>
  <si>
    <t>01/13/2020 23:21:04</t>
  </si>
  <si>
    <t>01/13/2020 23:21:06</t>
  </si>
  <si>
    <t>01/13/2020 23:21:30</t>
  </si>
  <si>
    <t>01/13/2020 23:29:32</t>
  </si>
  <si>
    <t>01/13/2020 23:26:22</t>
  </si>
  <si>
    <t>3bc70344-f82d-4199-8b38-d8bada046ee4.tmp</t>
  </si>
  <si>
    <t>\\acsfs\profiles$\joycemmdl\Downloads\3bc70344-f82d-4199-8b38-d8bada046ee4.tmp</t>
  </si>
  <si>
    <t>01/13/2020 23:26:34</t>
  </si>
  <si>
    <t>Unconfirmed 703585.crdownload</t>
  </si>
  <si>
    <t>\\acsfs\profiles$\joycemmdl\Downloads\Unconfirmed 703585.crdownload</t>
  </si>
  <si>
    <t>01/13/2020 23:26:50</t>
  </si>
  <si>
    <t>b3eff1c5-e7cc-4e3a-9160-28f4ebbedd3e.tmp</t>
  </si>
  <si>
    <t>\\acsfs\profiles$\joycemmdl\Downloads\b3eff1c5-e7cc-4e3a-9160-28f4ebbedd3e.tmp</t>
  </si>
  <si>
    <t>01/13/2020 23:28:00</t>
  </si>
  <si>
    <t>9ebf0d42-3e42-4ce3-b0da-655867021454.tmp</t>
  </si>
  <si>
    <t>\\acsfs\profiles$\joycemmdl\Downloads\9ebf0d42-3e42-4ce3-b0da-655867021454.tmp</t>
  </si>
  <si>
    <t>01/13/2020 23:51:19</t>
  </si>
  <si>
    <t>01/13/2020 23:56:32</t>
  </si>
  <si>
    <t>b9a87ecc-1f9b-467f-81ea-ed4c184055e3.tmp</t>
  </si>
  <si>
    <t>\\acsfs\profiles$\taylaedoa\Downloads\b9a87ecc-1f9b-467f-81ea-ed4c184055e3.tmp</t>
  </si>
  <si>
    <t>01/13/2020 23:57:31</t>
  </si>
  <si>
    <t>01/13/2020 23:52:59</t>
  </si>
  <si>
    <t>a71e2c60-e409-432a-8bb7-588587854e15.tmp</t>
  </si>
  <si>
    <t>\\acsfs\profiles$\marlyannegdls\Downloads\a71e2c60-e409-432a-8bb7-588587854e15.tmp</t>
  </si>
  <si>
    <t>01/13/2020 23:54:07</t>
  </si>
  <si>
    <t>808e22df-068c-4432-af8d-a95d150e87ee.tmp</t>
  </si>
  <si>
    <t>\\acsfs\profiles$\marlyannegdls\Downloads\808e22df-068c-4432-af8d-a95d150e87ee.tmp</t>
  </si>
  <si>
    <t>01/14/2020 01:37:31</t>
  </si>
  <si>
    <t>01/14/2020 01:36:55</t>
  </si>
  <si>
    <t>a69eaf43-f8ef-43dd-929c-29298769e3a7.tmp</t>
  </si>
  <si>
    <t>\\acsfs\profiles$\rogeriofd\Downloads\a69eaf43-f8ef-43dd-929c-29298769e3a7.tmp</t>
  </si>
  <si>
    <t>01/14/2020 02:21:36</t>
  </si>
  <si>
    <t>01/14/2020 02:23:31</t>
  </si>
  <si>
    <t>5282a371-1eeb-4e0c-b89b-1d997b8b5a21.tmp</t>
  </si>
  <si>
    <t>\\acsfs\profiles$\ROBERTM\Downloads\5282a371-1eeb-4e0c-b89b-1d997b8b5a21.tmp</t>
  </si>
  <si>
    <t>01/14/2020 02:21:38</t>
  </si>
  <si>
    <t>e85a7e75-904b-4e10-9dd9-422afd02a3c2.tmp</t>
  </si>
  <si>
    <t>\\acsfs\profiles$\ROBERTM\Downloads\e85a7e75-904b-4e10-9dd9-422afd02a3c2.tmp</t>
  </si>
  <si>
    <t>01/14/2020 02:22:13</t>
  </si>
  <si>
    <t>dbeb7bf3-a1a4-445a-a186-a37aef201bc0.tmp</t>
  </si>
  <si>
    <t>\\acsfs\profiles$\ROBERTM\Downloads\dbeb7bf3-a1a4-445a-a186-a37aef201bc0.tmp</t>
  </si>
  <si>
    <t>01/14/2020 02:22:32</t>
  </si>
  <si>
    <t>9cb601d0-7795-427a-a673-f19d1db5f9f4.tmp</t>
  </si>
  <si>
    <t>\\acsfs\profiles$\ROBERTM\Downloads\9cb601d0-7795-427a-a673-f19d1db5f9f4.tmp</t>
  </si>
  <si>
    <t>01/14/2020 05:24:58</t>
  </si>
  <si>
    <t>01/14/2020 05:28:32</t>
  </si>
  <si>
    <t>b91418da-a541-4fa2-b4c5-159b45605e4c.tmp</t>
  </si>
  <si>
    <t>\\acsfs\profiles$\ROBERTM\Downloads\b91418da-a541-4fa2-b4c5-159b45605e4c.tmp</t>
  </si>
  <si>
    <t>01/14/2020 05:49:33</t>
  </si>
  <si>
    <t>01/14/2020 05:49:15</t>
  </si>
  <si>
    <t>23d1b217-6804-4454-adf9-b42cc7f34c88.tmp</t>
  </si>
  <si>
    <t>\\acsfs\profiles$\ROZENCAM\Downloads\23d1b217-6804-4454-adf9-b42cc7f34c88.tmp</t>
  </si>
  <si>
    <t>01/14/2020 05:50:17</t>
  </si>
  <si>
    <t>01/14/2020 05:54:32</t>
  </si>
  <si>
    <t>cffd0bc8-7d42-4faf-8f2f-f2148eece4dc.tmp</t>
  </si>
  <si>
    <t>\\acsfs\profiles$\ROZENCAM\Downloads\cffd0bc8-7d42-4faf-8f2f-f2148eece4dc.tmp</t>
  </si>
  <si>
    <t>01/14/2020 05:59:32</t>
  </si>
  <si>
    <t>01/14/2020 05:56:52</t>
  </si>
  <si>
    <t>10.200.67.5</t>
  </si>
  <si>
    <t>cd3282ab-6ed1-458b-8e9a-e8ff2e9874d5.tmp</t>
  </si>
  <si>
    <t>\\acsfs\profiles$\lucasqdss\Downloads\cd3282ab-6ed1-458b-8e9a-e8ff2e9874d5.tmp</t>
  </si>
  <si>
    <t>01/14/2020 05:58:19</t>
  </si>
  <si>
    <t>74d0abf9-4846-4474-a50d-74b601fc1251.tmp</t>
  </si>
  <si>
    <t>\\acsfs\profiles$\lucasqdss\Downloads\74d0abf9-4846-4474-a50d-74b601fc1251.tmp</t>
  </si>
  <si>
    <t>01/14/2020 06:28:32</t>
  </si>
  <si>
    <t>01/14/2020 06:28:01</t>
  </si>
  <si>
    <t>b4592cf4-9a80-4543-9425-6054c9d84380.tmp</t>
  </si>
  <si>
    <t>\\acsfs\profiles$\ALYNYA\Downloads\b4592cf4-9a80-4543-9425-6054c9d84380.tmp</t>
  </si>
  <si>
    <t>01/14/2020 06:27:53</t>
  </si>
  <si>
    <t>01/14/2020 06:32:33</t>
  </si>
  <si>
    <t>32aea9b8-3e2d-4dbe-b62d-f7127d2a6446.tmp</t>
  </si>
  <si>
    <t>\\acsfs\profiles$\danielac\Downloads\32aea9b8-3e2d-4dbe-b62d-f7127d2a6446.tmp</t>
  </si>
  <si>
    <t>01/14/2020 06:29:18</t>
  </si>
  <si>
    <t>98ca228f-e829-43a8-a90c-6f787fb19f82.tmp</t>
  </si>
  <si>
    <t>\\acsfs\profiles$\danielac\Downloads\98ca228f-e829-43a8-a90c-6f787fb19f82.tmp</t>
  </si>
  <si>
    <t>01/14/2020 06:28:36</t>
  </si>
  <si>
    <t>01/14/2020 06:33:33</t>
  </si>
  <si>
    <t>7d5900da-5d6c-4e1a-90c3-7697058739fd.tmp</t>
  </si>
  <si>
    <t>\\acsfs\profiles$\BRUNAAR\Downloads\7d5900da-5d6c-4e1a-90c3-7697058739fd.tmp</t>
  </si>
  <si>
    <t>01/14/2020 06:29:39</t>
  </si>
  <si>
    <t>8444be1c-a359-480c-8fff-b3436ca6d883.tmp</t>
  </si>
  <si>
    <t>\\acsfs\profiles$\BRUNAAR\Downloads\8444be1c-a359-480c-8fff-b3436ca6d883.tmp</t>
  </si>
  <si>
    <t>01/14/2020 06:31:54</t>
  </si>
  <si>
    <t>01/14/2020 06:29:35</t>
  </si>
  <si>
    <t>3b77dffe-5d06-4be8-b5cb-9fc12f40a3b0.tmp</t>
  </si>
  <si>
    <t>\\acsfs\profiles$\ALYNYA\Downloads\3b77dffe-5d06-4be8-b5cb-9fc12f40a3b0.tmp</t>
  </si>
  <si>
    <t>01/14/2020 06:34:05</t>
  </si>
  <si>
    <t>01/14/2020 06:38:32</t>
  </si>
  <si>
    <t>01/14/2020 06:36:15</t>
  </si>
  <si>
    <t>01/14/2020 06:39:32</t>
  </si>
  <si>
    <t>00bae466-a66c-4406-a149-f7b2b8bea4fd.tmp</t>
  </si>
  <si>
    <t>\\acsfs\profiles$\ROZENCAM\Downloads\00bae466-a66c-4406-a149-f7b2b8bea4fd.tmp</t>
  </si>
  <si>
    <t>01/14/2020 06:41:32</t>
  </si>
  <si>
    <t>01/14/2020 06:39:50</t>
  </si>
  <si>
    <t>10.200.67.10</t>
  </si>
  <si>
    <t>74-86-7A-FB-18-6D</t>
  </si>
  <si>
    <t>VOTORANT-FB013</t>
  </si>
  <si>
    <t>monicargds</t>
  </si>
  <si>
    <t>\\acsfs\profiles$\monicargds\Downloads\</t>
  </si>
  <si>
    <t>f8342e27-3a62-4d51-bf51-720a04ad56ce.tmp</t>
  </si>
  <si>
    <t>\\acsfs\profiles$\monicargds\Downloads\f8342e27-3a62-4d51-bf51-720a04ad56ce.tmp</t>
  </si>
  <si>
    <t>01/14/2020 06:39:51</t>
  </si>
  <si>
    <t>a90b7fee-9ee3-41bb-8020-df7312a27331.tmp</t>
  </si>
  <si>
    <t>\\acsfs\profiles$\monicargds\Downloads\a90b7fee-9ee3-41bb-8020-df7312a27331.tmp</t>
  </si>
  <si>
    <t>01/14/2020 06:40:01</t>
  </si>
  <si>
    <t>01/14/2020 06:42:03</t>
  </si>
  <si>
    <t>01/14/2020 06:46:32</t>
  </si>
  <si>
    <t>f680f8ce-2331-49dd-80dc-b6f60dcdef33.tmp</t>
  </si>
  <si>
    <t>\\acsfs\profiles$\monicargds\Downloads\f680f8ce-2331-49dd-80dc-b6f60dcdef33.tmp</t>
  </si>
  <si>
    <t>01/14/2020 06:44:46</t>
  </si>
  <si>
    <t>bdd1b211-0a1e-4151-8671-bd4f744f7a24.tmp</t>
  </si>
  <si>
    <t>\\acsfs\profiles$\monicargds\Downloads\bdd1b211-0a1e-4151-8671-bd4f744f7a24.tmp</t>
  </si>
  <si>
    <t>01/14/2020 06:47:33</t>
  </si>
  <si>
    <t>01/14/2020 06:43:15</t>
  </si>
  <si>
    <t>01/14/2020 06:45:39</t>
  </si>
  <si>
    <t>01/14/2020 06:48:33</t>
  </si>
  <si>
    <t>01/14/2020 06:43:32</t>
  </si>
  <si>
    <t>2cba728e-8683-4534-90d9-3253d744ce39.tmp</t>
  </si>
  <si>
    <t>\\acsfs\profiles$\ALYNYA\Downloads\2cba728e-8683-4534-90d9-3253d744ce39.tmp</t>
  </si>
  <si>
    <t>01/14/2020 06:52:03</t>
  </si>
  <si>
    <t>01/14/2020 06:53:33</t>
  </si>
  <si>
    <t>01/14/2020 06:52:04</t>
  </si>
  <si>
    <t>lu11748c87e.tmp</t>
  </si>
  <si>
    <t>\\acsfs\profiles$\BRUNAAR\Numero\lu11748c87e.tmp</t>
  </si>
  <si>
    <t>01/14/2020 06:56:32</t>
  </si>
  <si>
    <t>01/14/2020 06:54:33</t>
  </si>
  <si>
    <t>841cf03c-fc23-451d-aa62-3b52231564fb.tmp</t>
  </si>
  <si>
    <t>\\acsfs\profiles$\cintiadcf\Downloads\841cf03c-fc23-451d-aa62-3b52231564fb.tmp</t>
  </si>
  <si>
    <t>01/14/2020 06:54:35</t>
  </si>
  <si>
    <t>0b4a07fa-d069-410a-922c-d751eed6549c.tmp</t>
  </si>
  <si>
    <t>\\acsfs\profiles$\cintiadcf\Downloads\0b4a07fa-d069-410a-922c-d751eed6549c.tmp</t>
  </si>
  <si>
    <t>01/14/2020 06:54:05</t>
  </si>
  <si>
    <t>01/14/2020 06:57:33</t>
  </si>
  <si>
    <t>01/14/2020 06:58:33</t>
  </si>
  <si>
    <t>01/14/2020 06:55:47</t>
  </si>
  <si>
    <t>a689428e-278e-4b85-b5a1-8ae84869de12.tmp</t>
  </si>
  <si>
    <t>\\acsfs\profiles$\ALYNYA\Downloads\a689428e-278e-4b85-b5a1-8ae84869de12.tmp</t>
  </si>
  <si>
    <t>01/14/2020 06:54:47</t>
  </si>
  <si>
    <t>01/14/2020 06:59:33</t>
  </si>
  <si>
    <t>99bf5880-8af6-4197-9cad-59aa25d190b7.tmp</t>
  </si>
  <si>
    <t>\\acsfs\profiles$\vivianealda\Downloads\99bf5880-8af6-4197-9cad-59aa25d190b7.tmp</t>
  </si>
  <si>
    <t>01/14/2020 06:56:12</t>
  </si>
  <si>
    <t>1d936971-4fd5-4688-a5ed-3a39fd368416.tmp</t>
  </si>
  <si>
    <t>\\acsfs\profiles$\vivianealda\Downloads\1d936971-4fd5-4688-a5ed-3a39fd368416.tmp</t>
  </si>
  <si>
    <t>01/14/2020 06:57:55</t>
  </si>
  <si>
    <t>d166836e-6db1-4cfc-805e-a70032ee91e7.tmp</t>
  </si>
  <si>
    <t>\\acsfs\profiles$\anafsb\Downloads\d166836e-6db1-4cfc-805e-a70032ee91e7.tmp</t>
  </si>
  <si>
    <t>01/14/2020 06:57:56</t>
  </si>
  <si>
    <t>81ca5a35-afcc-4890-b476-0a8b26c828e5.tmp</t>
  </si>
  <si>
    <t>\\acsfs\profiles$\anafsb\Downloads\81ca5a35-afcc-4890-b476-0a8b26c828e5.tmp</t>
  </si>
  <si>
    <t>01/14/2020 06:58:00</t>
  </si>
  <si>
    <t>83abdffc-d5b4-41bb-94ba-23d9665743a3.tmp</t>
  </si>
  <si>
    <t>\\acsfs\profiles$\anafsb\Downloads\83abdffc-d5b4-41bb-94ba-23d9665743a3.tmp</t>
  </si>
  <si>
    <t>01/14/2020 06:58:23</t>
  </si>
  <si>
    <t>1ecd9138-acf1-491f-8de9-351496b3da81.tmp</t>
  </si>
  <si>
    <t>\\acsfs\profiles$\anafsb\Downloads\1ecd9138-acf1-491f-8de9-351496b3da81.tmp</t>
  </si>
  <si>
    <t>01/14/2020 06:58:24</t>
  </si>
  <si>
    <t>49fa5ef4-30e0-4ed2-acce-193671d0d22b.tmp</t>
  </si>
  <si>
    <t>\\acsfs\profiles$\anafsb\Downloads\49fa5ef4-30e0-4ed2-acce-193671d0d22b.tmp</t>
  </si>
  <si>
    <t>01/14/2020 06:58:50</t>
  </si>
  <si>
    <t>bce66240-af0d-48d9-826a-fc8bc9350d1b.tmp</t>
  </si>
  <si>
    <t>\\acsfs\profiles$\nayarasds\Downloads\bce66240-af0d-48d9-826a-fc8bc9350d1b.tmp</t>
  </si>
  <si>
    <t>01/14/2020 06:58:41</t>
  </si>
  <si>
    <t>09c8c188-afe6-40a6-acb4-15ec72f7462e.tmp</t>
  </si>
  <si>
    <t>\\acsfs\profiles$\gustavoab\Downloads\09c8c188-afe6-40a6-acb4-15ec72f7462e.tmp</t>
  </si>
  <si>
    <t>01/14/2020 06:56:02</t>
  </si>
  <si>
    <t>01/14/2020 07:01:33</t>
  </si>
  <si>
    <t>2724984e-0b9d-4873-b477-40c56eb8a9ba.tmp</t>
  </si>
  <si>
    <t>\\acsfs\profiles$\cintiadcf\Downloads\2724984e-0b9d-4873-b477-40c56eb8a9ba.tmp</t>
  </si>
  <si>
    <t>01/14/2020 06:59:40</t>
  </si>
  <si>
    <t>01/14/2020 07:02:33</t>
  </si>
  <si>
    <t>01/14/2020 06:59:41</t>
  </si>
  <si>
    <t>01/14/2020 06:59:42</t>
  </si>
  <si>
    <t>01/14/2020 06:59:43</t>
  </si>
  <si>
    <t>01/14/2020 06:59:44</t>
  </si>
  <si>
    <t>01/14/2020 06:59:45</t>
  </si>
  <si>
    <t>01/14/2020 06:59:46</t>
  </si>
  <si>
    <t>01/14/2020 06:59:47</t>
  </si>
  <si>
    <t>01/14/2020 06:59:48</t>
  </si>
  <si>
    <t>01/14/2020 06:59:49</t>
  </si>
  <si>
    <t>01/14/2020 06:59:50</t>
  </si>
  <si>
    <t>01/14/2020 06:59:51</t>
  </si>
  <si>
    <t>01/14/2020 06:59:52</t>
  </si>
  <si>
    <t>01/14/2020 06:59:53</t>
  </si>
  <si>
    <t>01/14/2020 06:59:54</t>
  </si>
  <si>
    <t>01/14/2020 06:59:55</t>
  </si>
  <si>
    <t>01/14/2020 06:59:56</t>
  </si>
  <si>
    <t>01/14/2020 06:59:57</t>
  </si>
  <si>
    <t>01/14/2020 06:59:58</t>
  </si>
  <si>
    <t>01/14/2020 06:59:59</t>
  </si>
  <si>
    <t>01/14/2020 07:00:00</t>
  </si>
  <si>
    <t>01/14/2020 07:00:01</t>
  </si>
  <si>
    <t>01/14/2020 07:00:02</t>
  </si>
  <si>
    <t>01/14/2020 06:58:43</t>
  </si>
  <si>
    <t>01/14/2020 07:04:33</t>
  </si>
  <si>
    <t>a26fc154-f5a4-4634-ad0f-1d2ae7d5f01d.tmp</t>
  </si>
  <si>
    <t>\\acsfs\profiles$\vivianealda\Downloads\a26fc154-f5a4-4634-ad0f-1d2ae7d5f01d.tmp</t>
  </si>
  <si>
    <t>01/14/2020 06:59:32</t>
  </si>
  <si>
    <t>edbd447b-212c-4d7c-9301-7590e04742b2.tmp</t>
  </si>
  <si>
    <t>\\acsfs\profiles$\vivianealda\Downloads\edbd447b-212c-4d7c-9301-7590e04742b2.tmp</t>
  </si>
  <si>
    <t>01/14/2020 07:00:54</t>
  </si>
  <si>
    <t>b664a4c3-4781-4d26-bfe6-a26384c09ac5.tmp</t>
  </si>
  <si>
    <t>\\acsfs\profiles$\vivianealda\Downloads\b664a4c3-4781-4d26-bfe6-a26384c09ac5.tmp</t>
  </si>
  <si>
    <t>01/14/2020 07:02:44</t>
  </si>
  <si>
    <t>c79741d0-f733-4e78-bc95-152cea9ab933.tmp</t>
  </si>
  <si>
    <t>\\acsfs\profiles$\vivianealda\Downloads\c79741d0-f733-4e78-bc95-152cea9ab933.tmp</t>
  </si>
  <si>
    <t>de7a72c2-db1d-4456-b4dd-6f9620ba29ca.tmp</t>
  </si>
  <si>
    <t>\\acsfs\profiles$\anafsb\Downloads\de7a72c2-db1d-4456-b4dd-6f9620ba29ca.tmp</t>
  </si>
  <si>
    <t>01/14/2020 07:00:20</t>
  </si>
  <si>
    <t>5fcfc593-e9fc-474e-8a00-4f61f9efc1a2.tmp</t>
  </si>
  <si>
    <t>\\acsfs\profiles$\anafsb\Downloads\5fcfc593-e9fc-474e-8a00-4f61f9efc1a2.tmp</t>
  </si>
  <si>
    <t>3cff790d-64b7-4d04-ada6-bffa28160751.tmp</t>
  </si>
  <si>
    <t>\\acsfs\profiles$\nayarasds\Downloads\3cff790d-64b7-4d04-ada6-bffa28160751.tmp</t>
  </si>
  <si>
    <t>01/14/2020 07:01:53</t>
  </si>
  <si>
    <t>91d9283a-32b8-4b6f-8a9d-0cd5e1b7ec31.tmp</t>
  </si>
  <si>
    <t>\\acsfs\profiles$\nayarasds\Downloads\91d9283a-32b8-4b6f-8a9d-0cd5e1b7ec31.tmp</t>
  </si>
  <si>
    <t>01/14/2020 07:01:59</t>
  </si>
  <si>
    <t>c0a65754-76f7-426a-b2f3-1a6cd7057763.tmp</t>
  </si>
  <si>
    <t>\\acsfs\profiles$\nayarasds\Downloads\c0a65754-76f7-426a-b2f3-1a6cd7057763.tmp</t>
  </si>
  <si>
    <t>01/14/2020 07:02:42</t>
  </si>
  <si>
    <t>8233f65c-3978-4b13-a79d-f969bebba1bb.tmp</t>
  </si>
  <si>
    <t>\\acsfs\profiles$\nayarasds\Downloads\8233f65c-3978-4b13-a79d-f969bebba1bb.tmp</t>
  </si>
  <si>
    <t>01/14/2020 06:59:37</t>
  </si>
  <si>
    <t>f520c75f-152b-4f08-8635-dfd1eb118c06.tmp</t>
  </si>
  <si>
    <t>\\acsfs\profiles$\gustavoab\Downloads\f520c75f-152b-4f08-8635-dfd1eb118c06.tmp</t>
  </si>
  <si>
    <t>88e13bbd-d59a-4ef8-bb02-93690a6ec13d.tmp</t>
  </si>
  <si>
    <t>\\acsfs\profiles$\gustavoab\Downloads\88e13bbd-d59a-4ef8-bb02-93690a6ec13d.tmp</t>
  </si>
  <si>
    <t>01/14/2020 07:00:30</t>
  </si>
  <si>
    <t>a8c98554-c501-4751-aa8c-4adef497652c.tmp</t>
  </si>
  <si>
    <t>\\acsfs\profiles$\gustavoab\Downloads\a8c98554-c501-4751-aa8c-4adef497652c.tmp</t>
  </si>
  <si>
    <t>01/14/2020 07:07:33</t>
  </si>
  <si>
    <t>01/14/2020 07:03:49</t>
  </si>
  <si>
    <t>\\acsfs\profiles$\gleycekos\Desktop\</t>
  </si>
  <si>
    <t>AJUDAS do dia.txt</t>
  </si>
  <si>
    <t>\\acsfs\profiles$\gleycekos\Desktop\AJUDAS do dia.txt</t>
  </si>
  <si>
    <t>01/14/2020 07:04:09</t>
  </si>
  <si>
    <t>01/14/2020 07:04:22</t>
  </si>
  <si>
    <t>01/14/2020 07:04:26</t>
  </si>
  <si>
    <t>01/14/2020 07:06:17</t>
  </si>
  <si>
    <t>01/14/2020 07:06:18</t>
  </si>
  <si>
    <t>01/14/2020 07:06:19</t>
  </si>
  <si>
    <t>01/14/2020 07:06:20</t>
  </si>
  <si>
    <t>01/14/2020 07:06:21</t>
  </si>
  <si>
    <t>01/14/2020 07:06:22</t>
  </si>
  <si>
    <t>01/14/2020 07:06:24</t>
  </si>
  <si>
    <t>01/14/2020 07:06:25</t>
  </si>
  <si>
    <t>01/14/2020 07:06:26</t>
  </si>
  <si>
    <t>01/14/2020 07:06:27</t>
  </si>
  <si>
    <t>01/14/2020 07:06:28</t>
  </si>
  <si>
    <t>01/14/2020 07:06:29</t>
  </si>
  <si>
    <t>01/14/2020 07:06:30</t>
  </si>
  <si>
    <t>01/14/2020 07:06:31</t>
  </si>
  <si>
    <t>01/14/2020 07:06:32</t>
  </si>
  <si>
    <t>01/14/2020 07:06:33</t>
  </si>
  <si>
    <t>01/14/2020 07:08:33</t>
  </si>
  <si>
    <t>01/14/2020 07:06:34</t>
  </si>
  <si>
    <t>01/14/2020 07:04:56</t>
  </si>
  <si>
    <t>84bd214d-0899-4133-aed5-e2ed974f705e.tmp</t>
  </si>
  <si>
    <t>\\acsfs\profiles$\ALYNYA\Downloads\84bd214d-0899-4133-aed5-e2ed974f705e.tmp</t>
  </si>
  <si>
    <t>01/14/2020 07:06:35</t>
  </si>
  <si>
    <t>01/14/2020 07:09:33</t>
  </si>
  <si>
    <t>01/14/2020 07:04:48</t>
  </si>
  <si>
    <t>bef457c6-cd68-409f-838d-47021f89df40.tmp</t>
  </si>
  <si>
    <t>\\acsfs\profiles$\eduardobb\Downloads\bef457c6-cd68-409f-838d-47021f89df40.tmp</t>
  </si>
  <si>
    <t>01/14/2020 07:06:00</t>
  </si>
  <si>
    <t>c23f004d-5360-41b8-938c-93dff76218a5.tmp</t>
  </si>
  <si>
    <t>\\acsfs\profiles$\eduardobb\Downloads\c23f004d-5360-41b8-938c-93dff76218a5.tmp</t>
  </si>
  <si>
    <t>a53bfb58-a955-453c-9d00-397d5807072e.tmp</t>
  </si>
  <si>
    <t>\\acsfs\profiles$\eduardobb\Downloads\a53bfb58-a955-453c-9d00-397d5807072e.tmp</t>
  </si>
  <si>
    <t>01/14/2020 07:07:31</t>
  </si>
  <si>
    <t>7d18abf0-dbed-425b-b523-dfa2c06ef1c0.tmp</t>
  </si>
  <si>
    <t>\\acsfs\profiles$\eduardobb\Downloads\7d18abf0-dbed-425b-b523-dfa2c06ef1c0.tmp</t>
  </si>
  <si>
    <t>01/14/2020 07:06:36</t>
  </si>
  <si>
    <t>01/14/2020 07:06:37</t>
  </si>
  <si>
    <t>01/14/2020 07:10:33</t>
  </si>
  <si>
    <t>01/14/2020 07:06:38</t>
  </si>
  <si>
    <t>01/14/2020 07:08:26</t>
  </si>
  <si>
    <t>01/14/2020 07:08:28</t>
  </si>
  <si>
    <t>01/14/2020 07:12:33</t>
  </si>
  <si>
    <t>01/14/2020 07:09:22</t>
  </si>
  <si>
    <t>01/14/2020 07:09:23</t>
  </si>
  <si>
    <t>01/14/2020 07:11:17</t>
  </si>
  <si>
    <t>01/14/2020 07:14:33</t>
  </si>
  <si>
    <t>4166bee2-6990-4b78-b253-a367d9ed377e.tmp</t>
  </si>
  <si>
    <t>\\acsfs\profiles$\vivianealda\Downloads\4166bee2-6990-4b78-b253-a367d9ed377e.tmp</t>
  </si>
  <si>
    <t>01/14/2020 07:09:17</t>
  </si>
  <si>
    <t>b6c139be-6b4f-4cd0-a99d-bbafe641639a.tmp</t>
  </si>
  <si>
    <t>\\acsfs\profiles$\eduardobb\Downloads\b6c139be-6b4f-4cd0-a99d-bbafe641639a.tmp</t>
  </si>
  <si>
    <t>01/14/2020 07:11:36</t>
  </si>
  <si>
    <t>01/14/2020 07:15:33</t>
  </si>
  <si>
    <t>mail.google.com/sync/u/0/i/s?hl=pt-BR&amp;c=39</t>
  </si>
  <si>
    <t>01/14/2020 07:11:42</t>
  </si>
  <si>
    <t>01/14/2020 07:11:50</t>
  </si>
  <si>
    <t>01/14/2020 07:11:55</t>
  </si>
  <si>
    <t>01/14/2020 07:12:32</t>
  </si>
  <si>
    <t>01/14/2020 07:13:37</t>
  </si>
  <si>
    <t>01/14/2020 07:14:21</t>
  </si>
  <si>
    <t>01/14/2020 07:14:29</t>
  </si>
  <si>
    <t>mail.google.com/sync/u/0/i/s?hl=pt-BR&amp;c=58</t>
  </si>
  <si>
    <t>01/14/2020 07:14:34</t>
  </si>
  <si>
    <t>mail.google.com/sync/u/0/i/s?hl=pt-BR&amp;c=60</t>
  </si>
  <si>
    <t>01/14/2020 07:14:39</t>
  </si>
  <si>
    <t>01/14/2020 07:10:55</t>
  </si>
  <si>
    <t>01/14/2020 07:16:33</t>
  </si>
  <si>
    <t>01/14/2020 07:06:39</t>
  </si>
  <si>
    <t>01/14/2020 07:06:40</t>
  </si>
  <si>
    <t>01/14/2020 07:06:41</t>
  </si>
  <si>
    <t>01/14/2020 07:13:24</t>
  </si>
  <si>
    <t>01/14/2020 07:13:25</t>
  </si>
  <si>
    <t>01/14/2020 07:13:26</t>
  </si>
  <si>
    <t>01/14/2020 07:13:27</t>
  </si>
  <si>
    <t>01/14/2020 07:13:28</t>
  </si>
  <si>
    <t>01/14/2020 07:13:29</t>
  </si>
  <si>
    <t>01/14/2020 07:13:30</t>
  </si>
  <si>
    <t>01/14/2020 07:13:31</t>
  </si>
  <si>
    <t>01/14/2020 07:13:32</t>
  </si>
  <si>
    <t>01/14/2020 07:13:33</t>
  </si>
  <si>
    <t>01/14/2020 07:13:34</t>
  </si>
  <si>
    <t>01/14/2020 07:13:35</t>
  </si>
  <si>
    <t>01/14/2020 07:13:36</t>
  </si>
  <si>
    <t>01/14/2020 07:13:38</t>
  </si>
  <si>
    <t>01/14/2020 07:13:39</t>
  </si>
  <si>
    <t>01/14/2020 07:13:40</t>
  </si>
  <si>
    <t>01/14/2020 07:13:41</t>
  </si>
  <si>
    <t>01/14/2020 07:13:42</t>
  </si>
  <si>
    <t>01/14/2020 07:13:43</t>
  </si>
  <si>
    <t>01/14/2020 07:13:44</t>
  </si>
  <si>
    <t>01/14/2020 07:14:06</t>
  </si>
  <si>
    <t>01/14/2020 07:18:33</t>
  </si>
  <si>
    <t>01/14/2020 07:14:07</t>
  </si>
  <si>
    <t>lu11748c87h.tmp</t>
  </si>
  <si>
    <t>\\acsfs\profiles$\BRUNAAR\Numero\lu11748c87h.tmp</t>
  </si>
  <si>
    <t>01/14/2020 07:20:33</t>
  </si>
  <si>
    <t>01/14/2020 07:15:17</t>
  </si>
  <si>
    <t>01/14/2020 07:21:33</t>
  </si>
  <si>
    <t>01/14/2020 07:19:11</t>
  </si>
  <si>
    <t>01/14/2020 07:22:33</t>
  </si>
  <si>
    <t>8b9c232a-d66d-4e05-8ada-4431be773cb9.tmp</t>
  </si>
  <si>
    <t>\\acsfs\profiles$\inarajst\Downloads\8b9c232a-d66d-4e05-8ada-4431be773cb9.tmp</t>
  </si>
  <si>
    <t>01/14/2020 07:19:16</t>
  </si>
  <si>
    <t>5261249d-6da2-442e-9b8b-499df1c83c1e.tmp</t>
  </si>
  <si>
    <t>\\acsfs\profiles$\inarajst\Downloads\5261249d-6da2-442e-9b8b-499df1c83c1e.tmp</t>
  </si>
  <si>
    <t>01/14/2020 07:19:38</t>
  </si>
  <si>
    <t>d82bb934-c994-46c1-af8e-dc8e3fcbeac5.tmp</t>
  </si>
  <si>
    <t>\\acsfs\profiles$\inarajst\Downloads\d82bb934-c994-46c1-af8e-dc8e3fcbeac5.tmp</t>
  </si>
  <si>
    <t>01/14/2020 07:20:00</t>
  </si>
  <si>
    <t>fd740208-3644-494b-b4a9-081bda296f2f.tmp</t>
  </si>
  <si>
    <t>\\acsfs\profiles$\inarajst\Downloads\fd740208-3644-494b-b4a9-081bda296f2f.tmp</t>
  </si>
  <si>
    <t>01/14/2020 07:21:32</t>
  </si>
  <si>
    <t>e9774937-c9ee-4b97-b913-34b2c49dbf01.tmp</t>
  </si>
  <si>
    <t>\\acsfs\profiles$\inarajst\Downloads\e9774937-c9ee-4b97-b913-34b2c49dbf01.tmp</t>
  </si>
  <si>
    <t>01/14/2020 07:19:08</t>
  </si>
  <si>
    <t>01/14/2020 07:23:33</t>
  </si>
  <si>
    <t>01/14/2020 07:20:03</t>
  </si>
  <si>
    <t>01/14/2020 07:26:34</t>
  </si>
  <si>
    <t>01/14/2020 07:25:32</t>
  </si>
  <si>
    <t>0ef3cc02-9596-4773-af3f-a8199944234c.tmp</t>
  </si>
  <si>
    <t>\\acsfs\profiles$\sarahbal\Downloads\0ef3cc02-9596-4773-af3f-a8199944234c.tmp</t>
  </si>
  <si>
    <t>01/14/2020 07:27:33</t>
  </si>
  <si>
    <t>01/14/2020 07:23:17</t>
  </si>
  <si>
    <t>4758d65f-0cb3-46ab-99b9-d113b7651835.tmp</t>
  </si>
  <si>
    <t>\\acsfs\profiles$\inarajst\Downloads\4758d65f-0cb3-46ab-99b9-d113b7651835.tmp</t>
  </si>
  <si>
    <t>01/14/2020 07:28:33</t>
  </si>
  <si>
    <t>01/13/2020 14:50:38</t>
  </si>
  <si>
    <t>01/14/2020 07:27:42</t>
  </si>
  <si>
    <t>01/14/2020 07:28:38</t>
  </si>
  <si>
    <t>01/14/2020 07:30:33</t>
  </si>
  <si>
    <t>01/14/2020 07:28:39</t>
  </si>
  <si>
    <t>01/14/2020 07:28:40</t>
  </si>
  <si>
    <t>01/14/2020 07:28:41</t>
  </si>
  <si>
    <t>01/14/2020 07:28:42</t>
  </si>
  <si>
    <t>01/14/2020 07:28:43</t>
  </si>
  <si>
    <t>01/14/2020 07:28:44</t>
  </si>
  <si>
    <t>01/14/2020 07:28:45</t>
  </si>
  <si>
    <t>01/14/2020 07:28:46</t>
  </si>
  <si>
    <t>01/14/2020 07:28:47</t>
  </si>
  <si>
    <t>01/14/2020 07:28:48</t>
  </si>
  <si>
    <t>01/14/2020 07:28:49</t>
  </si>
  <si>
    <t>01/14/2020 07:28:50</t>
  </si>
  <si>
    <t>01/14/2020 07:28:51</t>
  </si>
  <si>
    <t>01/14/2020 07:28:52</t>
  </si>
  <si>
    <t>01/14/2020 07:28:53</t>
  </si>
  <si>
    <t>01/14/2020 07:28:54</t>
  </si>
  <si>
    <t>01/14/2020 07:28:55</t>
  </si>
  <si>
    <t>01/14/2020 07:28:56</t>
  </si>
  <si>
    <t>01/14/2020 07:28:57</t>
  </si>
  <si>
    <t>01/14/2020 07:28:58</t>
  </si>
  <si>
    <t>01/14/2020 07:28:59</t>
  </si>
  <si>
    <t>c1894d7a-1f8d-4689-877d-1f650cf5e672.tmp</t>
  </si>
  <si>
    <t>\\acsfs\profiles$\mariajra\Downloads\c1894d7a-1f8d-4689-877d-1f650cf5e672.tmp</t>
  </si>
  <si>
    <t>468c2b1e-d8e1-46eb-a314-bfdbb7a1cd1f.tmp</t>
  </si>
  <si>
    <t>\\acsfs\profiles$\mariajra\Downloads\468c2b1e-d8e1-46eb-a314-bfdbb7a1cd1f.tmp</t>
  </si>
  <si>
    <t>01/14/2020 07:31:33</t>
  </si>
  <si>
    <t>01/14/2020 07:26:00</t>
  </si>
  <si>
    <t>04f4decf-00a5-4820-959d-63f80e87ef48.tmp</t>
  </si>
  <si>
    <t>\\acsfs\profiles$\sarahbal\Downloads\04f4decf-00a5-4820-959d-63f80e87ef48.tmp</t>
  </si>
  <si>
    <t>01/14/2020 07:26:49</t>
  </si>
  <si>
    <t>5187b2c1-1e71-4bb5-832a-bd2fa0067a6d.tmp</t>
  </si>
  <si>
    <t>\\acsfs\profiles$\sarahbal\Downloads\5187b2c1-1e71-4bb5-832a-bd2fa0067a6d.tmp</t>
  </si>
  <si>
    <t>01/14/2020 07:27:03</t>
  </si>
  <si>
    <t>c641bdb8-9b62-4309-a750-8ab1158a8519.tmp</t>
  </si>
  <si>
    <t>\\acsfs\profiles$\sarahbal\Downloads\c641bdb8-9b62-4309-a750-8ab1158a8519.tmp</t>
  </si>
  <si>
    <t>01/14/2020 07:27:25</t>
  </si>
  <si>
    <t>b748a32a-2668-4c31-9cda-7b5b191851fe.tmp</t>
  </si>
  <si>
    <t>\\acsfs\profiles$\sarahbal\Downloads\b748a32a-2668-4c31-9cda-7b5b191851fe.tmp</t>
  </si>
  <si>
    <t>01/14/2020 07:32:30</t>
  </si>
  <si>
    <t>01/14/2020 07:33:34</t>
  </si>
  <si>
    <t>2d479109-e967-49ec-8996-481b7080d438.tmp</t>
  </si>
  <si>
    <t>\\acsfs\profiles$\ERICALSR\Downloads\2d479109-e967-49ec-8996-481b7080d438.tmp</t>
  </si>
  <si>
    <t>01/14/2020 07:33:21</t>
  </si>
  <si>
    <t>6442e4b7-e16c-4589-aeaf-f451d6d8702f.tmp</t>
  </si>
  <si>
    <t>\\acsfs\profiles$\ERICALSR\Downloads\6442e4b7-e16c-4589-aeaf-f451d6d8702f.tmp</t>
  </si>
  <si>
    <t>01/14/2020 07:34:33</t>
  </si>
  <si>
    <t>01/14/2020 07:32:01</t>
  </si>
  <si>
    <t>dhiulliananads</t>
  </si>
  <si>
    <t>\\acsfs\profiles$\dhiulliananads\My Documents\My Pictures\</t>
  </si>
  <si>
    <t>\\acsfs\profiles$\dhiulliananads\My Documents\My Videos\desktop.ini</t>
  </si>
  <si>
    <t>01/14/2020 07:32:03</t>
  </si>
  <si>
    <t>\\acsfs\profiles$\dhiulliananads\My Documents\My Videos\</t>
  </si>
  <si>
    <t>01/14/2020 07:32:05</t>
  </si>
  <si>
    <t>01/14/2020 07:32:06</t>
  </si>
  <si>
    <t>01/14/2020 07:32:10</t>
  </si>
  <si>
    <t>01/14/2020 07:32:11</t>
  </si>
  <si>
    <t>\\acsfs\profiles$\dhiulliananads\My Documents\My Music\</t>
  </si>
  <si>
    <t>\\acsfs\profiles$\dhiulliananads\My Documents\My Pictures\desktop.ini</t>
  </si>
  <si>
    <t>01/14/2020 07:32:12</t>
  </si>
  <si>
    <t>01/14/2020 07:32:13</t>
  </si>
  <si>
    <t>01/14/2020 07:32:14</t>
  </si>
  <si>
    <t>01/14/2020 07:32:15</t>
  </si>
  <si>
    <t>01/14/2020 07:32:19</t>
  </si>
  <si>
    <t>\\acsfs\profiles$\dhiulliananads\Contacts\</t>
  </si>
  <si>
    <t>\\acsfs\profiles$\dhiulliananads\Contacts\desktop.ini</t>
  </si>
  <si>
    <t>01/14/2020 07:32:21</t>
  </si>
  <si>
    <t>01/14/2020 07:32:22</t>
  </si>
  <si>
    <t>01/14/2020 07:32:26</t>
  </si>
  <si>
    <t>01/14/2020 07:32:27</t>
  </si>
  <si>
    <t>\\acsfs\profiles$\dhiulliananads\My Documents\</t>
  </si>
  <si>
    <t>\\acsfs\profiles$\dhiulliananads\Favorites\desktop.ini</t>
  </si>
  <si>
    <t>01/14/2020 07:32:29</t>
  </si>
  <si>
    <t>01/14/2020 07:32:31</t>
  </si>
  <si>
    <t>01/14/2020 07:32:34</t>
  </si>
  <si>
    <t>01/14/2020 07:32:35</t>
  </si>
  <si>
    <t>01/14/2020 07:32:36</t>
  </si>
  <si>
    <t>\\acsfs\profiles$\dhiulliananads\My Documents\My Music\desktop.ini</t>
  </si>
  <si>
    <t>01/14/2020 07:32:38</t>
  </si>
  <si>
    <t>01/14/2020 07:32:39</t>
  </si>
  <si>
    <t>01/14/2020 07:32:40</t>
  </si>
  <si>
    <t>01/14/2020 07:32:41</t>
  </si>
  <si>
    <t>\\acsfs\profiles$\dhiulliananads\Searches\</t>
  </si>
  <si>
    <t>\\acsfs\profiles$\dhiulliananads\Searches\desktop.ini</t>
  </si>
  <si>
    <t>01/14/2020 07:32:42</t>
  </si>
  <si>
    <t>01/14/2020 07:32:43</t>
  </si>
  <si>
    <t>01/14/2020 07:32:44</t>
  </si>
  <si>
    <t>\\acsfs\profiles$\dhiulliananads\Downloads\</t>
  </si>
  <si>
    <t>\\acsfs\profiles$\dhiulliananads\Downloads\desktop.ini</t>
  </si>
  <si>
    <t>01/14/2020 07:32:45</t>
  </si>
  <si>
    <t>01/14/2020 07:32:46</t>
  </si>
  <si>
    <t>\\acsfs\profiles$\dhiulliananads\Favorites\</t>
  </si>
  <si>
    <t>\\acsfs\profiles$\dhiulliananads\My Documents\desktop.ini</t>
  </si>
  <si>
    <t>01/14/2020 07:32:47</t>
  </si>
  <si>
    <t>01/14/2020 07:32:48</t>
  </si>
  <si>
    <t>01/14/2020 07:32:49</t>
  </si>
  <si>
    <t>01/14/2020 07:32:50</t>
  </si>
  <si>
    <t>01/14/2020 07:32:51</t>
  </si>
  <si>
    <t>\\acsfs\profiles$\dhiulliananads\Saved Games\desktop.ini</t>
  </si>
  <si>
    <t>01/14/2020 07:32:53</t>
  </si>
  <si>
    <t>01/14/2020 07:36:33</t>
  </si>
  <si>
    <t>01/14/2020 07:35:49</t>
  </si>
  <si>
    <t>01/14/2020 07:37:33</t>
  </si>
  <si>
    <t>01/14/2020 07:34:43</t>
  </si>
  <si>
    <t>01/14/2020 07:38:33</t>
  </si>
  <si>
    <t>dd4de8ec-cf08-4125-a3da-ab19cfde8416.tmp</t>
  </si>
  <si>
    <t>\\acsfs\profiles$\ERICALSR\Downloads\dd4de8ec-cf08-4125-a3da-ab19cfde8416.tmp</t>
  </si>
  <si>
    <t>01/14/2020 07:39:33</t>
  </si>
  <si>
    <t>01/14/2020 07:35:03</t>
  </si>
  <si>
    <t>7668d397-57ec-4047-86cf-709d1e83e552.tmp</t>
  </si>
  <si>
    <t>\\acsfs\profiles$\dhiulliananads\Downloads\7668d397-57ec-4047-86cf-709d1e83e552.tmp</t>
  </si>
  <si>
    <t>01/14/2020 07:35:27</t>
  </si>
  <si>
    <t>346a548a-7dc9-4169-b413-f6ff3694e485.tmp</t>
  </si>
  <si>
    <t>\\acsfs\profiles$\dhiulliananads\Downloads\346a548a-7dc9-4169-b413-f6ff3694e485.tmp</t>
  </si>
  <si>
    <t>01/14/2020 07:37:58</t>
  </si>
  <si>
    <t>f918a799-c3b7-43dd-988f-136d826d0a9f.tmp</t>
  </si>
  <si>
    <t>\\acsfs\profiles$\dhiulliananads\Downloads\f918a799-c3b7-43dd-988f-136d826d0a9f.tmp</t>
  </si>
  <si>
    <t>01/14/2020 07:41:33</t>
  </si>
  <si>
    <t>01/14/2020 07:40:16</t>
  </si>
  <si>
    <t>https://udpmailboxap01.acs.com.br:8443/h/search?si=0&amp;so=0&amp;sc=72183&amp;sfi=2&amp;st=conversation&amp;action=compose</t>
  </si>
  <si>
    <t>01/14/2020 07:44:33</t>
  </si>
  <si>
    <t>01/14/2020 07:41:28</t>
  </si>
  <si>
    <t>01/14/2020 07:46:33</t>
  </si>
  <si>
    <t>01/14/2020 07:41:46</t>
  </si>
  <si>
    <t>01/14/2020 07:42:16</t>
  </si>
  <si>
    <t>01/14/2020 07:42:46</t>
  </si>
  <si>
    <t>01/14/2020 07:43:16</t>
  </si>
  <si>
    <t>01/14/2020 07:43:46</t>
  </si>
  <si>
    <t>01/14/2020 07:47:33</t>
  </si>
  <si>
    <t>01/14/2020 07:42:15</t>
  </si>
  <si>
    <t>a4f84cdc-f0af-4b9f-a63e-585a08f4a1b5.tmp</t>
  </si>
  <si>
    <t>\\acsfs\profiles$\antoniosva\Downloads\a4f84cdc-f0af-4b9f-a63e-585a08f4a1b5.tmp</t>
  </si>
  <si>
    <t>01/14/2020 07:44:14</t>
  </si>
  <si>
    <t>2bf3fc07-d9cc-477a-b7a1-163d5979038a.tmp</t>
  </si>
  <si>
    <t>\\acsfs\profiles$\antoniosva\Downloads\2bf3fc07-d9cc-477a-b7a1-163d5979038a.tmp</t>
  </si>
  <si>
    <t>01/14/2020 07:44:52</t>
  </si>
  <si>
    <t>af652b1e-e724-4c57-aab5-654854e9a154.tmp</t>
  </si>
  <si>
    <t>\\acsfs\profiles$\antoniosva\Downloads\af652b1e-e724-4c57-aab5-654854e9a154.tmp</t>
  </si>
  <si>
    <t>01/14/2020 07:46:34</t>
  </si>
  <si>
    <t>3f29d0b0-4930-4de2-9116-13abcb145a04.tmp</t>
  </si>
  <si>
    <t>\\acsfs\profiles$\antoniosva\Downloads\3f29d0b0-4930-4de2-9116-13abcb145a04.tmp</t>
  </si>
  <si>
    <t>01/14/2020 07:46:15</t>
  </si>
  <si>
    <t>a47222b6-7ec8-4fd0-94c7-328af28f43c4.tmp</t>
  </si>
  <si>
    <t>\\acsfs\profiles$\geovannasm\Downloads\a47222b6-7ec8-4fd0-94c7-328af28f43c4.tmp</t>
  </si>
  <si>
    <t>ac91c54c-666a-4512-a0c6-595bed171e51.tmp</t>
  </si>
  <si>
    <t>\\acsfs\profiles$\geovannasm\Downloads\ac91c54c-666a-4512-a0c6-595bed171e51.tmp</t>
  </si>
  <si>
    <t>01/14/2020 07:46:19</t>
  </si>
  <si>
    <t>feade4a2-38ad-4741-bad5-bd54650d3fa4.tmp</t>
  </si>
  <si>
    <t>\\acsfs\profiles$\geovannasm\Downloads\feade4a2-38ad-4741-bad5-bd54650d3fa4.tmp</t>
  </si>
  <si>
    <t>01/14/2020 07:48:33</t>
  </si>
  <si>
    <t>01/14/2020 07:44:49</t>
  </si>
  <si>
    <t>28fba57e-9973-443e-a727-e9d732a0e0d7.tmp</t>
  </si>
  <si>
    <t>\\acsfs\profiles$\ERICALSR\Downloads\28fba57e-9973-443e-a727-e9d732a0e0d7.tmp</t>
  </si>
  <si>
    <t>01/14/2020 07:50:33</t>
  </si>
  <si>
    <t>01/14/2020 07:48:57</t>
  </si>
  <si>
    <t>01/14/2020 07:49:03</t>
  </si>
  <si>
    <t>01/14/2020 07:49:16</t>
  </si>
  <si>
    <t>01/14/2020 07:49:23</t>
  </si>
  <si>
    <t>01/14/2020 07:49:27</t>
  </si>
  <si>
    <t>01/14/2020 07:49:33</t>
  </si>
  <si>
    <t>01/14/2020 07:50:01</t>
  </si>
  <si>
    <t>joaogvc@algartech.com;katia.cardoso@bv.com.br;marianadjc@algartech.com;rafaelggs@algartech.com;taysdss@algartech.com;viniciussg@algartech.com;</t>
  </si>
  <si>
    <t>joaogvc@algartech.com,katia.cardoso@bv.com.br,marianadjc@algartech.com,rafaelggs@algartech.com,taysdss@algartech.com,viniciussg@algartech.com</t>
  </si>
  <si>
    <t>01/14/2020 07:51:34</t>
  </si>
  <si>
    <t>01/14/2020 07:47:39</t>
  </si>
  <si>
    <t>01/14/2020 07:52:33</t>
  </si>
  <si>
    <t>27ed8d68-c82e-4305-bf95-0c064e18cc97.tmp</t>
  </si>
  <si>
    <t>\\acsfs\profiles$\luanarda\Downloads\27ed8d68-c82e-4305-bf95-0c064e18cc97.tmp</t>
  </si>
  <si>
    <t>01/14/2020 07:48:54</t>
  </si>
  <si>
    <t>01/14/2020 07:48:00</t>
  </si>
  <si>
    <t>18319c12-07f4-4405-af43-d02484925201.tmp</t>
  </si>
  <si>
    <t>\\acsfs\profiles$\antoniosva\Downloads\18319c12-07f4-4405-af43-d02484925201.tmp</t>
  </si>
  <si>
    <t>01/14/2020 07:48:14</t>
  </si>
  <si>
    <t>7fa602a4-f035-477d-a42d-03ce120d18ea.tmp</t>
  </si>
  <si>
    <t>\\acsfs\profiles$\danielac\Downloads\7fa602a4-f035-477d-a42d-03ce120d18ea.tmp</t>
  </si>
  <si>
    <t>01/14/2020 07:50:58</t>
  </si>
  <si>
    <t>a7fcbb9d-ed01-426a-a2f8-b20770e6382d.tmp</t>
  </si>
  <si>
    <t>\\acsfs\profiles$\danielac\Downloads\a7fcbb9d-ed01-426a-a2f8-b20770e6382d.tmp</t>
  </si>
  <si>
    <t>01/14/2020 07:48:45</t>
  </si>
  <si>
    <t>aeae8133-55c4-4a51-a270-d9354bfe9726.tmp</t>
  </si>
  <si>
    <t>\\acsfs\profiles$\geovannasm\Downloads\aeae8133-55c4-4a51-a270-d9354bfe9726.tmp</t>
  </si>
  <si>
    <t>01/14/2020 07:51:25</t>
  </si>
  <si>
    <t>01/14/2020 07:54:33</t>
  </si>
  <si>
    <t>01/14/2020 07:53:38</t>
  </si>
  <si>
    <t>mail.google.com/sync/u/0/i/s?hl=pt-BR&amp;c=498</t>
  </si>
  <si>
    <t>01/14/2020 07:53:42</t>
  </si>
  <si>
    <t>01/14/2020 07:49:44</t>
  </si>
  <si>
    <t>df96fc8b-a320-40f3-9001-d71b7adfd387.tmp</t>
  </si>
  <si>
    <t>\\acsfs\profiles$\leticiala\Downloads\df96fc8b-a320-40f3-9001-d71b7adfd387.tmp</t>
  </si>
  <si>
    <t>01/14/2020 07:49:47</t>
  </si>
  <si>
    <t>c0e7ed92-0954-46da-adb3-036a00194c79.tmp</t>
  </si>
  <si>
    <t>\\acsfs\profiles$\leticiala\Downloads\c0e7ed92-0954-46da-adb3-036a00194c79.tmp</t>
  </si>
  <si>
    <t>01/14/2020 07:51:10</t>
  </si>
  <si>
    <t>e581f814-1340-4a94-97a7-e101d092f113.tmp</t>
  </si>
  <si>
    <t>\\acsfs\profiles$\leticiala\Downloads\e581f814-1340-4a94-97a7-e101d092f113.tmp</t>
  </si>
  <si>
    <t>01/14/2020 07:50:35</t>
  </si>
  <si>
    <t>01/14/2020 07:55:34</t>
  </si>
  <si>
    <t>01/14/2020 07:50:40</t>
  </si>
  <si>
    <t>01/14/2020 07:50:53</t>
  </si>
  <si>
    <t>01/14/2020 07:51:00</t>
  </si>
  <si>
    <t>01/14/2020 07:51:12</t>
  </si>
  <si>
    <t>01/14/2020 07:51:17</t>
  </si>
  <si>
    <t>01/14/2020 07:56:33</t>
  </si>
  <si>
    <t>01/14/2020 07:52:28</t>
  </si>
  <si>
    <t>01/14/2020 07:57:33</t>
  </si>
  <si>
    <t>lu1802411gr7m.tmp</t>
  </si>
  <si>
    <t>\\acsfs\profiles$\luanarda\lu1802411gr7m.tmp</t>
  </si>
  <si>
    <t>\\acsfs\profiles$\luanarda\lu1802411gr7m.tmp\</t>
  </si>
  <si>
    <t>\\acsfs\profiles$\luanarda\lu1802411gr7m.tmp\META-INF\</t>
  </si>
  <si>
    <t>01/14/2020 07:52:29</t>
  </si>
  <si>
    <t>\\acsfs\profiles$\luanarda\lu1802411gr7m.tmp\Thumbnails\</t>
  </si>
  <si>
    <t>01/14/2020 07:52:42</t>
  </si>
  <si>
    <t>01/14/2020 07:53:13</t>
  </si>
  <si>
    <t>\\acsfs\profiles$\luanarda\.~lock.VENDAS.ods#</t>
  </si>
  <si>
    <t>01/14/2020 07:53:53</t>
  </si>
  <si>
    <t>01/14/2020 07:54:45</t>
  </si>
  <si>
    <t>abccf398-0345-4f68-8890-900010bfaccd.tmp</t>
  </si>
  <si>
    <t>\\acsfs\profiles$\luanarda\Downloads\abccf398-0345-4f68-8890-900010bfaccd.tmp</t>
  </si>
  <si>
    <t>01/14/2020 07:54:18</t>
  </si>
  <si>
    <t>428f6afa-bfde-4f6e-97ee-0ba79e161637.tmp</t>
  </si>
  <si>
    <t>\\acsfs\profiles$\geovannasm\Downloads\428f6afa-bfde-4f6e-97ee-0ba79e161637.tmp</t>
  </si>
  <si>
    <t>01/13/2020 18:58:37</t>
  </si>
  <si>
    <t>01/14/2020 07:58:33</t>
  </si>
  <si>
    <t>\\acsfs\profiles$\FERNANDOFS\</t>
  </si>
  <si>
    <t>Novo Documento de Texto.txt</t>
  </si>
  <si>
    <t>\\acsfs\profiles$\FERNANDOFS\Novo Documento de Texto.txt</t>
  </si>
  <si>
    <t>01/14/2020 07:56:35</t>
  </si>
  <si>
    <t>01/14/2020 07:59:33</t>
  </si>
  <si>
    <t>96438886-399e-4db0-a02b-70ed04283f55.tmp</t>
  </si>
  <si>
    <t>\\acsfs\profiles$\marcellewdl\Downloads\96438886-399e-4db0-a02b-70ed04283f55.tmp</t>
  </si>
  <si>
    <t>01/14/2020 07:57:41</t>
  </si>
  <si>
    <t>11d01204-99e5-4ee0-ac10-3fc9122df4d2.tmp</t>
  </si>
  <si>
    <t>\\acsfs\profiles$\marcellewdl\Downloads\11d01204-99e5-4ee0-ac10-3fc9122df4d2.tmp</t>
  </si>
  <si>
    <t>01/14/2020 07:57:58</t>
  </si>
  <si>
    <t>14bf4a4b-8c08-4bf4-ac5f-8c75901804cc.tmp</t>
  </si>
  <si>
    <t>\\acsfs\profiles$\marcellewdl\Downloads\14bf4a4b-8c08-4bf4-ac5f-8c75901804cc.tmp</t>
  </si>
  <si>
    <t>01/14/2020 07:58:25</t>
  </si>
  <si>
    <t>4ba41407-e1f2-49ce-b94e-bcd5bb420579.tmp</t>
  </si>
  <si>
    <t>\\acsfs\profiles$\vivianealda\Downloads\4ba41407-e1f2-49ce-b94e-bcd5bb420579.tmp</t>
  </si>
  <si>
    <t>01/14/2020 07:53:49</t>
  </si>
  <si>
    <t>01/14/2020 07:53:58</t>
  </si>
  <si>
    <t>01/14/2020 07:54:14</t>
  </si>
  <si>
    <t>01/14/2020 07:54:47</t>
  </si>
  <si>
    <t>mail.google.com/sync/u/0/i/s?hl=pt-BR&amp;c=511</t>
  </si>
  <si>
    <t>01/14/2020 07:54:58</t>
  </si>
  <si>
    <t>mail.google.com/sync/u/0/i/s?hl=pt-BR&amp;c=514</t>
  </si>
  <si>
    <t>01/14/2020 07:55:04</t>
  </si>
  <si>
    <t>mail.google.com/sync/u/0/i/s?hl=pt-BR&amp;c=516</t>
  </si>
  <si>
    <t>01/14/2020 07:55:19</t>
  </si>
  <si>
    <t>mail.google.com/sync/u/0/i/s?hl=pt-BR&amp;c=518</t>
  </si>
  <si>
    <t>01/14/2020 07:56:03</t>
  </si>
  <si>
    <t>mail.google.com/sync/u/0/i/s?hl=pt-BR&amp;c=521</t>
  </si>
  <si>
    <t>01/14/2020 07:56:06</t>
  </si>
  <si>
    <t>mail.google.com/sync/u/0/i/s?hl=pt-BR&amp;c=523</t>
  </si>
  <si>
    <t>01/14/2020 07:56:10</t>
  </si>
  <si>
    <t>mail.google.com/sync/u/0/i/s?hl=pt-BR&amp;c=525</t>
  </si>
  <si>
    <t>01/14/2020 07:56:21</t>
  </si>
  <si>
    <t>mail.google.com/sync/u/0/i/s?hl=pt-BR&amp;c=527</t>
  </si>
  <si>
    <t>01/14/2020 07:56:26</t>
  </si>
  <si>
    <t>mail.google.com/sync/u/0/i/s?hl=pt-BR&amp;c=529</t>
  </si>
  <si>
    <t>01/14/2020 07:56:41</t>
  </si>
  <si>
    <t>01/14/2020 07:56:44</t>
  </si>
  <si>
    <t>01/14/2020 07:56:49</t>
  </si>
  <si>
    <t>01/14/2020 07:57:02</t>
  </si>
  <si>
    <t>01/14/2020 07:57:59</t>
  </si>
  <si>
    <t>mail.google.com/sync/u/0/i/s?hl=pt-BR&amp;c=555</t>
  </si>
  <si>
    <t>01/14/2020 07:58:08</t>
  </si>
  <si>
    <t>01/14/2020 07:58:18</t>
  </si>
  <si>
    <t>01/14/2020 07:58:37</t>
  </si>
  <si>
    <t>01/14/2020 07:56:47</t>
  </si>
  <si>
    <t>4a5bd41f-5fca-4615-ae83-a36f2415d861.tmp</t>
  </si>
  <si>
    <t>\\acsfs\profiles$\THYAGOSP\Downloads\4a5bd41f-5fca-4615-ae83-a36f2415d861.tmp</t>
  </si>
  <si>
    <t>01/14/2020 07:55:49</t>
  </si>
  <si>
    <t>01/14/2020 08:00:33</t>
  </si>
  <si>
    <t>\\acsfs\DEPTOS\Operacao\PCP\5 - Comum\PLANEJAMENTO BV\14 - ACOMPANHAMENTO\1 - REPORT ACOMPANHAMENTO\2020\1 - JANEIRO\CARTÕES\</t>
  </si>
  <si>
    <t>Range.xlsx</t>
  </si>
  <si>
    <t>\\acsfs\DEPTOS\Operacao\PCP\5 - Comum\PLANEJAMENTO BV\14 - ACOMPANHAMENTO\1 - REPORT ACOMPANHAMENTO\2020\1 - JANEIRO\CARTÕES\Range.xlsx</t>
  </si>
  <si>
    <t>01/14/2020 07:58:45</t>
  </si>
  <si>
    <t>01/14/2020 07:59:03</t>
  </si>
  <si>
    <t>01/14/2020 07:59:08</t>
  </si>
  <si>
    <t>01/14/2020 07:59:10</t>
  </si>
  <si>
    <t>01/14/2020 07:59:21</t>
  </si>
  <si>
    <t>01/14/2020 07:59:45</t>
  </si>
  <si>
    <t>01/14/2020 07:59:51</t>
  </si>
  <si>
    <t>01/14/2020 08:00:17</t>
  </si>
  <si>
    <t>mail.google.com/sync/u/0/i/s?hl=pt-BR&amp;c=160</t>
  </si>
  <si>
    <t>18419581-7c78-4529-8000-082634dcaae0.tmp</t>
  </si>
  <si>
    <t>\\acsfs\profiles$\mariajra\Downloads\18419581-7c78-4529-8000-082634dcaae0.tmp</t>
  </si>
  <si>
    <t>01/14/2020 07:59:59</t>
  </si>
  <si>
    <t>ee50271a-c966-4ff9-8763-1f4813e2e05f.tmp</t>
  </si>
  <si>
    <t>\\acsfs\profiles$\ANAPDSB\Downloads\ee50271a-c966-4ff9-8763-1f4813e2e05f.tmp</t>
  </si>
  <si>
    <t>01/14/2020 08:00:05</t>
  </si>
  <si>
    <t>01/14/2020 08:01:34</t>
  </si>
  <si>
    <t>01/14/2020 07:56:16</t>
  </si>
  <si>
    <t>01/14/2020 07:56:46</t>
  </si>
  <si>
    <t>01/14/2020 07:59:16</t>
  </si>
  <si>
    <t>01/14/2020 08:00:16</t>
  </si>
  <si>
    <t>01/14/2020 07:58:38</t>
  </si>
  <si>
    <t>c4fc180f-a374-47ab-a85e-9a71adb830ae.tmp</t>
  </si>
  <si>
    <t>\\acsfs\profiles$\RAFAELRF\Downloads\c4fc180f-a374-47ab-a85e-9a71adb830ae.tmp</t>
  </si>
  <si>
    <t>01/14/2020 07:59:25</t>
  </si>
  <si>
    <t>501c000b-853b-4958-8fd0-74aa9c2ac551.tmp</t>
  </si>
  <si>
    <t>\\acsfs\profiles$\RAFAELRF\Downloads\501c000b-853b-4958-8fd0-74aa9c2ac551.tmp</t>
  </si>
  <si>
    <t>01/13/2020 17:31:23</t>
  </si>
  <si>
    <t>10.200.66.57</t>
  </si>
  <si>
    <t>74-86-7A-FD-D2-20</t>
  </si>
  <si>
    <t>VOTORANT-VB014</t>
  </si>
  <si>
    <t>jessicafc</t>
  </si>
  <si>
    <t>\\acsfs\profiles$\JESSICAFC\ajuda\</t>
  </si>
  <si>
    <t>ajuda.txt</t>
  </si>
  <si>
    <t>\\acsfs\profiles$\JESSICAFC\ajuda\ajuda.txt</t>
  </si>
  <si>
    <t>01/14/2020 07:56:27</t>
  </si>
  <si>
    <t>e57e8e3f-d7b9-49f5-b905-da6fcc77e921.tmp</t>
  </si>
  <si>
    <t>\\acsfs\profiles$\sarahbal\Downloads\e57e8e3f-d7b9-49f5-b905-da6fcc77e921.tmp</t>
  </si>
  <si>
    <t>01/14/2020 07:59:00</t>
  </si>
  <si>
    <t>01/14/2020 08:02:34</t>
  </si>
  <si>
    <t>8666bfa5-2c4a-4221-b707-7affff41150e.tmp</t>
  </si>
  <si>
    <t>\\acsfs\profiles$\vivianalds\Downloads\8666bfa5-2c4a-4221-b707-7affff41150e.tmp</t>
  </si>
  <si>
    <t>01/14/2020 08:00:21</t>
  </si>
  <si>
    <t>ea2468b6-939e-4211-8338-5718ab5e8c60.tmp</t>
  </si>
  <si>
    <t>\\acsfs\profiles$\vivianalds\Downloads\ea2468b6-939e-4211-8338-5718ab5e8c60.tmp</t>
  </si>
  <si>
    <t>01/14/2020 07:57:56</t>
  </si>
  <si>
    <t>01/14/2020 08:03:34</t>
  </si>
  <si>
    <t>2852f8c9-114b-43d7-969b-00aa6b390a3a.tmp</t>
  </si>
  <si>
    <t>\\acsfs\profiles$\wenderbnm\Downloads\2852f8c9-114b-43d7-969b-00aa6b390a3a.tmp</t>
  </si>
  <si>
    <t>01/14/2020 07:58:51</t>
  </si>
  <si>
    <t>13cb632f-3ac6-4f1f-8724-4a6f53a31e4a.tmp</t>
  </si>
  <si>
    <t>\\acsfs\profiles$\wenderbnm\Downloads\13cb632f-3ac6-4f1f-8724-4a6f53a31e4a.tmp</t>
  </si>
  <si>
    <t>362635c4-5e14-4f65-9be8-4771f1a8da7d.tmp</t>
  </si>
  <si>
    <t>\\acsfs\profiles$\rafaelahpn\Downloads\362635c4-5e14-4f65-9be8-4771f1a8da7d.tmp</t>
  </si>
  <si>
    <t>01/14/2020 08:04:35</t>
  </si>
  <si>
    <t>01/14/2020 08:00:59</t>
  </si>
  <si>
    <t>ad718d33-4f57-42bc-9fd8-5e061b813d3f.tmp</t>
  </si>
  <si>
    <t>\\acsfs\profiles$\vivianealda\Downloads\ad718d33-4f57-42bc-9fd8-5e061b813d3f.tmp</t>
  </si>
  <si>
    <t>01/14/2020 07:58:57</t>
  </si>
  <si>
    <t>mail.google.com/sync/u/0/i/s?hl=pt-BR&amp;c=565</t>
  </si>
  <si>
    <t>01/14/2020 07:59:01</t>
  </si>
  <si>
    <t>mail.google.com/sync/u/0/i/s?hl=pt-BR&amp;c=567</t>
  </si>
  <si>
    <t>01/14/2020 07:59:04</t>
  </si>
  <si>
    <t>mail.google.com/sync/u/0/i/s?hl=pt-BR&amp;c=569</t>
  </si>
  <si>
    <t>01/14/2020 07:59:13</t>
  </si>
  <si>
    <t>mail.google.com/sync/u/0/i/s?hl=pt-BR&amp;c=577</t>
  </si>
  <si>
    <t>01/14/2020 08:01:02</t>
  </si>
  <si>
    <t>01/14/2020 08:01:04</t>
  </si>
  <si>
    <t>01/14/2020 08:01:10</t>
  </si>
  <si>
    <t>01/14/2020 08:01:18</t>
  </si>
  <si>
    <t>01/14/2020 08:01:22</t>
  </si>
  <si>
    <t>01/14/2020 08:01:36</t>
  </si>
  <si>
    <t>01/14/2020 08:01:40</t>
  </si>
  <si>
    <t>01/14/2020 08:02:02</t>
  </si>
  <si>
    <t>01/14/2020 08:02:06</t>
  </si>
  <si>
    <t>01/14/2020 08:02:20</t>
  </si>
  <si>
    <t>01/14/2020 08:02:24</t>
  </si>
  <si>
    <t>mail.google.com/sync/u/0/i/s?hl=pt-BR&amp;c=70</t>
  </si>
  <si>
    <t>01/14/2020 08:02:36</t>
  </si>
  <si>
    <t>01/14/2020 08:02:40</t>
  </si>
  <si>
    <t>01/14/2020 08:02:58</t>
  </si>
  <si>
    <t>01/14/2020 08:03:03</t>
  </si>
  <si>
    <t>01/14/2020 08:03:04</t>
  </si>
  <si>
    <t>01/14/2020 08:03:19</t>
  </si>
  <si>
    <t>01/14/2020 08:03:25</t>
  </si>
  <si>
    <t>01/14/2020 08:03:28</t>
  </si>
  <si>
    <t>01/14/2020 07:58:52</t>
  </si>
  <si>
    <t>923d1dab-189d-41ce-bab0-7891bf6cf00b.tmp</t>
  </si>
  <si>
    <t>\\acsfs\profiles$\THYAGOSP\Downloads\923d1dab-189d-41ce-bab0-7891bf6cf00b.tmp</t>
  </si>
  <si>
    <t>01/14/2020 08:02:28</t>
  </si>
  <si>
    <t>6ddb2fbb-e814-449c-b291-a60d8d07eb57.tmp</t>
  </si>
  <si>
    <t>\\acsfs\profiles$\paulovadc\Downloads\6ddb2fbb-e814-449c-b291-a60d8d07eb57.tmp</t>
  </si>
  <si>
    <t>01/14/2020 08:03:48</t>
  </si>
  <si>
    <t>6f216f24-2774-4dda-9a47-f9c7ea45b457.tmp</t>
  </si>
  <si>
    <t>\\acsfs\profiles$\paulovadc\Downloads\6f216f24-2774-4dda-9a47-f9c7ea45b457.tmp</t>
  </si>
  <si>
    <t>01/14/2020 08:05:34</t>
  </si>
  <si>
    <t>01/14/2020 08:03:00</t>
  </si>
  <si>
    <t>b86a31f1-a712-4256-a64c-af62b91fc298.tmp</t>
  </si>
  <si>
    <t>\\acsfs\profiles$\quindaizaagds\Downloads\b86a31f1-a712-4256-a64c-af62b91fc298.tmp</t>
  </si>
  <si>
    <t>01/14/2020 08:04:47</t>
  </si>
  <si>
    <t>0b03c4b2-9040-477e-827b-20f28975c378.tmp</t>
  </si>
  <si>
    <t>\\acsfs\profiles$\quindaizaagds\Downloads\0b03c4b2-9040-477e-827b-20f28975c378.tmp</t>
  </si>
  <si>
    <t>01/14/2020 08:01:43</t>
  </si>
  <si>
    <t>10.200.67.187</t>
  </si>
  <si>
    <t>74-86-7A-FC-CE-A9</t>
  </si>
  <si>
    <t>VOTORANT-GB005</t>
  </si>
  <si>
    <t>diosquellysc</t>
  </si>
  <si>
    <t>\\acsfs\profiles$\diosquellysc\</t>
  </si>
  <si>
    <t>Anotações Importantes.txt</t>
  </si>
  <si>
    <t>\\acsfs\profiles$\diosquellysc\Anotações Importantes.txt</t>
  </si>
  <si>
    <t>01/14/2020 08:03:40</t>
  </si>
  <si>
    <t>01/14/2020 08:04:34</t>
  </si>
  <si>
    <t>Memo.txt</t>
  </si>
  <si>
    <t>\\acsfs\profiles$\diosquellysc\Memo.txt</t>
  </si>
  <si>
    <t>01/14/2020 08:02:00</t>
  </si>
  <si>
    <t>01/14/2020 08:02:01</t>
  </si>
  <si>
    <t>lu1000011qr4l.tmp</t>
  </si>
  <si>
    <t>\\acsfs\profiles$\jonathanwap\lu1000011qr4l.tmp</t>
  </si>
  <si>
    <t>\\acsfs\profiles$\jonathanwap\lu1000011qr4l.tmp\</t>
  </si>
  <si>
    <t>\\acsfs\profiles$\jonathanwap\lu1000011qr4l.tmp\META-INF\</t>
  </si>
  <si>
    <t>\\acsfs\profiles$\jonathanwap\lu1000011qr4l.tmp\Thumbnails\</t>
  </si>
  <si>
    <t>01/14/2020 08:00:24</t>
  </si>
  <si>
    <t>01/14/2020 08:00:32</t>
  </si>
  <si>
    <t>01/14/2020 08:00:50</t>
  </si>
  <si>
    <t>01/14/2020 08:04:13</t>
  </si>
  <si>
    <t>01/14/2020 08:04:16</t>
  </si>
  <si>
    <t>01/14/2020 08:04:25</t>
  </si>
  <si>
    <t>01/14/2020 08:04:36</t>
  </si>
  <si>
    <t>01/14/2020 08:04:41</t>
  </si>
  <si>
    <t>01/14/2020 08:04:53</t>
  </si>
  <si>
    <t>01/14/2020 08:05:02</t>
  </si>
  <si>
    <t>mail.google.com/sync/u/0/i/s?hl=pt-BR&amp;c=195</t>
  </si>
  <si>
    <t>01/14/2020 08:05:07</t>
  </si>
  <si>
    <t>joaogvc@algartech.com;leonardoao@algartech.com;marianadjc@algartech.com;paulacn@algartech.com;rafaelggs@algartech.com;ricardodfm@algartech.com.br;taysdss@algartech.com;thiagordu@algartech.com;viniciussg@algartech.com;</t>
  </si>
  <si>
    <t>joaogvc@algartech.com,leonardoao@algartech.com,marianadjc@algartech.com,paulacn@algartech.com,rafaelggs@algartech.com,ricardodfm@algartech.com.br,taysdss@algartech.com,thiagordu@algartech.com,viniciussg@algartech.com</t>
  </si>
  <si>
    <t>01/14/2020 08:05:14</t>
  </si>
  <si>
    <t>14979d12-6659-4431-ace8-515f135039ea.tmp</t>
  </si>
  <si>
    <t>\\acsfs\profiles$\ANAPDSB\Downloads\14979d12-6659-4431-ace8-515f135039ea.tmp</t>
  </si>
  <si>
    <t>01/14/2020 08:01:53</t>
  </si>
  <si>
    <t>01/14/2020 08:02:31</t>
  </si>
  <si>
    <t>01/14/2020 08:06:35</t>
  </si>
  <si>
    <t>01/14/2020 08:03:02</t>
  </si>
  <si>
    <t>01/14/2020 08:07:34</t>
  </si>
  <si>
    <t>450c5f06-7383-49ed-82f1-0ed27f61ea47.tmp</t>
  </si>
  <si>
    <t>\\acsfs\profiles$\felipetds\Downloads\450c5f06-7383-49ed-82f1-0ed27f61ea47.tmp</t>
  </si>
  <si>
    <t>01/14/2020 08:04:04</t>
  </si>
  <si>
    <t>5f651ff1-0d1b-4883-a67a-2c3ca9e1fb97.tmp</t>
  </si>
  <si>
    <t>\\acsfs\profiles$\felipetds\Downloads\5f651ff1-0d1b-4883-a67a-2c3ca9e1fb97.tmp</t>
  </si>
  <si>
    <t>01/14/2020 08:05:06</t>
  </si>
  <si>
    <t>f755e6cd-4b71-4224-99de-79adea260f7c.tmp</t>
  </si>
  <si>
    <t>\\acsfs\profiles$\felipetds\Downloads\f755e6cd-4b71-4224-99de-79adea260f7c.tmp</t>
  </si>
  <si>
    <t>01/14/2020 08:03:16</t>
  </si>
  <si>
    <t>01/14/2020 08:08:34</t>
  </si>
  <si>
    <t>a8b6553d-0235-49d5-9c5b-e69955469f20.tmp</t>
  </si>
  <si>
    <t>\\acsfs\profiles$\rafaelahpn\Downloads\a8b6553d-0235-49d5-9c5b-e69955469f20.tmp</t>
  </si>
  <si>
    <t>01/14/2020 08:04:11</t>
  </si>
  <si>
    <t>3428c387-7a60-4630-920f-98bccd25d145.tmp</t>
  </si>
  <si>
    <t>\\acsfs\profiles$\rafaelahpn\Downloads\3428c387-7a60-4630-920f-98bccd25d145.tmp</t>
  </si>
  <si>
    <t>01/14/2020 08:04:15</t>
  </si>
  <si>
    <t>0e769f18-24ec-4f90-94b9-65defc67e6a4.tmp</t>
  </si>
  <si>
    <t>\\acsfs\profiles$\rafaelahpn\Downloads\0e769f18-24ec-4f90-94b9-65defc67e6a4.tmp</t>
  </si>
  <si>
    <t>01/14/2020 08:04:57</t>
  </si>
  <si>
    <t>b50c223a-fb36-4311-b42d-465166c110f5.tmp</t>
  </si>
  <si>
    <t>\\acsfs\profiles$\rafaelahpn\Downloads\b50c223a-fb36-4311-b42d-465166c110f5.tmp</t>
  </si>
  <si>
    <t>01/14/2020 08:07:57</t>
  </si>
  <si>
    <t>7ec8bf32-02b1-4a41-86aa-6d57d15c080b.tmp</t>
  </si>
  <si>
    <t>\\acsfs\profiles$\rafaelahpn\Downloads\7ec8bf32-02b1-4a41-86aa-6d57d15c080b.tmp</t>
  </si>
  <si>
    <t>01/14/2020 08:09:34</t>
  </si>
  <si>
    <t>01/14/2020 08:06:02</t>
  </si>
  <si>
    <t>002a4d2d-9bd7-4184-9bb6-ee17c1f6d2e9.tmp</t>
  </si>
  <si>
    <t>\\acsfs\profiles$\anafsb\Downloads\002a4d2d-9bd7-4184-9bb6-ee17c1f6d2e9.tmp</t>
  </si>
  <si>
    <t>01/14/2020 08:07:45</t>
  </si>
  <si>
    <t>\\acsfs\profiles$\vanessacgs\Favorites\citrix.url:favicon</t>
  </si>
  <si>
    <t>01/14/2020 08:06:05</t>
  </si>
  <si>
    <t>01/14/2020 08:10:34</t>
  </si>
  <si>
    <t>01/14/2020 08:08:05</t>
  </si>
  <si>
    <t>01/14/2020 08:03:49</t>
  </si>
  <si>
    <t>01/14/2020 08:09:43</t>
  </si>
  <si>
    <t>.~lock.Vendas de dezembro.ods#</t>
  </si>
  <si>
    <t>\\acsfs\profiles$\ALEXANDREMM\.~lock.Vendas de dezembro.ods#</t>
  </si>
  <si>
    <t>01/14/2020 08:03:53</t>
  </si>
  <si>
    <t>01/14/2020 08:03:56</t>
  </si>
  <si>
    <t>01/14/2020 08:04:08</t>
  </si>
  <si>
    <t>01/14/2020 08:04:22</t>
  </si>
  <si>
    <t>01/14/2020 08:04:29</t>
  </si>
  <si>
    <t>01/14/2020 08:04:40</t>
  </si>
  <si>
    <t>01/14/2020 08:04:48</t>
  </si>
  <si>
    <t>01/14/2020 08:04:54</t>
  </si>
  <si>
    <t>01/14/2020 08:05:13</t>
  </si>
  <si>
    <t>01/14/2020 08:05:22</t>
  </si>
  <si>
    <t>mail.google.com/sync/u/0/i/s?hl=pt-BR&amp;c=129</t>
  </si>
  <si>
    <t>01/14/2020 08:05:43</t>
  </si>
  <si>
    <t>01/14/2020 08:05:52</t>
  </si>
  <si>
    <t>01/14/2020 08:06:14</t>
  </si>
  <si>
    <t>01/14/2020 08:06:19</t>
  </si>
  <si>
    <t>01/14/2020 08:06:33</t>
  </si>
  <si>
    <t>01/14/2020 08:06:41</t>
  </si>
  <si>
    <t>01/14/2020 08:06:45</t>
  </si>
  <si>
    <t>01/14/2020 08:06:42</t>
  </si>
  <si>
    <t>226f8706-8572-4cb3-b130-42a131f6ddf3.tmp</t>
  </si>
  <si>
    <t>\\acsfs\profiles$\quindaizaagds\Downloads\226f8706-8572-4cb3-b130-42a131f6ddf3.tmp</t>
  </si>
  <si>
    <t>01/14/2020 08:05:23</t>
  </si>
  <si>
    <t>bvcartes-supervisores@algarnet.onmicrosoft.com;joaogvc@algartech.com;leonardoao@algartech.com;marianadjc@algartech.com;paulacn@algartech.com;rafaelggs@algartech.com;ricardodfm@algartech.com.br;taysdss@algartech.com;thiagordu@algartech.com;viniciussg@algartech.com;</t>
  </si>
  <si>
    <t>bvcartes-supervisores@algarnet.onmicrosoft.com,joaogvc@algartech.com,leonardoao@algartech.com,marianadjc@algartech.com,paulacn@algartech.com,rafaelggs@algartech.com,ricardodfm@algartech.com.br,taysdss@algartech.com,thiagordu@algartech.com,viniciussg@algartech.com</t>
  </si>
  <si>
    <t>01/14/2020 08:05:35</t>
  </si>
  <si>
    <t>01/14/2020 08:05:39</t>
  </si>
  <si>
    <t>01/14/2020 08:05:48</t>
  </si>
  <si>
    <t>01/14/2020 08:05:55</t>
  </si>
  <si>
    <t>01/14/2020 08:06:11</t>
  </si>
  <si>
    <t>01/14/2020 08:06:21</t>
  </si>
  <si>
    <t>01/14/2020 08:06:27</t>
  </si>
  <si>
    <t>01/14/2020 08:06:32</t>
  </si>
  <si>
    <t>01/14/2020 08:06:37</t>
  </si>
  <si>
    <t>mail.google.com/sync/u/0/i/s?hl=pt-BR&amp;c=223</t>
  </si>
  <si>
    <t>joaogvc@algartech.com;katia.cardoso@bv.com.br;leonardoao@algartech.com;marianadjc@algartech.com;paulacn@algartech.com;rafaelggs@algartech.com;ricardodfm@algartech.com.br;taysdss@algartech.com;thiagordu@algartech.com;viniciussg@algartech.com;</t>
  </si>
  <si>
    <t>joaogvc@algartech.com,katia.cardoso@bv.com.br,leonardoao@algartech.com,marianadjc@algartech.com,paulacn@algartech.com,rafaelggs@algartech.com,ricardodfm@algartech.com.br,taysdss@algartech.com,thiagordu@algartech.com,viniciussg@algartech.com</t>
  </si>
  <si>
    <t>01/14/2020 08:06:47</t>
  </si>
  <si>
    <t>mail.google.com/sync/u/0/i/s?hl=pt-BR&amp;c=225</t>
  </si>
  <si>
    <t>01/14/2020 08:06:52</t>
  </si>
  <si>
    <t>01/14/2020 08:06:56</t>
  </si>
  <si>
    <t>01/14/2020 08:07:04</t>
  </si>
  <si>
    <t>01/14/2020 08:07:10</t>
  </si>
  <si>
    <t>01/14/2020 08:07:25</t>
  </si>
  <si>
    <t>mail.google.com/_/upload?authuser=0&amp;dcp=asu-n&amp;upload_id=AEnB2Uqs0aZ_XnQS5qEaVPVAGxnDSMBsRfZbdH6k29u4yh7fixF80yFteW_UgsndCfQrHH3Iz-uSg0RYDwWrGJB7L67GUbL9Sg&amp;upload_protocol=resumable</t>
  </si>
  <si>
    <t>01/14/2020 08:07:26</t>
  </si>
  <si>
    <t>01/14/2020 08:07:52</t>
  </si>
  <si>
    <t>mail.google.com/sync/u/0/i/s?hl=pt-BR&amp;c=236</t>
  </si>
  <si>
    <t>01/14/2020 08:09:55</t>
  </si>
  <si>
    <t>01/14/2020 08:10:04</t>
  </si>
  <si>
    <t>01/14/2020 08:10:13</t>
  </si>
  <si>
    <t>mail.google.com/sync/u/0/i/s?hl=pt-BR&amp;c=254</t>
  </si>
  <si>
    <t>01/14/2020 08:06:57</t>
  </si>
  <si>
    <t>01/14/2020 08:11:35</t>
  </si>
  <si>
    <t>04d3a171-fc5a-4f85-861b-bc1e181966dc.tmp</t>
  </si>
  <si>
    <t>\\acsfs\profiles$\LUCASNS\Downloads\04d3a171-fc5a-4f85-861b-bc1e181966dc.tmp</t>
  </si>
  <si>
    <t>01/14/2020 08:07:06</t>
  </si>
  <si>
    <t>078db51f-2770-48dd-b073-f81b607a8e9c.tmp</t>
  </si>
  <si>
    <t>\\acsfs\profiles$\LUCASNS\Downloads\078db51f-2770-48dd-b073-f81b607a8e9c.tmp</t>
  </si>
  <si>
    <t>01/14/2020 08:06:46</t>
  </si>
  <si>
    <t>01/14/2020 08:07:16</t>
  </si>
  <si>
    <t>01/14/2020 08:09:16</t>
  </si>
  <si>
    <t>01/14/2020 08:09:26</t>
  </si>
  <si>
    <t>01/14/2020 08:12:34</t>
  </si>
  <si>
    <t>01/14/2020 08:09:27</t>
  </si>
  <si>
    <t>01/14/2020 08:10:49</t>
  </si>
  <si>
    <t>01/14/2020 08:11:03</t>
  </si>
  <si>
    <t>01/14/2020 08:11:04</t>
  </si>
  <si>
    <t>01/14/2020 08:09:23</t>
  </si>
  <si>
    <t>01/14/2020 08:14:34</t>
  </si>
  <si>
    <t>cinthiacsda</t>
  </si>
  <si>
    <t>\\acsfs\profiles$\cinthiacsda\My Documents\xworkcenter\logs\</t>
  </si>
  <si>
    <t>XLOG_cinthiacsda_14012020_080900.log</t>
  </si>
  <si>
    <t>\\acsfs\profiles$\cinthiacsda\My Documents\xworkcenter\logs\XLOG_cinthiacsda_14012020_080900.log</t>
  </si>
  <si>
    <t>01/13/2020 21:58:21</t>
  </si>
  <si>
    <t>01/14/2020 08:15:35</t>
  </si>
  <si>
    <t>01/14/2020 08:10:23</t>
  </si>
  <si>
    <t>mail.google.com/sync/u/0/i/s?hl=pt-BR&amp;c=256</t>
  </si>
  <si>
    <t>01/14/2020 08:11:09</t>
  </si>
  <si>
    <t>01/14/2020 08:11:24</t>
  </si>
  <si>
    <t>01/14/2020 08:11:29</t>
  </si>
  <si>
    <t>joaogvc@algartech.com;marianadjc@algartech.com;planejamentodeoperacoesetrafego@bv.com.br;rafaelggs@algartech.com;raphaelmco@algartech.com.br;ricardodfm@algartech.com.br;taysdss@algartech.com;viniciussg@algartech.com;</t>
  </si>
  <si>
    <t>joaogvc@algartech.com,marianadjc@algartech.com,planejamentodeoperacoesetrafego@bv.com.br,rafaelggs@algartech.com,raphaelmco@algartech.com.br,ricardodfm@algartech.com.br,taysdss@algartech.com,viniciussg@algartech.com</t>
  </si>
  <si>
    <t>01/14/2020 08:11:34</t>
  </si>
  <si>
    <t>01/14/2020 08:11:36</t>
  </si>
  <si>
    <t>mail.google.com/sync/u/0/i/s?hl=pt-BR&amp;c=268</t>
  </si>
  <si>
    <t>01/14/2020 08:11:41</t>
  </si>
  <si>
    <t>mail.google.com/sync/u/0/i/s?hl=pt-BR&amp;c=270</t>
  </si>
  <si>
    <t>01/14/2020 08:16:34</t>
  </si>
  <si>
    <t>01/14/2020 08:14:59</t>
  </si>
  <si>
    <t>4ca2d04b-a6b9-40cc-909e-f3d57cdf58a1.tmp</t>
  </si>
  <si>
    <t>\\acsfs\profiles$\PEDROHAB\Downloads\4ca2d04b-a6b9-40cc-909e-f3d57cdf58a1.tmp</t>
  </si>
  <si>
    <t>01/14/2020 08:15:01</t>
  </si>
  <si>
    <t>ec2d68a8-7b27-4767-8813-c63d2a9eeb94.tmp</t>
  </si>
  <si>
    <t>\\acsfs\profiles$\PEDROHAB\Downloads\ec2d68a8-7b27-4767-8813-c63d2a9eeb94.tmp</t>
  </si>
  <si>
    <t>01/14/2020 08:14:46</t>
  </si>
  <si>
    <t>01/14/2020 08:17:35</t>
  </si>
  <si>
    <t>d106839e-e2a6-4874-96f6-fe58fa873723.tmp</t>
  </si>
  <si>
    <t>\\acsfs\profiles$\ayalabfi\Downloads\d106839e-e2a6-4874-96f6-fe58fa873723.tmp</t>
  </si>
  <si>
    <t>01/14/2020 08:14:49</t>
  </si>
  <si>
    <t>eed2114a-dee3-4bad-a191-ae0729047c24.tmp</t>
  </si>
  <si>
    <t>\\acsfs\profiles$\ayalabfi\Downloads\eed2114a-dee3-4bad-a191-ae0729047c24.tmp</t>
  </si>
  <si>
    <t>01/14/2020 08:15:05</t>
  </si>
  <si>
    <t>9d03c928-d123-4673-95aa-e78c190f2efa.tmp</t>
  </si>
  <si>
    <t>\\acsfs\profiles$\ayalabfi\Downloads\9d03c928-d123-4673-95aa-e78c190f2efa.tmp</t>
  </si>
  <si>
    <t>01/14/2020 08:15:04</t>
  </si>
  <si>
    <t>42ab557a-45c8-4a84-a6cb-cc83e31eb21a.tmp</t>
  </si>
  <si>
    <t>\\acsfs\profiles$\inarajst\Downloads\42ab557a-45c8-4a84-a6cb-cc83e31eb21a.tmp</t>
  </si>
  <si>
    <t>01/14/2020 08:15:07</t>
  </si>
  <si>
    <t>9a87aea1-3560-4e66-a9ce-5616845ab399.tmp</t>
  </si>
  <si>
    <t>\\acsfs\profiles$\inarajst\Downloads\9a87aea1-3560-4e66-a9ce-5616845ab399.tmp</t>
  </si>
  <si>
    <t>01/14/2020 08:18:19</t>
  </si>
  <si>
    <t>01/14/2020 08:19:34</t>
  </si>
  <si>
    <t>e5e95103-7213-450f-a92a-a9c323b05ed0.tmp</t>
  </si>
  <si>
    <t>\\acsfs\profiles$\leticiala\Downloads\e5e95103-7213-450f-a92a-a9c323b05ed0.tmp</t>
  </si>
  <si>
    <t>01/14/2020 08:15:51</t>
  </si>
  <si>
    <t>.~lock.DHIULLIANA 2.ods#</t>
  </si>
  <si>
    <t>\\acsfs\profiles$\dhiulliananads\My Documents\.~lock.DHIULLIANA 2.ods#</t>
  </si>
  <si>
    <t>01/14/2020 08:18:33</t>
  </si>
  <si>
    <t>lu5832ujqz.tmp</t>
  </si>
  <si>
    <t>\\acsfs\profiles$\dhiulliananads\My Documents\lu5832ujqz.tmp</t>
  </si>
  <si>
    <t>\\acsfs\profiles$\dhiulliananads\My Documents\lu5832ujqz.tmp\</t>
  </si>
  <si>
    <t>01/14/2020 08:19:35</t>
  </si>
  <si>
    <t>\\acsfs\profiles$\dhiulliananads\My Documents\lu5832ujqz.tmp\META-INF\</t>
  </si>
  <si>
    <t>\\acsfs\profiles$\dhiulliananads\My Documents\lu5832ujqz.tmp\Thumbnails\</t>
  </si>
  <si>
    <t>01/14/2020 08:20:35</t>
  </si>
  <si>
    <t>01/14/2020 08:17:29</t>
  </si>
  <si>
    <t>http://erp.algartech.com/techonline/workflow/postupload.aspx?tp=add&amp;info_s=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</t>
  </si>
  <si>
    <t>IMG_1122.jpg</t>
  </si>
  <si>
    <t>01/14/2020 08:17:44</t>
  </si>
  <si>
    <t>01/14/2020 08:21:34</t>
  </si>
  <si>
    <t>01/14/2020 08:17:08</t>
  </si>
  <si>
    <t>Relatorio cdc.PNG</t>
  </si>
  <si>
    <t>\\acsfs\ACS\001 - Qualidade Lilian\PAULO\Pasta Tainara\Relatorio cdc.PNG</t>
  </si>
  <si>
    <t>01/14/2020 08:17:32</t>
  </si>
  <si>
    <t>Relatorio sac.PNG</t>
  </si>
  <si>
    <t>\\acsfs\ACS\001 - Qualidade Lilian\PAULO\Pasta Tainara\Relatorio sac.PNG</t>
  </si>
  <si>
    <t>01/14/2020 08:18:00</t>
  </si>
  <si>
    <t>Relatrio cons.PNG</t>
  </si>
  <si>
    <t>\\acsfs\ACS\001 - Qualidade Lilian\PAULO\Pasta Tainara\Relatrio cons.PNG</t>
  </si>
  <si>
    <t>01/14/2020 08:18:22</t>
  </si>
  <si>
    <t>relatorio chat.PNG</t>
  </si>
  <si>
    <t>\\acsfs\ACS\001 - Qualidade Lilian\PAULO\Pasta Tainara\relatorio chat.PNG</t>
  </si>
  <si>
    <t>01/14/2020 08:17:17</t>
  </si>
  <si>
    <t>01/14/2020 08:20:17</t>
  </si>
  <si>
    <t>01/14/2020 08:20:47</t>
  </si>
  <si>
    <t>01/14/2020 08:16:58</t>
  </si>
  <si>
    <t>e029e4ad-d9d0-4cfe-a331-d334c92e327b.tmp</t>
  </si>
  <si>
    <t>\\acsfs\profiles$\PEDROHAB\Downloads\e029e4ad-d9d0-4cfe-a331-d334c92e327b.tmp</t>
  </si>
  <si>
    <t>01/14/2020 08:22:34</t>
  </si>
  <si>
    <t>01/14/2020 08:21:35</t>
  </si>
  <si>
    <t>d5e034a9-2b61-4a88-bf88-7decd420e9a0.tmp</t>
  </si>
  <si>
    <t>\\acsfs\profiles$\lucasgpe\Downloads\d5e034a9-2b61-4a88-bf88-7decd420e9a0.tmp</t>
  </si>
  <si>
    <t>01/14/2020 08:17:38</t>
  </si>
  <si>
    <t>e6869517-a02f-47d0-8361-cf7fe5400660.tmp</t>
  </si>
  <si>
    <t>\\acsfs\profiles$\geovannasm\Downloads\e6869517-a02f-47d0-8361-cf7fe5400660.tmp</t>
  </si>
  <si>
    <t>01/14/2020 08:18:44</t>
  </si>
  <si>
    <t>9be9bbd6-033a-4b76-a4fb-d25b9edbd7da.tmp</t>
  </si>
  <si>
    <t>\\acsfs\profiles$\geovannasm\Downloads\9be9bbd6-033a-4b76-a4fb-d25b9edbd7da.tmp</t>
  </si>
  <si>
    <t>01/14/2020 08:18:53</t>
  </si>
  <si>
    <t>1dba9967-4375-42c4-9a6b-bc37a73fe6a1.tmp</t>
  </si>
  <si>
    <t>\\acsfs\profiles$\geovannasm\Downloads\1dba9967-4375-42c4-9a6b-bc37a73fe6a1.tmp</t>
  </si>
  <si>
    <t>01/14/2020 08:19:00</t>
  </si>
  <si>
    <t>eec47e04-b5e0-43f3-8d08-aac718293666.tmp</t>
  </si>
  <si>
    <t>\\acsfs\profiles$\geovannasm\Downloads\eec47e04-b5e0-43f3-8d08-aac718293666.tmp</t>
  </si>
  <si>
    <t>01/14/2020 08:23:34</t>
  </si>
  <si>
    <t>01/14/2020 08:20:11</t>
  </si>
  <si>
    <t>01/14/2020 08:21:07</t>
  </si>
  <si>
    <t>01/14/2020 08:24:35</t>
  </si>
  <si>
    <t>e2274f95-07e8-440e-8cc9-e6ed6dd983fc.tmp</t>
  </si>
  <si>
    <t>\\acsfs\profiles$\gabrielaff\Downloads\e2274f95-07e8-440e-8cc9-e6ed6dd983fc.tmp</t>
  </si>
  <si>
    <t>01/14/2020 08:22:08</t>
  </si>
  <si>
    <t>4e324e7d-e912-43ea-ad7e-246e4f48e326.tmp</t>
  </si>
  <si>
    <t>\\acsfs\profiles$\KARENDSR\Downloads\4e324e7d-e912-43ea-ad7e-246e4f48e326.tmp</t>
  </si>
  <si>
    <t>01/14/2020 08:22:52</t>
  </si>
  <si>
    <t>4e5a8ad4-7a50-4b7f-a24c-b4fced325843.tmp</t>
  </si>
  <si>
    <t>\\acsfs\profiles$\KARENDSR\Downloads\4e5a8ad4-7a50-4b7f-a24c-b4fced325843.tmp</t>
  </si>
  <si>
    <t>01/14/2020 08:23:20</t>
  </si>
  <si>
    <t>f371595e-28ac-4c2a-b13c-8c744fdfc3ae.tmp</t>
  </si>
  <si>
    <t>\\acsfs\profiles$\KARENDSR\Downloads\f371595e-28ac-4c2a-b13c-8c744fdfc3ae.tmp</t>
  </si>
  <si>
    <t>01/14/2020 08:22:19</t>
  </si>
  <si>
    <t>lu5832ujr5.tmp</t>
  </si>
  <si>
    <t>\\acsfs\profiles$\dhiulliananads\My Documents\lu5832ujr5.tmp</t>
  </si>
  <si>
    <t>\\acsfs\profiles$\dhiulliananads\My Documents\lu5832ujr5.tmp\</t>
  </si>
  <si>
    <t>\\acsfs\profiles$\dhiulliananads\My Documents\lu5832ujr5.tmp\META-INF\</t>
  </si>
  <si>
    <t>01/14/2020 08:22:20</t>
  </si>
  <si>
    <t>\\acsfs\profiles$\dhiulliananads\My Documents\lu5832ujr5.tmp\Thumbnails\</t>
  </si>
  <si>
    <t>01/14/2020 08:24:10</t>
  </si>
  <si>
    <t>01/14/2020 08:25:34</t>
  </si>
  <si>
    <t>10.200.66.21</t>
  </si>
  <si>
    <t>74-86-7A-FB-17-64</t>
  </si>
  <si>
    <t>VOTORANT-YB010</t>
  </si>
  <si>
    <t>dennerldr</t>
  </si>
  <si>
    <t>01/14/2020 08:21:40</t>
  </si>
  <si>
    <t>01/14/2020 08:21:33</t>
  </si>
  <si>
    <t>35fd0eb5-516c-4bb3-87f7-e2ce68b2ce72.tmp</t>
  </si>
  <si>
    <t>\\acsfs\profiles$\lorrainerdl\Downloads\35fd0eb5-516c-4bb3-87f7-e2ce68b2ce72.tmp</t>
  </si>
  <si>
    <t>01/14/2020 08:22:03</t>
  </si>
  <si>
    <t>4cf30fb5-3a0c-4139-91dd-ca798a86c8b1.tmp</t>
  </si>
  <si>
    <t>\\acsfs\profiles$\lorrainerdl\Downloads\4cf30fb5-3a0c-4139-91dd-ca798a86c8b1.tmp</t>
  </si>
  <si>
    <t>01/14/2020 08:22:04</t>
  </si>
  <si>
    <t>86fb2632-2d56-4f07-af57-ad2f0601c3de.tmp</t>
  </si>
  <si>
    <t>\\acsfs\profiles$\lorrainerdl\Downloads\86fb2632-2d56-4f07-af57-ad2f0601c3de.tmp</t>
  </si>
  <si>
    <t>01/14/2020 08:21:58</t>
  </si>
  <si>
    <t>01/14/2020 08:22:01</t>
  </si>
  <si>
    <t>01/14/2020 08:24:06</t>
  </si>
  <si>
    <t>01/14/2020 08:24:07</t>
  </si>
  <si>
    <t>01/14/2020 08:26:34</t>
  </si>
  <si>
    <t>01/14/2020 08:24:17</t>
  </si>
  <si>
    <t>01/14/2020 08:24:47</t>
  </si>
  <si>
    <t>01/14/2020 08:22:58</t>
  </si>
  <si>
    <t>325e4516-88d5-4340-97d9-5ee6fd178850.tmp</t>
  </si>
  <si>
    <t>\\acsfs\profiles$\THYAGOSP\Downloads\325e4516-88d5-4340-97d9-5ee6fd178850.tmp</t>
  </si>
  <si>
    <t>01/14/2020 08:23:11</t>
  </si>
  <si>
    <t>01/14/2020 08:27:34</t>
  </si>
  <si>
    <t>fcfcbc7d-277a-4ce4-85ae-7de2fe7e28a3.tmp</t>
  </si>
  <si>
    <t>\\acsfs\profiles$\lucasgpe\Downloads\fcfcbc7d-277a-4ce4-85ae-7de2fe7e28a3.tmp</t>
  </si>
  <si>
    <t>01/14/2020 08:28:34</t>
  </si>
  <si>
    <t>01/14/2020 08:23:40</t>
  </si>
  <si>
    <t>01/14/2020 08:27:42</t>
  </si>
  <si>
    <t>01/14/2020 08:29:34</t>
  </si>
  <si>
    <t>f4fdb40f-174f-4f42-b1fd-d5e6a9b9045a.tmp</t>
  </si>
  <si>
    <t>\\acsfs\profiles$\larissaad\Downloads\f4fdb40f-174f-4f42-b1fd-d5e6a9b9045a.tmp</t>
  </si>
  <si>
    <t>01/14/2020 08:27:46</t>
  </si>
  <si>
    <t>ffb6b097-2af0-4817-9ded-25c9bad828b0.tmp</t>
  </si>
  <si>
    <t>\\acsfs\profiles$\larissaad\Downloads\ffb6b097-2af0-4817-9ded-25c9bad828b0.tmp</t>
  </si>
  <si>
    <t>01/14/2020 08:26:30</t>
  </si>
  <si>
    <t>3fd64235-fc6c-4d0f-aa04-1896ca072ded.tmp</t>
  </si>
  <si>
    <t>\\acsfs\profiles$\nayarasds\Downloads\3fd64235-fc6c-4d0f-aa04-1896ca072ded.tmp</t>
  </si>
  <si>
    <t>01/14/2020 08:26:38</t>
  </si>
  <si>
    <t>15a282c7-eb03-4873-a021-bf174de62d78.tmp</t>
  </si>
  <si>
    <t>\\acsfs\profiles$\leticiala\Downloads\15a282c7-eb03-4873-a021-bf174de62d78.tmp</t>
  </si>
  <si>
    <t>01/14/2020 08:27:18</t>
  </si>
  <si>
    <t>c97c18d8-0555-4caa-84ed-e3bf57213678.tmp</t>
  </si>
  <si>
    <t>\\acsfs\profiles$\leticiala\Downloads\c97c18d8-0555-4caa-84ed-e3bf57213678.tmp</t>
  </si>
  <si>
    <t>01/14/2020 08:25:29</t>
  </si>
  <si>
    <t>55388bd5-0533-40aa-8474-c9516df10480.tmp</t>
  </si>
  <si>
    <t>\\acsfs\profiles$\lorraynevam\Downloads\55388bd5-0533-40aa-8474-c9516df10480.tmp</t>
  </si>
  <si>
    <t>01/14/2020 08:27:23</t>
  </si>
  <si>
    <t>1be9298a-8453-4ae0-9773-9eebe87aa1a5.tmp</t>
  </si>
  <si>
    <t>\\acsfs\profiles$\lorraynevam\Downloads\1be9298a-8453-4ae0-9773-9eebe87aa1a5.tmp</t>
  </si>
  <si>
    <t>01/14/2020 08:28:00</t>
  </si>
  <si>
    <t>01/14/2020 08:28:01</t>
  </si>
  <si>
    <t>lu5832ujrb.tmp</t>
  </si>
  <si>
    <t>\\acsfs\profiles$\dhiulliananads\My Documents\lu5832ujrb.tmp</t>
  </si>
  <si>
    <t>\\acsfs\profiles$\dhiulliananads\My Documents\lu5832ujrb.tmp\</t>
  </si>
  <si>
    <t>\\acsfs\profiles$\dhiulliananads\My Documents\lu5832ujrb.tmp\META-INF\</t>
  </si>
  <si>
    <t>\\acsfs\profiles$\dhiulliananads\My Documents\lu5832ujrb.tmp\Thumbnails\</t>
  </si>
  <si>
    <t>01/14/2020 08:30:34</t>
  </si>
  <si>
    <t>01/14/2020 08:26:50</t>
  </si>
  <si>
    <t>a648bf33-21e0-4892-809a-5a368000dc7d.tmp</t>
  </si>
  <si>
    <t>\\acsfs\profiles$\dhiulliananads\Downloads\a648bf33-21e0-4892-809a-5a368000dc7d.tmp</t>
  </si>
  <si>
    <t>01/14/2020 08:26:09</t>
  </si>
  <si>
    <t>01/14/2020 08:28:29</t>
  </si>
  <si>
    <t>marianacds@algartech.com;thiagordu@algartech.com;</t>
  </si>
  <si>
    <t>marianacds@algartech.com,thiagordu@algartech.com</t>
  </si>
  <si>
    <t>01/14/2020 08:28:38</t>
  </si>
  <si>
    <t>01/14/2020 08:28:56</t>
  </si>
  <si>
    <t>01/14/2020 08:29:07</t>
  </si>
  <si>
    <t>01/14/2020 08:29:46</t>
  </si>
  <si>
    <t>e12cc3ee-5daa-4bc0-9e79-9c5a8526bf5d.tmp</t>
  </si>
  <si>
    <t>\\acsfs\profiles$\quindaizaagds\Downloads\e12cc3ee-5daa-4bc0-9e79-9c5a8526bf5d.tmp</t>
  </si>
  <si>
    <t>01/14/2020 08:28:16</t>
  </si>
  <si>
    <t>lu1000011qr4q.tmp</t>
  </si>
  <si>
    <t>\\acsfs\profiles$\jonathanwap\lu1000011qr4q.tmp</t>
  </si>
  <si>
    <t>\\acsfs\profiles$\jonathanwap\lu1000011qr4q.tmp\</t>
  </si>
  <si>
    <t>\\acsfs\profiles$\jonathanwap\lu1000011qr4q.tmp\META-INF\</t>
  </si>
  <si>
    <t>\\acsfs\profiles$\jonathanwap\lu1000011qr4q.tmp\Thumbnails\</t>
  </si>
  <si>
    <t>01/14/2020 08:27:43</t>
  </si>
  <si>
    <t>01/14/2020 08:31:34</t>
  </si>
  <si>
    <t>01/14/2020 08:27:57</t>
  </si>
  <si>
    <t>d847a444-570e-4938-aa15-9d0e62973657.tmp</t>
  </si>
  <si>
    <t>\\acsfs\profiles$\cintiadcf\Downloads\d847a444-570e-4938-aa15-9d0e62973657.tmp</t>
  </si>
  <si>
    <t>01/14/2020 08:29:17</t>
  </si>
  <si>
    <t>01/14/2020 08:30:17</t>
  </si>
  <si>
    <t>01/14/2020 08:30:47</t>
  </si>
  <si>
    <t>01/14/2020 08:32:34</t>
  </si>
  <si>
    <t>01/14/2020 08:27:00</t>
  </si>
  <si>
    <t>5fb5b815-497b-4909-a90e-bdd6b862c6fb.tmp</t>
  </si>
  <si>
    <t>\\acsfs\profiles$\lorrainerdl\Downloads\5fb5b815-497b-4909-a90e-bdd6b862c6fb.tmp</t>
  </si>
  <si>
    <t>01/14/2020 08:31:12</t>
  </si>
  <si>
    <t>01/14/2020 08:33:34</t>
  </si>
  <si>
    <t>http:///batch?%24ct=multipart%2Fmixed%3B%20boundary%3D%22%3D%3D%3D%3D%3D90uhotha44bb%3D%3D%3D%3D%3D%22&amp;key=AIzaSyAy9VVXHSpS2IJpptzYtGbLP3-3_l0aBk4</t>
  </si>
  <si>
    <t>_x0002_�_x0019_�\]�$�e[�a_x0004_�mw���1_x0004_j4&gt;g��&gt;_x0008_����~�j�_x0012_�i_x001D_;"mozilla/5.0 (windows nt 6.1) applewebkit/537.36 (khtml;0] _x0018_�2_x0007_c-4e;0]ackages\tornado\platform\interface.py;0]l;0]ll;0]m1 ];1;124;125;13;13700014;13700109;13700167;13700185;13700451;13700883;13700946;13700951;13701078;13701207;13701214;13701239;13701262;13701298;13701418;13701422;13701430;13701450;13701486;13701506;13701510;13701537;13701573;13701577;13701609;13701625;13701653;13701657;13701693;13701693�;13701709;13701749;13701825;13701901;13701905;13701909;13701957;13701969;13702064;13702068;13702088;142961685;15;1578915882896000;1578915886959000;1578930052848000;1578930058554000;1578934278142;1578953843159;1578967086911;1578967387907;4repet0scaaaa4liaaaajmqf2kz44sg1npvhrp5ya-eah9mzpvg6kl9izriwjk97h6v_kcjh4sw2rf_itsulvo-3l6-wytsybqsmi4xv23fkeay8qmocdpcm6u6mkhgpg1ycp4mktrb_yi4ruhaswq2li4w3ybymavyxxvltnranpmk;5701393;80;[[13701418;[[13701573;[];[]]];adfn-ct7ciskssyu-68afh9xg7xv2c6f8dx_seofhsqerkx2bhpqslb3crfufkpjjmcd4mgjscrt;adfn-cuic5g8_16whytgiekdf3jxrbjnjvixuvd0lzn</t>
  </si>
  <si>
    <t>http://_x0002_�_x0019_�\]�$�e[�a_x0004_�mw���1_x0004_j4&gt;g��&gt;_x0008_����~�j�_x0012_�i_x001D_,"mozilla/5.0 (windows nt 6.1) applewebkit/537.36 (khtml,0] _x0018_�2_x0007_c-4e,0]ackages\tornado\platform\interface.py,0]l,0]ll,0]m1 ],1,124,125,13,13700014,13700109,13700167,13700185,13700451,13700883,13700946,13700951,13701078,13701207,13701214,13701239,13701262,13701298,13701418,13701422,13701430,13701450,13701486,13701506,13701510,13701537,13701573,13701577,13701609,13701625,13701653,13701657,13701693,13701693�,13701709,13701749,13701825,13701901,13701905,13701909,13701957,13701969,13702064,13702068,13702088,142961685,15,1578915882896000,1578915886959000,1578930052848000,1578930058554000,1578934278142,1578953843159,1578967086911,1578967387907,4repet0scaaaa4liaaaajmqf2kz44sg1npvhrp5ya-eah9mzpvg6kl9izriwjk97h6v_kcjh4sw2rf_itsulvo-3l6-wytsybqsmi4xv23fkeay8qmocdpcm6u6mkhgpg1ycp4mktrb_yi4ruhaswq2li4w3ybymavyxxvltnranpmk,5701393,80,[[13701418,[[13701573,[],[]]],adfn-ct7ciskssyu-68afh9xg7xv2c6f8dx_seofhsqerkx2bhpqslb3crfufkpjjmcd4mgjscrt,adfn-cuic5g8_16whytgiekdf3jxrbjnjvix</t>
  </si>
  <si>
    <t>01/14/2020 08:31:13</t>
  </si>
  <si>
    <t>http:///batch?%24ct=multipart%2Fmixed%3B%20boundary%3D%22%3D%3D%3D%3D%3D1xtw20xp3ymm%3D%3D%3D%3D%3D%22&amp;key=AIzaSyAy9VVXHSpS2IJpptzYtGbLP3-3_l0aBk4</t>
  </si>
  <si>
    <t>01/14/2020 08:31:14</t>
  </si>
  <si>
    <t>01/14/2020 08:31:15</t>
  </si>
  <si>
    <t>http:///batch?%24ct=multipart%2Fmixed%3B%20boundary%3D%22%3D%3D%3D%3D%3D9tpzdqpu9ifp%3D%3D%3D%3D%3D%22&amp;key=AIzaSyAy9VVXHSpS2IJpptzYtGbLP3-3_l0aBk4</t>
  </si>
  <si>
    <t>01/14/2020 08:31:50</t>
  </si>
  <si>
    <t>mail.google.com/sync/u/0/i/s?hl=pt-BR&amp;c=1471</t>
  </si>
  <si>
    <t>"mozilla/5.0 (windows nt 6.1) applewebkit/537.36 (khtml;0];0] _x0018_�2_x0007_c-4e;0]:0};0]\\\\\\\_�o &lt;l;0]\\\\\\\��1 &lt;l;0]\\\\\\l|{ &lt;l;0]\\��� &lt;l;0]ackages\tornado\platform\interface.py;0]ersion\&gt;\(ds��� 1.;0]l;0]ll;1;107;121;13;135;13700014;13700109;13700185;13700451;13700951;13701207;13701298;13701422;13701430;13701450;13701506;13701537;13701573;13701577;13701625;13701657;13701693�;13701749;13701825;13701901;13701905;13701957;13701969;13702068;13702088;142961685;147;151;1578930052848000;1578930058554000;1578942404414;1578946919315;1578952338029;1578959261631;1578961969976;1578966183923;1578970398365;1578974156685;1578975360790;1578978370554;1578987702036;1578991615377;161;192;1ya5yrwelrso-yxib3ctz0mdjsqkh2uffmn2kfrmynlkfp2vhk5vxrjlyzc1nx1i8okgrxz4hh9fxnqqavexbjgszjfxng_3tikapcccza7s5nl0iiv528sipt3_n6smfvjyvnmz5gmbld86jsedcdqpnbowbtwaejdtwlwiwyazylw418myzkyijnlherxkuhkwira1lepte7zdg9sclvmpo7jylbvlezgsriufy1njtv4nta\";1ya5yrwelrso-yxib3ctz0mdjsqkh2uffmn2kfrmynlkfp2vhk5vxrjlyzc1nx1i8okgrxz4hh9fxnqqavexbjgszjfxng_3tikapcc</t>
  </si>
  <si>
    <t>"mozilla/5.0 (windows nt 6.1) applewebkit/537.36 (khtml,0],0] _x0018_�2_x0007_c-4e,0]:0},0]\\\\\\\_�o &lt;l,0]\\\\\\\��1 &lt;l,0]\\\\\\l|{ &lt;l,0]\\��� &lt;l,0]ackages\tornado\platform\interface.py,0]ersion\&gt;\(ds��� 1.,0]l,0]ll,1,107,121,13,135,13700014,13700109,13700185,13700451,13700951,13701207,13701298,13701422,13701430,13701450,13701506,13701537,13701573,13701577,13701625,13701657,13701693�,13701749,13701825,13701901,13701905,13701957,13701969,13702068,13702088,142961685,147,151,1578930052848000,1578930058554000,1578942404414,1578946919315,1578952338029,1578959261631,1578961969976,1578966183923,1578970398365,1578974156685,1578975360790,1578978370554,1578987702036,1578991615377,161,192,1ya5yrwelrso-yxib3ctz0mdjsqkh2uffmn2kfrmynlkfp2vhk5vxrjlyzc1nx1i8okgrxz4hh9fxnqqavexbjgszjfxng_3tikapcccza7s5nl0iiv528sipt3_n6smfvjyvnmz5gmbld86jsedcdqpnbowbtwaejdtwlwiwyazylw418myzkyijnlherxkuhkwira1lepte7zdg9sclvmpo7jylbvlezgsriufy1njtv4nta\",1ya5yrwelrso-yxib3ctz0mdjsqkh2uffmn2kfrmynlkfp2vhk5vxrjlyzc1nx1i8okgrxz4hh9fxnqqavexbjgszjfxng_3tikapcc</t>
  </si>
  <si>
    <t>01/14/2020 08:31:54</t>
  </si>
  <si>
    <t>mail.google.com/sync/u/0/i/s?hl=pt-BR&amp;c=1474</t>
  </si>
  <si>
    <t>01/14/2020 08:31:59</t>
  </si>
  <si>
    <t>mail.google.com/sync/u/0/i/s?hl=pt-BR&amp;c=1476</t>
  </si>
  <si>
    <t>01/14/2020 08:32:07</t>
  </si>
  <si>
    <t>mail.google.com/sync/u/0/i/s?hl=pt-BR&amp;c=1478</t>
  </si>
  <si>
    <t>_x0002_�_x0019_�\]�$�e[�a_x0004_�mw���1_x0004_j4&gt;g��&gt;_x0008_����~�j�_x0012_�i_x001D_,"mozilla/5.0 (windows nt 6.1) applewebkit/537.36 (khtml,0] _x0018_�2_x0007_c-4e,0]ackages\tornado\platform\interface.py,0]l,0]ll,0]m1 ],1,124,125,13,13700014,13700109,13700167,13700185,13700451,13700883,13700946,13700951,13701078,13701207,13701214,13701239,13701262,13701298,13701418,13701422,13701430,13701450,13701486,13701506,13701510,13701537,13701573,13701577,13701609,13701625,13701653,13701657,13701693,13701693�,13701709,13701749,13701825,13701901,13701905,13701909,13701957,13701969,13702064,13702068,13702088,142961685,15,1578915882896000,1578915886959000,1578930052848000,1578930058554000,1578934278142,1578953843159,1578967086911,1578967387907,4repet0scaaaa4liaaaajmqf2kz44sg1npvhrp5ya-eah9mzpvg6kl9izriwjk97h6v_kcjh4sw2rf_itsulvo-3l6-wytsybqsmi4xv23fkeay8qmocdpcm6u6mkhgpg1ycp4mktrb_yi4ruhaswq2li4w3ybymavyxxvltnranpmk,5701393,80,[[13701418,[[13701573,[],[]]],adfn-ct7ciskssyu-68afh9xg7xv2c6f8dx_seofhsqerkx2bhpqslb3crfufkpjjmcd4mgjscrt,adfn-cuic5g8_16whytgiekdf3jxrbjnjvixuvd0lzn</t>
  </si>
  <si>
    <t>01/14/2020 08:32:27</t>
  </si>
  <si>
    <t>mail.google.com/sync/u/0/i/s?hl=pt-BR&amp;c=1481</t>
  </si>
  <si>
    <t>"mozilla/5.0 (windows nt 6.1) applewebkit/537.36 (khtml;0]als;0]l;1;13;13700014;13700109;13700185;13700451;13700951;13701207;13701298;13701422;13701430;13701450;13701506;13701537;13701573;13701577;13701625;13701657;13701693;13701749;13701825;13701901;13701905;13701957;13701969;13702068;13702088;142961685;1578930052848000;1578930058554000;1578992819204;1578993120155;1ya5yrwelrso-yxib3ctz0mdjsqkh2uffmn2kfrmynlkfp2vhk5vxrjlyzc1nx1i8okgrxz4hh9fxnqqavexbjgszjfxng_3tikapcccza7s5nl0iiv528sipt3_n6smfvjyvnmz5gmbld86jsedcdqpnbowbtwaejdtwlwiwyazylw418myzkyijnlherxkuhkwirbwlept_jddse4aiz1ggcdd4mn150fdtjp551rwkfzytw\";1ya5yrwelrso-yxib3ctz0mdjsqkh2uffmn2kfrmynlkfp2vhk5vxrjlyzc1nx1i8okgrxz4hh9fxnqqavexbjgszjfxng_3tikapcccza7s5nl0iiv528sipt3_n6smfvjyvnmz5gmbld86jsedcdqpnbowbtwaejdtwlwiwyazylw418myzkyijnlherxkuhkwirbzleptf4kgp4ikhhjrvpsf1rnctkfjnekwqq_kpvqesq\";209;210;5701393;[[13701418;[];[]]];adfn-ct7ciskssyu-68afh9xg7xv2c6f8dx_seofhsqerkx2bhpqslb3crfufkpjjmcd4mgjscrt;ancestorhasaugmentedpermissions;containsunsubscribedch</t>
  </si>
  <si>
    <t>"mozilla/5.0 (windows nt 6.1) applewebkit/537.36 (khtml,0]als,0]l,1,13,13700014,13700109,13700185,13700451,13700951,13701207,13701298,13701422,13701430,13701450,13701506,13701537,13701573,13701577,13701625,13701657,13701693,13701749,13701825,13701901,13701905,13701957,13701969,13702068,13702088,142961685,1578930052848000,1578930058554000,1578992819204,1578993120155,1ya5yrwelrso-yxib3ctz0mdjsqkh2uffmn2kfrmynlkfp2vhk5vxrjlyzc1nx1i8okgrxz4hh9fxnqqavexbjgszjfxng_3tikapcccza7s5nl0iiv528sipt3_n6smfvjyvnmz5gmbld86jsedcdqpnbowbtwaejdtwlwiwyazylw418myzkyijnlherxkuhkwirbwlept_jddse4aiz1ggcdd4mn150fdtjp551rwkfzytw\",1ya5yrwelrso-yxib3ctz0mdjsqkh2uffmn2kfrmynlkfp2vhk5vxrjlyzc1nx1i8okgrxz4hh9fxnqqavexbjgszjfxng_3tikapcccza7s5nl0iiv528sipt3_n6smfvjyvnmz5gmbld86jsedcdqpnbowbtwaejdtwlwiwyazylw418myzkyijnlherxkuhkwirbzleptf4kgp4ikhhjrvpsf1rnctkfjnekwqq_kpvqesq\",209,210,5701393,[[13701418,[],[]]],adfn-ct7ciskssyu-68afh9xg7xv2c6f8dx_seofhsqerkx2bhpqslb3crfufkpjjmcd4mgjscrt,ancestorhasaugmentedpermissions,containsunsubscribedch</t>
  </si>
  <si>
    <t>01/14/2020 08:32:23</t>
  </si>
  <si>
    <t>mail.google.com/sync/u/0/i/s?hl=pt-BR&amp;c=432</t>
  </si>
  <si>
    <t>01/14/2020 08:32:26</t>
  </si>
  <si>
    <t>mail.google.com/sync/u/0/i/s?hl=pt-BR&amp;c=434</t>
  </si>
  <si>
    <t>01/14/2020 08:28:48</t>
  </si>
  <si>
    <t>01/14/2020 08:34:34</t>
  </si>
  <si>
    <t>414505fd-1241-4ff7-85ab-0f9f30ecc7d6.tmp</t>
  </si>
  <si>
    <t>\\acsfs\profiles$\anafsb\Downloads\414505fd-1241-4ff7-85ab-0f9f30ecc7d6.tmp</t>
  </si>
  <si>
    <t>01/14/2020 08:29:04</t>
  </si>
  <si>
    <t>98400bdf-13d6-4803-9b57-57ad080fbb49.tmp</t>
  </si>
  <si>
    <t>\\acsfs\profiles$\larissaad\Downloads\98400bdf-13d6-4803-9b57-57ad080fbb49.tmp</t>
  </si>
  <si>
    <t>01/14/2020 08:33:06</t>
  </si>
  <si>
    <t>45496694-c2e0-4377-af99-5e225d43a5cd.tmp</t>
  </si>
  <si>
    <t>\\acsfs\profiles$\wedersonbadr\My Documents\My Music\45496694-c2e0-4377-af99-5e225d43a5cd.tmp</t>
  </si>
  <si>
    <t>01/14/2020 00:01:22</t>
  </si>
  <si>
    <t>01/14/2020 08:35:35</t>
  </si>
  <si>
    <t>01/14/2020 08:31:07</t>
  </si>
  <si>
    <t>75058113-f6a9-4fb2-b73c-4177d840aab0.tmp</t>
  </si>
  <si>
    <t>\\acsfs\profiles$\nataliacsl\Downloads\75058113-f6a9-4fb2-b73c-4177d840aab0.tmp</t>
  </si>
  <si>
    <t>01/14/2020 08:32:44</t>
  </si>
  <si>
    <t>e0f205d8-4508-44f5-be31-09edc16d1353.tmp</t>
  </si>
  <si>
    <t>\\acsfs\profiles$\nataliacsl\Downloads\e0f205d8-4508-44f5-be31-09edc16d1353.tmp</t>
  </si>
  <si>
    <t>01/14/2020 08:33:46</t>
  </si>
  <si>
    <t>01/14/2020 08:34:02</t>
  </si>
  <si>
    <t>01/14/2020 08:33:13</t>
  </si>
  <si>
    <t>01/14/2020 08:33:16</t>
  </si>
  <si>
    <t>01/14/2020 08:33:19</t>
  </si>
  <si>
    <t>01/14/2020 08:33:23</t>
  </si>
  <si>
    <t>01/14/2020 08:33:45</t>
  </si>
  <si>
    <t>01/14/2020 08:34:04</t>
  </si>
  <si>
    <t>01/14/2020 08:34:13</t>
  </si>
  <si>
    <t>01/14/2020 08:34:18</t>
  </si>
  <si>
    <t>01/14/2020 08:34:36</t>
  </si>
  <si>
    <t>01/14/2020 08:31:42</t>
  </si>
  <si>
    <t>ca30a501-414a-44d8-a553-a5877753f984.tmp</t>
  </si>
  <si>
    <t>\\acsfs\profiles$\mariajra\Downloads\ca30a501-414a-44d8-a553-a5877753f984.tmp</t>
  </si>
  <si>
    <t>01/14/2020 08:36:34</t>
  </si>
  <si>
    <t>01/14/2020 08:31:17</t>
  </si>
  <si>
    <t>01/14/2020 08:33:47</t>
  </si>
  <si>
    <t>01/14/2020 08:34:47</t>
  </si>
  <si>
    <t>01/14/2020 08:35:17</t>
  </si>
  <si>
    <t>01/14/2020 08:32:35</t>
  </si>
  <si>
    <t>01/14/2020 08:37:34</t>
  </si>
  <si>
    <t>camillaleb</t>
  </si>
  <si>
    <t>\\acsfs\profiles$\camillaleb\Favorites\</t>
  </si>
  <si>
    <t>\\acsfs\profiles$\camillaleb\Favorites\Início - 1.url</t>
  </si>
  <si>
    <t>01/14/2020 08:32:36</t>
  </si>
  <si>
    <t>\\acsfs\profiles$\camillaleb\Favorites\Início - 1.url\</t>
  </si>
  <si>
    <t>\\acsfs\profiles$\camillaleb\Favorites\Início - 1.url\:favicon:$DATA</t>
  </si>
  <si>
    <t>\\acsfs\profiles$\camillaleb\Favorites\Links\</t>
  </si>
  <si>
    <t>\\acsfs\profiles$\camillaleb\Favorites\Links\desktop.ini</t>
  </si>
  <si>
    <t>01/14/2020 08:32:39</t>
  </si>
  <si>
    <t>\\acsfs\profiles$\camillaleb\Favorites\$RECYCLE.BIN\</t>
  </si>
  <si>
    <t>$I49VBYD.url</t>
  </si>
  <si>
    <t>\\acsfs\profiles$\camillaleb\Favorites\$RECYCLE.BIN\$I49VBYD.url</t>
  </si>
  <si>
    <t>01/14/2020 08:32:48</t>
  </si>
  <si>
    <t>TotalView.url</t>
  </si>
  <si>
    <t>\\acsfs\profiles$\camillaleb\Favorites\TotalView.url</t>
  </si>
  <si>
    <t>01/14/2020 08:37:35</t>
  </si>
  <si>
    <t>01/14/2020 08:32:49</t>
  </si>
  <si>
    <t>\\acsfs\profiles$\camillaleb\Favorites\TotalView.url\</t>
  </si>
  <si>
    <t>\\acsfs\profiles$\camillaleb\Favorites\TotalView.url\:favicon:$DATA</t>
  </si>
  <si>
    <t>01/14/2020 08:37:13</t>
  </si>
  <si>
    <t>01/14/2020 08:38:34</t>
  </si>
  <si>
    <t>9ecddbf1-3fbe-4997-adc6-3c0769c18c7c.tmp</t>
  </si>
  <si>
    <t>\\acsfs\profiles$\websondsa\Downloads\9ecddbf1-3fbe-4997-adc6-3c0769c18c7c.tmp</t>
  </si>
  <si>
    <t>01/14/2020 08:37:19</t>
  </si>
  <si>
    <t>0e34dce8-9dbd-4f9e-b8d7-6b7f17a5fdc6.tmp</t>
  </si>
  <si>
    <t>\\acsfs\profiles$\websondsa\Downloads\0e34dce8-9dbd-4f9e-b8d7-6b7f17a5fdc6.tmp</t>
  </si>
  <si>
    <t>01/14/2020 08:36:35</t>
  </si>
  <si>
    <t>01/14/2020 08:35:10</t>
  </si>
  <si>
    <t>criciavdo</t>
  </si>
  <si>
    <t>\\acsfs\profiles$\criciavdo\Downloads\</t>
  </si>
  <si>
    <t>35a3bf25-2730-4489-8a34-b93a9e71c425.tmp</t>
  </si>
  <si>
    <t>\\acsfs\profiles$\criciavdo\Downloads\35a3bf25-2730-4489-8a34-b93a9e71c425.tmp</t>
  </si>
  <si>
    <t>01/14/2020 08:35:49</t>
  </si>
  <si>
    <t>01/14/2020 08:39:35</t>
  </si>
  <si>
    <t>af345d35-2bd7-43be-9b7f-4dfe9cf98d58.tmp</t>
  </si>
  <si>
    <t>\\acsfs\profiles$\larissaad\Downloads\af345d35-2bd7-43be-9b7f-4dfe9cf98d58.tmp</t>
  </si>
  <si>
    <t>01/14/2020 08:37:48</t>
  </si>
  <si>
    <t>5411bac5-dfe0-4ae8-b7b0-0fcce310c2cc.tmp</t>
  </si>
  <si>
    <t>\\acsfs\profiles$\nayarasds\Downloads\5411bac5-dfe0-4ae8-b7b0-0fcce310c2cc.tmp</t>
  </si>
  <si>
    <t>01/14/2020 08:37:08</t>
  </si>
  <si>
    <t>cd380f22-5aec-4ab2-ab16-6c6c41775fb3.tmp</t>
  </si>
  <si>
    <t>\\acsfs\profiles$\leticiala\Downloads\cd380f22-5aec-4ab2-ab16-6c6c41775fb3.tmp</t>
  </si>
  <si>
    <t>01/14/2020 08:34:14</t>
  </si>
  <si>
    <t>01/14/2020 08:38:00</t>
  </si>
  <si>
    <t>10.200.67.29</t>
  </si>
  <si>
    <t>74-86-7A-FC-CF-37</t>
  </si>
  <si>
    <t>VOTORANT-IB005</t>
  </si>
  <si>
    <t>veronicalsr</t>
  </si>
  <si>
    <t>\\acsfs\profiles$\veronicalsr\My Documents\</t>
  </si>
  <si>
    <t>Colinha.txt</t>
  </si>
  <si>
    <t>\\acsfs\profiles$\veronicalsr\My Documents\Colinha.txt</t>
  </si>
  <si>
    <t>01/14/2020 08:36:39</t>
  </si>
  <si>
    <t>fbbb984d-8039-411f-bdcd-30e976e15e13.tmp</t>
  </si>
  <si>
    <t>\\acsfs\profiles$\wedersonbadr\My Documents\My Music\fbbb984d-8039-411f-bdcd-30e976e15e13.tmp</t>
  </si>
  <si>
    <t>01/14/2020 08:36:51</t>
  </si>
  <si>
    <t>df9bb48c-0419-4764-a5f1-8b5f9ad085b3.tmp</t>
  </si>
  <si>
    <t>\\acsfs\profiles$\wedersonbadr\My Documents\My Music\df9bb48c-0419-4764-a5f1-8b5f9ad085b3.tmp</t>
  </si>
  <si>
    <t>01/14/2020 08:40:34</t>
  </si>
  <si>
    <t>01/14/2020 08:35:42</t>
  </si>
  <si>
    <t>bc5b69f4-e25b-414c-b4c0-fe6042680e39.tmp</t>
  </si>
  <si>
    <t>\\acsfs\profiles$\victoriaksr\Downloads\bc5b69f4-e25b-414c-b4c0-fe6042680e39.tmp</t>
  </si>
  <si>
    <t>01/14/2020 08:36:10</t>
  </si>
  <si>
    <t>01/14/2020 08:36:57</t>
  </si>
  <si>
    <t>eb1462ae-38fd-48be-9698-e7c849a647b1.tmp</t>
  </si>
  <si>
    <t>\\acsfs\profiles$\victoriaksr\Downloads\eb1462ae-38fd-48be-9698-e7c849a647b1.tmp</t>
  </si>
  <si>
    <t>01/14/2020 08:35:23</t>
  </si>
  <si>
    <t>01/14/2020 08:35:27</t>
  </si>
  <si>
    <t>01/14/2020 08:35:57</t>
  </si>
  <si>
    <t>01/14/2020 08:38:12</t>
  </si>
  <si>
    <t>01/14/2020 08:39:04</t>
  </si>
  <si>
    <t>01/14/2020 08:39:05</t>
  </si>
  <si>
    <t>01/14/2020 08:40:12</t>
  </si>
  <si>
    <t>01/14/2020 08:40:13</t>
  </si>
  <si>
    <t>01/14/2020 08:41:34</t>
  </si>
  <si>
    <t>01/14/2020 08:37:17</t>
  </si>
  <si>
    <t>01/14/2020 08:37:47</t>
  </si>
  <si>
    <t>01/14/2020 08:40:17</t>
  </si>
  <si>
    <t>01/14/2020 08:40:47</t>
  </si>
  <si>
    <t>01/14/2020 08:41:09</t>
  </si>
  <si>
    <t>VIVIANA LEONEL DA SILVA_1_6777344933019847066_1_32.wav</t>
  </si>
  <si>
    <t>\\acsfs\Deptos\EDUCACAO EMPRESARIAL\KÉSIA\Ligações 2º ciclo - Janeiro 2020\VIVIANA LEONEL DA SILVA_1_6777344933019847066_1_32.wav</t>
  </si>
  <si>
    <t>01/14/2020 08:36:50</t>
  </si>
  <si>
    <t>01/14/2020 08:42:34</t>
  </si>
  <si>
    <t>01/14/2020 08:39:24</t>
  </si>
  <si>
    <t>8465a475-88b1-47d8-bf1d-bb8236a85cd1.tmp</t>
  </si>
  <si>
    <t>\\acsfs\profiles$\Angelicacldr\Downloads\8465a475-88b1-47d8-bf1d-bb8236a85cd1.tmp</t>
  </si>
  <si>
    <t>01/14/2020 08:40:58</t>
  </si>
  <si>
    <t>5c3bd888-6adc-40ca-9831-52aa068391b5.tmp</t>
  </si>
  <si>
    <t>\\acsfs\profiles$\Angelicacldr\Downloads\5c3bd888-6adc-40ca-9831-52aa068391b5.tmp</t>
  </si>
  <si>
    <t>01/14/2020 08:41:43</t>
  </si>
  <si>
    <t>2bbcebcb-14be-4c16-9776-87c99e784db7.tmp</t>
  </si>
  <si>
    <t>\\acsfs\profiles$\Angelicacldr\Downloads\2bbcebcb-14be-4c16-9776-87c99e784db7.tmp</t>
  </si>
  <si>
    <t>01/14/2020 08:43:34</t>
  </si>
  <si>
    <t>01/14/2020 08:39:20</t>
  </si>
  <si>
    <t>a62de880-d24b-41da-b97f-5ee2b5e4992b.tmp</t>
  </si>
  <si>
    <t>\\acsfs\profiles$\websondsa\Downloads\a62de880-d24b-41da-b97f-5ee2b5e4992b.tmp</t>
  </si>
  <si>
    <t>01/14/2020 08:42:15</t>
  </si>
  <si>
    <t>6468860a-4f32-4d29-8cb2-2bae79565f48.tmp</t>
  </si>
  <si>
    <t>\\acsfs\profiles$\websondsa\Downloads\6468860a-4f32-4d29-8cb2-2bae79565f48.tmp</t>
  </si>
  <si>
    <t>01/14/2020 08:42:17</t>
  </si>
  <si>
    <t>067fa803-37e8-42f3-8688-7157dc7690df.tmp</t>
  </si>
  <si>
    <t>\\acsfs\profiles$\websondsa\Downloads\067fa803-37e8-42f3-8688-7157dc7690df.tmp</t>
  </si>
  <si>
    <t>01/14/2020 08:42:19</t>
  </si>
  <si>
    <t>f6da46e3-9dd9-4396-991c-f6bafb7a29b7.tmp</t>
  </si>
  <si>
    <t>\\acsfs\profiles$\websondsa\Downloads\f6da46e3-9dd9-4396-991c-f6bafb7a29b7.tmp</t>
  </si>
  <si>
    <t>01/14/2020 08:41:44</t>
  </si>
  <si>
    <t>01/14/2020 08:44:34</t>
  </si>
  <si>
    <t>8b0cef72-c078-4c2c-96d4-97630ad0b26e.tmp</t>
  </si>
  <si>
    <t>\\acsfs\profiles$\gabrielaff\Downloads\8b0cef72-c078-4c2c-96d4-97630ad0b26e.tmp</t>
  </si>
  <si>
    <t>01/14/2020 08:41:39</t>
  </si>
  <si>
    <t>01/14/2020 08:45:34</t>
  </si>
  <si>
    <t>01/14/2020 08:41:51</t>
  </si>
  <si>
    <t>andrelpsa@algartech.com;joaogvc@algartech.com;leonardoao@algartech.com;marianadjc@algartech.com;maristelavodq@bv.algartech.com;paulacn@algartech.com;ricardodfm@algartech.com.br;taysdss@algartech.com;</t>
  </si>
  <si>
    <t>andrelpsa@algartech.com,joaogvc@algartech.com,leonardoao@algartech.com,marianadjc@algartech.com,maristelavodq@bv.algartech.com,paulacn@algartech.com,ricardodfm@algartech.com.br,taysdss@algartech.com</t>
  </si>
  <si>
    <t>01/14/2020 08:41:55</t>
  </si>
  <si>
    <t>01/14/2020 08:41:58</t>
  </si>
  <si>
    <t>01/14/2020 08:42:03</t>
  </si>
  <si>
    <t>01/14/2020 08:42:11</t>
  </si>
  <si>
    <t>01/14/2020 08:42:16</t>
  </si>
  <si>
    <t>01/14/2020 08:42:22</t>
  </si>
  <si>
    <t>mail.google.com/sync/u/0/i/s?hl=pt-BR&amp;c=310</t>
  </si>
  <si>
    <t>andrelpsa@algartech.com;joaogvc@algartech.com;katia.cardoso@bv.com.br;leonardoao@algartech.com;marianadjc@algartech.com;maristelavodq@bv.algartech.com;paulacn@algartech.com;ricardodfm@algartech.com.br;taysdss@algartech.com;</t>
  </si>
  <si>
    <t>andrelpsa@algartech.com,joaogvc@algartech.com,katia.cardoso@bv.com.br,leonardoao@algartech.com,marianadjc@algartech.com,maristelavodq@bv.algartech.com,paulacn@algartech.com,ricardodfm@algartech.com.br,taysdss@algartech.com</t>
  </si>
  <si>
    <t>01/14/2020 08:43:32</t>
  </si>
  <si>
    <t>01/14/2020 08:46:34</t>
  </si>
  <si>
    <t>01/14/2020 08:41:17</t>
  </si>
  <si>
    <t>01/14/2020 08:41:47</t>
  </si>
  <si>
    <t>01/14/2020 08:42:47</t>
  </si>
  <si>
    <t>01/14/2020 08:43:17</t>
  </si>
  <si>
    <t>01/14/2020 08:43:47</t>
  </si>
  <si>
    <t>01/14/2020 08:44:17</t>
  </si>
  <si>
    <t>01/14/2020 08:44:47</t>
  </si>
  <si>
    <t>01/14/2020 08:45:17</t>
  </si>
  <si>
    <t>01/14/2020 08:45:47</t>
  </si>
  <si>
    <t>01/14/2020 08:47:35</t>
  </si>
  <si>
    <t>01/14/2020 08:42:01</t>
  </si>
  <si>
    <t>f15ef821-9d30-4a5b-9f26-5a1e6b23483d.tmp</t>
  </si>
  <si>
    <t>\\acsfs\profiles$\Angelicacldr\Downloads\f15ef821-9d30-4a5b-9f26-5a1e6b23483d.tmp</t>
  </si>
  <si>
    <t>01/14/2020 08:42:25</t>
  </si>
  <si>
    <t>63b32708-32eb-465b-8267-711b5a9bd9ee.tmp</t>
  </si>
  <si>
    <t>\\acsfs\profiles$\Angelicacldr\Downloads\63b32708-32eb-465b-8267-711b5a9bd9ee.tmp</t>
  </si>
  <si>
    <t>01/14/2020 08:43:24</t>
  </si>
  <si>
    <t>957da422-db7c-490f-9daa-1e01321c9f3a.tmp</t>
  </si>
  <si>
    <t>\\acsfs\profiles$\Angelicacldr\Downloads\957da422-db7c-490f-9daa-1e01321c9f3a.tmp</t>
  </si>
  <si>
    <t>01/14/2020 08:43:49</t>
  </si>
  <si>
    <t>01/14/2020 08:43:59</t>
  </si>
  <si>
    <t>01/14/2020 08:46:13</t>
  </si>
  <si>
    <t>01/14/2020 08:48:34</t>
  </si>
  <si>
    <t>lu11748c87k.tmp</t>
  </si>
  <si>
    <t>\\acsfs\profiles$\BRUNAAR\Numero\lu11748c87k.tmp</t>
  </si>
  <si>
    <t>01/14/2020 08:49:34</t>
  </si>
  <si>
    <t>01/14/2020 08:45:27</t>
  </si>
  <si>
    <t>446da810-c001-45a6-8bb9-68634817f525.tmp</t>
  </si>
  <si>
    <t>\\acsfs\profiles$\wedersonbadr\My Documents\My Music\446da810-c001-45a6-8bb9-68634817f525.tmp</t>
  </si>
  <si>
    <t>01/14/2020 08:49:07</t>
  </si>
  <si>
    <t>33238e96-87cf-4998-9151-0db85a6a3cc0.tmp</t>
  </si>
  <si>
    <t>\\acsfs\profiles$\wedersonbadr\My Documents\My Music\33238e96-87cf-4998-9151-0db85a6a3cc0.tmp</t>
  </si>
  <si>
    <t>01/14/2020 08:50:34</t>
  </si>
  <si>
    <t>01/14/2020 08:48:31</t>
  </si>
  <si>
    <t>01/14/2020 08:45:44</t>
  </si>
  <si>
    <t>01/14/2020 08:45:54</t>
  </si>
  <si>
    <t>mail.google.com/sync/u/0/i/s?hl=pt-BR&amp;c=318</t>
  </si>
  <si>
    <t>01/14/2020 08:45:59</t>
  </si>
  <si>
    <t>01/14/2020 08:46:04</t>
  </si>
  <si>
    <t>mail.google.com/sync/u/0/i/s?hl=pt-BR&amp;c=322</t>
  </si>
  <si>
    <t>01/14/2020 08:47:36</t>
  </si>
  <si>
    <t>01/14/2020 08:47:48</t>
  </si>
  <si>
    <t>mail.google.com/_/upload?authuser=0&amp;dcp=asu-n&amp;upload_id=AEnB2Uo6YkuhDw5zoANNn2MUwx-PNLiRjPlT7DFl6SqUSh6SwSUoul7-5NBdEO4sS9sBWUdEBzrC5KnKtC2IH1ZIn6kyPPxM1Hz282EmqLy9q9tnorbC0PE&amp;upload_protocol=resumable</t>
  </si>
  <si>
    <t>01/14/2020 08:51:34</t>
  </si>
  <si>
    <t>01/14/2020 08:46:17</t>
  </si>
  <si>
    <t>01/14/2020 08:47:47</t>
  </si>
  <si>
    <t>01/14/2020 08:48:17</t>
  </si>
  <si>
    <t>01/14/2020 08:49:47</t>
  </si>
  <si>
    <t>01/14/2020 08:50:47</t>
  </si>
  <si>
    <t>01/14/2020 08:50:07</t>
  </si>
  <si>
    <t>FELIPE TOMAZ DA SILVA_1_6776950972849655735_1_32.wav</t>
  </si>
  <si>
    <t>\\acsfs\Deptos\EDUCACAO EMPRESARIAL\KÉSIA\Ligações 2º ciclo - Janeiro 2020\FELIPE TOMAZ DA SILVA_1_6776950972849655735_1_32.wav</t>
  </si>
  <si>
    <t>01/14/2020 08:49:51</t>
  </si>
  <si>
    <t>6e79c552-ecd6-458b-a71a-e6870f302e11.tmp</t>
  </si>
  <si>
    <t>\\acsfs\profiles$\THYAGOSP\Downloads\6e79c552-ecd6-458b-a71a-e6870f302e11.tmp</t>
  </si>
  <si>
    <t>01/14/2020 08:47:38</t>
  </si>
  <si>
    <t>01/14/2020 08:52:34</t>
  </si>
  <si>
    <t>01/14/2020 08:52:40</t>
  </si>
  <si>
    <t>01/14/2020 08:53:34</t>
  </si>
  <si>
    <t>a8891a9b-3570-40b5-a2fb-6d1e9507017d.tmp</t>
  </si>
  <si>
    <t>\\acsfs\profiles$\rafaelahpn\Downloads\a8891a9b-3570-40b5-a2fb-6d1e9507017d.tmp</t>
  </si>
  <si>
    <t>01/14/2020 08:53:08</t>
  </si>
  <si>
    <t>01/14/2020 08:54:34</t>
  </si>
  <si>
    <t>7591ba69-630f-428f-9591-f8681d193788.tmp</t>
  </si>
  <si>
    <t>\\acsfs\profiles$\larissaad\Downloads\7591ba69-630f-428f-9591-f8681d193788.tmp</t>
  </si>
  <si>
    <t>01/14/2020 08:53:11</t>
  </si>
  <si>
    <t>0232cb65-f67c-4d25-9def-2e7403b340e3.tmp</t>
  </si>
  <si>
    <t>\\acsfs\profiles$\larissaad\Downloads\0232cb65-f67c-4d25-9def-2e7403b340e3.tmp</t>
  </si>
  <si>
    <t>01/14/2020 08:50:05</t>
  </si>
  <si>
    <t>e1bc1892-42b4-4556-87bd-895b421a5d95.tmp</t>
  </si>
  <si>
    <t>\\acsfs\profiles$\wedersonbadr\My Documents\My Music\e1bc1892-42b4-4556-87bd-895b421a5d95.tmp</t>
  </si>
  <si>
    <t>01/14/2020 08:52:24</t>
  </si>
  <si>
    <t>74c4ca9c-c679-468d-87f5-edfded287a8a.tmp</t>
  </si>
  <si>
    <t>\\acsfs\profiles$\claudiajca\Downloads\74c4ca9c-c679-468d-87f5-edfded287a8a.tmp</t>
  </si>
  <si>
    <t>01/14/2020 08:52:47</t>
  </si>
  <si>
    <t>197579b4-f6e6-4d96-b590-ae3c2be224cf.tmp</t>
  </si>
  <si>
    <t>\\acsfs\profiles$\claudiajca\Downloads\197579b4-f6e6-4d96-b590-ae3c2be224cf.tmp</t>
  </si>
  <si>
    <t>01/14/2020 08:52:55</t>
  </si>
  <si>
    <t>69dd570f-cffd-4fe6-ab77-c6264cd5b4e9.tmp</t>
  </si>
  <si>
    <t>\\acsfs\profiles$\claudiajca\Downloads\69dd570f-cffd-4fe6-ab77-c6264cd5b4e9.tmp</t>
  </si>
  <si>
    <t>01/14/2020 08:51:03</t>
  </si>
  <si>
    <t>01/14/2020 08:55:34</t>
  </si>
  <si>
    <t>01/14/2020 08:51:13</t>
  </si>
  <si>
    <t>01/14/2020 08:54:51</t>
  </si>
  <si>
    <t>41c90d4d-005d-431a-8df1-15e75a8b530a.tmp</t>
  </si>
  <si>
    <t>\\acsfs\profiles$\quindaizaagds\Downloads\41c90d4d-005d-431a-8df1-15e75a8b530a.tmp</t>
  </si>
  <si>
    <t>01/14/2020 08:55:01</t>
  </si>
  <si>
    <t>d413dc28-2325-40e6-8647-fd4ad7014d53.tmp</t>
  </si>
  <si>
    <t>\\acsfs\profiles$\quindaizaagds\Downloads\d413dc28-2325-40e6-8647-fd4ad7014d53.tmp</t>
  </si>
  <si>
    <t>01/14/2020 08:55:02</t>
  </si>
  <si>
    <t>daf8e155-1647-4b01-a888-935881600eff.tmp</t>
  </si>
  <si>
    <t>\\acsfs\profiles$\quindaizaagds\Downloads\daf8e155-1647-4b01-a888-935881600eff.tmp</t>
  </si>
  <si>
    <t>01/14/2020 08:52:16</t>
  </si>
  <si>
    <t>a7eb4219-bfa5-4c2d-a7e8-4ae2aebb78cd.tmp</t>
  </si>
  <si>
    <t>\\acsfs\profiles$\ANAPDSB\Downloads\a7eb4219-bfa5-4c2d-a7e8-4ae2aebb78cd.tmp</t>
  </si>
  <si>
    <t>01/14/2020 08:55:15</t>
  </si>
  <si>
    <t>01/14/2020 08:56:34</t>
  </si>
  <si>
    <t>01/14/2020 08:57:05</t>
  </si>
  <si>
    <t>01/14/2020 08:57:34</t>
  </si>
  <si>
    <t>6a8aa5fa-a0c5-4ace-be8c-79124cae4a34.tmp</t>
  </si>
  <si>
    <t>\\acsfs\profiles$\danielmlds\Downloads\6a8aa5fa-a0c5-4ace-be8c-79124cae4a34.tmp</t>
  </si>
  <si>
    <t>01/14/2020 08:58:33</t>
  </si>
  <si>
    <t>01/14/2020 08:57:21</t>
  </si>
  <si>
    <t>01/14/2020 08:57:22</t>
  </si>
  <si>
    <t>lu11748c87n.tmp</t>
  </si>
  <si>
    <t>\\acsfs\profiles$\BRUNAAR\Numero\lu11748c87n.tmp</t>
  </si>
  <si>
    <t>01/14/2020 09:00:34</t>
  </si>
  <si>
    <t>01/14/2020 08:55:07</t>
  </si>
  <si>
    <t>24348750-ee23-4d31-b8ca-1adbec287771.tmp</t>
  </si>
  <si>
    <t>\\acsfs\profiles$\quindaizaagds\Downloads\24348750-ee23-4d31-b8ca-1adbec287771.tmp</t>
  </si>
  <si>
    <t>01/14/2020 08:55:57</t>
  </si>
  <si>
    <t>mail.google.com/sync/u/0/i/s?hl=pt-BR&amp;c=8</t>
  </si>
  <si>
    <t>01/14/2020 08:56:13</t>
  </si>
  <si>
    <t>01/14/2020 08:56:17</t>
  </si>
  <si>
    <t>01/14/2020 08:56:30</t>
  </si>
  <si>
    <t>01/14/2020 08:56:36</t>
  </si>
  <si>
    <t>01/14/2020 08:59:24</t>
  </si>
  <si>
    <t>01/14/2020 08:59:45</t>
  </si>
  <si>
    <t>01/14/2020 09:00:03</t>
  </si>
  <si>
    <t>01/14/2020 09:00:19</t>
  </si>
  <si>
    <t>01/14/2020 09:01:34</t>
  </si>
  <si>
    <t>01/14/2020 08:56:18</t>
  </si>
  <si>
    <t>01/14/2020 08:56:48</t>
  </si>
  <si>
    <t>01/14/2020 08:57:18</t>
  </si>
  <si>
    <t>01/14/2020 08:56:08</t>
  </si>
  <si>
    <t>517a4ad0-ac97-47ee-9ea6-6b9f3a9a2307.tmp</t>
  </si>
  <si>
    <t>\\acsfs\profiles$\gabriellalpr\Downloads\517a4ad0-ac97-47ee-9ea6-6b9f3a9a2307.tmp</t>
  </si>
  <si>
    <t>01/14/2020 08:56:32</t>
  </si>
  <si>
    <t>95039d78-646d-482b-bf63-33effafea449.tmp</t>
  </si>
  <si>
    <t>\\acsfs\profiles$\gabriellalpr\Downloads\95039d78-646d-482b-bf63-33effafea449.tmp</t>
  </si>
  <si>
    <t>01/14/2020 08:57:00</t>
  </si>
  <si>
    <t>cbe15587-2c29-4bfc-bd20-de4b3336612a.tmp</t>
  </si>
  <si>
    <t>\\acsfs\profiles$\gabriellalpr\Downloads\cbe15587-2c29-4bfc-bd20-de4b3336612a.tmp</t>
  </si>
  <si>
    <t>01/14/2020 08:57:51</t>
  </si>
  <si>
    <t>8e2c7c12-66b4-4d79-8fe7-8f76f9b458a0.tmp</t>
  </si>
  <si>
    <t>\\acsfs\profiles$\gabriellalpr\Downloads\8e2c7c12-66b4-4d79-8fe7-8f76f9b458a0.tmp</t>
  </si>
  <si>
    <t>01/14/2020 09:02:34</t>
  </si>
  <si>
    <t>01/14/2020 08:58:18</t>
  </si>
  <si>
    <t>6f8b6c73-7270-4fff-9cc1-4f1edcbec684.tmp</t>
  </si>
  <si>
    <t>\\acsfs\profiles$\danielmlds\Downloads\6f8b6c73-7270-4fff-9cc1-4f1edcbec684.tmp</t>
  </si>
  <si>
    <t>01/14/2020 09:03:34</t>
  </si>
  <si>
    <t>01/14/2020 08:59:11</t>
  </si>
  <si>
    <t>85ed9b66-8edc-4c1f-a8ec-7f65a0b2db71.tmp</t>
  </si>
  <si>
    <t>\\acsfs\profiles$\rafaelamsv\Downloads\85ed9b66-8edc-4c1f-a8ec-7f65a0b2db71.tmp</t>
  </si>
  <si>
    <t>01/14/2020 08:59:12</t>
  </si>
  <si>
    <t>1699146c-f2f8-4f5c-90d0-2c0be2bfeed6.tmp</t>
  </si>
  <si>
    <t>\\acsfs\profiles$\rafaelamsv\Downloads\1699146c-f2f8-4f5c-90d0-2c0be2bfeed6.tmp</t>
  </si>
  <si>
    <t>01/14/2020 09:04:35</t>
  </si>
  <si>
    <t>01/14/2020 09:00:32</t>
  </si>
  <si>
    <t>763a2810-ee53-4c19-88d0-98623908f8bd.tmp</t>
  </si>
  <si>
    <t>\\acsfs\profiles$\paulovadc\Downloads\763a2810-ee53-4c19-88d0-98623908f8bd.tmp</t>
  </si>
  <si>
    <t>01/14/2020 09:05:34</t>
  </si>
  <si>
    <t>01/14/2020 09:00:27</t>
  </si>
  <si>
    <t>01/14/2020 09:00:30</t>
  </si>
  <si>
    <t>01/14/2020 09:00:51</t>
  </si>
  <si>
    <t>01/14/2020 09:01:06</t>
  </si>
  <si>
    <t>01/14/2020 09:01:21</t>
  </si>
  <si>
    <t>01/14/2020 09:01:24</t>
  </si>
  <si>
    <t>01/14/2020 09:01:39</t>
  </si>
  <si>
    <t>01/14/2020 09:06:34</t>
  </si>
  <si>
    <t>01/14/2020 09:07:34</t>
  </si>
  <si>
    <t>01/14/2020 09:06:52</t>
  </si>
  <si>
    <t>fedbb2dc-acba-41db-bdf5-2a9f0f9ccd61.tmp</t>
  </si>
  <si>
    <t>\\acsfs\profiles$\kellzylenneasr\Downloads\fedbb2dc-acba-41db-bdf5-2a9f0f9ccd61.tmp</t>
  </si>
  <si>
    <t>01/14/2020 09:08:34</t>
  </si>
  <si>
    <t>01/14/2020 09:06:55</t>
  </si>
  <si>
    <t>01/14/2020 09:09:34</t>
  </si>
  <si>
    <t>thiagolrc</t>
  </si>
  <si>
    <t>http://erp.algartech.com/techonline/workflow/postupload.aspx?tp=add&amp;info_s=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</t>
  </si>
  <si>
    <t>C:\Users\thiagolrc\Documents\</t>
  </si>
  <si>
    <t>Pasta 5.xlsx</t>
  </si>
  <si>
    <t>01/14/2020 09:07:20</t>
  </si>
  <si>
    <t>01/14/2020 09:10:07</t>
  </si>
  <si>
    <t>01/14/2020 09:10:34</t>
  </si>
  <si>
    <t>01/14/2020 09:10:08</t>
  </si>
  <si>
    <t>01/14/2020 09:11:35</t>
  </si>
  <si>
    <t>01/14/2020 09:07:25</t>
  </si>
  <si>
    <t>01/14/2020 09:12:34</t>
  </si>
  <si>
    <t>01/14/2020 09:07:26</t>
  </si>
  <si>
    <t>01/14/2020 09:07:39</t>
  </si>
  <si>
    <t>01/14/2020 09:07:40</t>
  </si>
  <si>
    <t>01/14/2020 09:07:58</t>
  </si>
  <si>
    <t>01/14/2020 09:07:59</t>
  </si>
  <si>
    <t>139311b4-c863-4ca4-afe0-563eecd14261.tmp</t>
  </si>
  <si>
    <t>\\acsfs\profiles$\kellzylenneasr\Downloads\139311b4-c863-4ca4-afe0-563eecd14261.tmp</t>
  </si>
  <si>
    <t>01/14/2020 09:10:01</t>
  </si>
  <si>
    <t>01/14/2020 09:10:02</t>
  </si>
  <si>
    <t>01/14/2020 09:10:50</t>
  </si>
  <si>
    <t>01/14/2020 09:13:35</t>
  </si>
  <si>
    <t>01/14/2020 09:10:51</t>
  </si>
  <si>
    <t>lu11748c87r.tmp</t>
  </si>
  <si>
    <t>\\acsfs\profiles$\BRUNAAR\Numero\lu11748c87r.tmp</t>
  </si>
  <si>
    <t>01/14/2020 09:08:09</t>
  </si>
  <si>
    <t>8eb7acf5-93d3-4390-8ae6-0cf376581252.tmp</t>
  </si>
  <si>
    <t>\\acsfs\profiles$\gabrielhca\Downloads\8eb7acf5-93d3-4390-8ae6-0cf376581252.tmp</t>
  </si>
  <si>
    <t>01/14/2020 09:08:11</t>
  </si>
  <si>
    <t>8e7c4a23-5125-437e-851b-02fce4e8dd42.tmp</t>
  </si>
  <si>
    <t>\\acsfs\profiles$\gabrielhca\Downloads\8e7c4a23-5125-437e-851b-02fce4e8dd42.tmp</t>
  </si>
  <si>
    <t>01/14/2020 09:08:18</t>
  </si>
  <si>
    <t>23db43ea-75a5-4deb-acb7-a74b801ec01b.tmp</t>
  </si>
  <si>
    <t>\\acsfs\profiles$\gabrielhca\Downloads\23db43ea-75a5-4deb-acb7-a74b801ec01b.tmp</t>
  </si>
  <si>
    <t>ec00a61d-7e3c-407d-ba52-19b00f35ab33.tmp</t>
  </si>
  <si>
    <t>\\acsfs\profiles$\gabrielhca\Downloads\ec00a61d-7e3c-407d-ba52-19b00f35ab33.tmp</t>
  </si>
  <si>
    <t>01/14/2020 09:13:04</t>
  </si>
  <si>
    <t>01/14/2020 09:14:34</t>
  </si>
  <si>
    <t>fc81a73b-b6e9-4b17-9066-d591e80a5d1e.tmp</t>
  </si>
  <si>
    <t>\\acsfs\profiles$\nathaliarmr\Downloads\fc81a73b-b6e9-4b17-9066-d591e80a5d1e.tmp</t>
  </si>
  <si>
    <t>01/14/2020 09:13:38</t>
  </si>
  <si>
    <t>6e58e1c9-aeea-4e20-9b5d-a22872c47c51.tmp</t>
  </si>
  <si>
    <t>\\acsfs\profiles$\leticiala\Downloads\6e58e1c9-aeea-4e20-9b5d-a22872c47c51.tmp</t>
  </si>
  <si>
    <t>01/14/2020 09:15:12</t>
  </si>
  <si>
    <t>01/14/2020 09:15:35</t>
  </si>
  <si>
    <t>01/14/2020 09:13:12</t>
  </si>
  <si>
    <t>01/14/2020 09:13:25</t>
  </si>
  <si>
    <t>01/14/2020 09:15:10</t>
  </si>
  <si>
    <t>01/14/2020 09:10:59</t>
  </si>
  <si>
    <t>01/14/2020 09:11:11</t>
  </si>
  <si>
    <t>01/14/2020 09:12:59</t>
  </si>
  <si>
    <t>01/14/2020 09:16:35</t>
  </si>
  <si>
    <t>01/14/2020 09:11:50</t>
  </si>
  <si>
    <t>1d686381-ca0e-48ec-bd49-c69853c147cb.tmp</t>
  </si>
  <si>
    <t>\\acsfs\profiles$\cintiadcf\Downloads\1d686381-ca0e-48ec-bd49-c69853c147cb.tmp</t>
  </si>
  <si>
    <t>01/14/2020 09:11:52</t>
  </si>
  <si>
    <t>af689dfb-8e30-4b1b-8ea6-4f8336103b92.tmp</t>
  </si>
  <si>
    <t>\\acsfs\profiles$\cintiadcf\Downloads\af689dfb-8e30-4b1b-8ea6-4f8336103b92.tmp</t>
  </si>
  <si>
    <t>01/14/2020 09:12:10</t>
  </si>
  <si>
    <t>01/14/2020 09:11:41</t>
  </si>
  <si>
    <t>\\acsfs\Deptos\Operacao\Banco_Votorantim\Supervisao\Maristela\CRBV vendas\Desligamento\Q29udHJvbGxlci5BQ09NLVNvdUJWXzE-.ica.crdownload</t>
  </si>
  <si>
    <t>01/14/2020 09:11:47</t>
  </si>
  <si>
    <t>\\acsfs\Deptos\Operacao\Banco_Votorantim\Supervisao\Maristela\CRBV vendas\Desligamento\Q29udHJvbGxlci5TQUNBLVNBQy1UUkFDRV8x.ica.crdownload</t>
  </si>
  <si>
    <t>01/14/2020 09:11:53</t>
  </si>
  <si>
    <t>Q29udHJvbGxlci5Xb3Jrc3BhY2UtRGVza3RvcC1F.ica.crdownload</t>
  </si>
  <si>
    <t>\\acsfs\Deptos\Operacao\Banco_Votorantim\Supervisao\Maristela\CRBV vendas\Desligamento\Q29udHJvbGxlci5Xb3Jrc3BhY2UtRGVza3RvcC1F.ica.crdownload</t>
  </si>
  <si>
    <t>01/14/2020 09:13:50</t>
  </si>
  <si>
    <t>01/14/2020 09:12:23</t>
  </si>
  <si>
    <t>KELLZYLENE APARECIDA SILVA RABELO_1_6778148749034204625_1_32.wav</t>
  </si>
  <si>
    <t>\\acsfs\Deptos\EDUCACAO EMPRESARIAL\KÉSIA\Ligações 2º ciclo - Janeiro 2020\KELLZYLENE APARECIDA SILVA RABELO_1_6778148749034204625_1_32.wav</t>
  </si>
  <si>
    <t>01/14/2020 09:18:35</t>
  </si>
  <si>
    <t>01/14/2020 09:15:22</t>
  </si>
  <si>
    <t>http:///batch?%24ct=multipart%2Fmixed%3B%20boundary%3D%22%3D%3D%3D%3D%3D8q4nwnej2r18%3D%3D%3D%3D%3D%22&amp;key=AIzaSyAy9VVXHSpS2IJpptzYtGbLP3-3_l0aBk4</t>
  </si>
  <si>
    <t>"mozilla/5.0 (windows nt 6.1) applewebkit/537.36 (khtml;&amp;_x001A_&amp;y(�_�z_x0010_^txl4l�v|�qa0�2�k�țtxl4l��|�qa0�2��'�_x0015__x0016__x0013_ _x0013_;&amp;_x001A_&amp;y(�_���*;&amp;_x001A_&amp;z;&gt;@���h�i�.`��_x0001_��f�wn�jfj �p]�_x001A_;&amp;_x001A_&amp;zi~b_x0017_b���h�i(�_x0002_��a�e��o�*;0] _x0018_�2_x0007_c-4e;0]\\\\\\\��� &lt;l;0]\\\\\\�*� &lt;l;0]l;0]thon-35.pyc;1;119;126;13;13700014;13700109;13700109�;13700185;13700451;13700951;13701207;13701298;13701422;13701430;13701450;13701506;13701537;13701573;13701577;13701625;13701657;13701693;13701693�;13701749;13701825;13701901;13701905;13701957;13701969;13702068;13702088;138;142961685;153;155;1578930052848000;1578930058554000;1578958057528;1578965581932;1578967688903;1578971301444;1578975962847;1578976564592;1579001247369;1ya5yrwelrso-yxib3ctz0mdjsqkh2uffmn2kfrmynlkfp2vhk5vxrjlyzc1nx1i8okgrxz4hh9fxnqqavexbjgszjfxng_3tikapcccza7s5nl0iiv528sipt3_n6smfvjyvnmz5gmbld86jsedcdqpnbowbtwaejdtwlwiwyazylw418myzkyijnlherxkuhkwira5leptyvbqa_jzeya8qcole_gvg3bkvh4xosewrhwsbq\";1ya5yrwelrso-yxib3ctz0mdjsqkh2uffmn2kfrmynlkfp2vhk5vxrjlyzc1nx1i8okgrxz4hh9fxnqqavexbjgszjfxng_3tikapcccza7s5nl0iiv528s</t>
  </si>
  <si>
    <t>http://"mozilla/5.0 (windows nt 6.1) applewebkit/537.36 (khtml,&amp;_x001A_&amp;y(�_���*,&amp;_x001A_&amp;y(�_�z_x0010_^txl4l�v|�qa0�2�k�țtxl4l��|�qa0�2��'�_x0015__x0016__x0013_ _x0013_,&amp;_x001A_&amp;z;&gt;@���h�i�.`��_x0001_��f�wn�jfj �p]�_x001A_,&amp;_x001A_&amp;zi~b_x0017_b���h�i(�_x0002_��a�e��o�*,0] _x0018_�2_x0007_c-4e,0]\\\\\\\��� &lt;l,0]\\\\\\�*� &lt;l,0]l,0]thon-35.pyc,1,119,126,13,13700014,13700109,13700109�,13700185,13700451,13700951,13701207,13701298,13701422,13701430,13701450,13701506,13701537,13701573,13701577,13701625,13701657,13701693,13701693�,13701693�,13701749,13701825,13701901,13701905,13701957,13701969,13702068,13702088,138,142961685,153,155,1578930052848000,1578930058554000,1578958057528,1578965581932,1578967688903,1578971301444,1578975962847,1578976564592,1579001247369,1ya5yrwelrso-yxib3ctz0mdjsqkh2uffmn2kfrmynlkfp2vhk5vxrjlyzc1nx1i8okgrxz4hh9fxnqqavexbjgszjfxng_3tikapcccza7s5nl0iiv528sipt3_n6smfvjyvnmz5gmbld86jsedcdqpnbowbtwaejdtwlwiwyazylw418myzkyijnlherxkuhkwira5leptyvbqa_jzeya8qcole_gvg3bkvh4xosewrhwsbq\",1ya5yrwelrso-yxib3ctz0mdjsqkh2uffmn2kfrmynlkfp2vhk5vxrjlyzc1nx1i8okgrxz4hh9fxnqqavexbjgszjfxng_3tikapc</t>
  </si>
  <si>
    <t>01/14/2020 09:15:23</t>
  </si>
  <si>
    <t>http:///batch?%24ct=multipart%2Fmixed%3B%20boundary%3D%22%3D%3D%3D%3D%3Dzdo3ypufp4dg%3D%3D%3D%3D%3D%22&amp;key=AIzaSyAy9VVXHSpS2IJpptzYtGbLP3-3_l0aBk4</t>
  </si>
  <si>
    <t>01/14/2020 09:15:24</t>
  </si>
  <si>
    <t>http:///batch?%24ct=multipart%2Fmixed%3B%20boundary%3D%22%3D%3D%3D%3D%3Dpn71nocmzqex%3D%3D%3D%3D%3D%22&amp;key=AIzaSyAy9VVXHSpS2IJpptzYtGbLP3-3_l0aBk4</t>
  </si>
  <si>
    <t>01/14/2020 09:16:52</t>
  </si>
  <si>
    <t>01/14/2020 09:19:35</t>
  </si>
  <si>
    <t>01/14/2020 09:16:57</t>
  </si>
  <si>
    <t>01/14/2020 09:14:59</t>
  </si>
  <si>
    <t>01/14/2020 09:15:00</t>
  </si>
  <si>
    <t>01/14/2020 09:15:01</t>
  </si>
  <si>
    <t>01/14/2020 09:15:02</t>
  </si>
  <si>
    <t>01/14/2020 09:15:03</t>
  </si>
  <si>
    <t>01/14/2020 09:15:04</t>
  </si>
  <si>
    <t>01/14/2020 09:15:05</t>
  </si>
  <si>
    <t>01/14/2020 09:15:06</t>
  </si>
  <si>
    <t>01/14/2020 09:15:07</t>
  </si>
  <si>
    <t>01/14/2020 09:15:08</t>
  </si>
  <si>
    <t>01/14/2020 09:15:09</t>
  </si>
  <si>
    <t>01/14/2020 09:15:11</t>
  </si>
  <si>
    <t>01/14/2020 09:15:13</t>
  </si>
  <si>
    <t>01/14/2020 09:15:14</t>
  </si>
  <si>
    <t>01/14/2020 09:15:15</t>
  </si>
  <si>
    <t>01/14/2020 09:20:35</t>
  </si>
  <si>
    <t>01/14/2020 09:17:55</t>
  </si>
  <si>
    <t>9b635ec8-a4d5-4777-9449-9635a6b1f2c9.tmp</t>
  </si>
  <si>
    <t>\\acsfs\profiles$\mariajra\Downloads\9b635ec8-a4d5-4777-9449-9635a6b1f2c9.tmp</t>
  </si>
  <si>
    <t>01/14/2020 09:17:58</t>
  </si>
  <si>
    <t>01/14/2020 09:18:30</t>
  </si>
  <si>
    <t>01/14/2020 09:19:29</t>
  </si>
  <si>
    <t>01/14/2020 09:21:35</t>
  </si>
  <si>
    <t>01/14/2020 09:17:19</t>
  </si>
  <si>
    <t>01/14/2020 09:20:19</t>
  </si>
  <si>
    <t>01/14/2020 09:18:24</t>
  </si>
  <si>
    <t>01/14/2020 09:23:35</t>
  </si>
  <si>
    <t>http:///batch?%24ct=multipart%2Fmixed%3B%20boundary%3D%22%3D%3D%3D%3D%3Dtsh76mhv4aba%3D%3D%3D%3D%3D%22&amp;key=AIzaSyAy9VVXHSpS2IJpptzYtGbLP3-3_l0aBk4</t>
  </si>
  <si>
    <t>"mozilla/5.0 (windows nt 6.1) applewebkit/537.36 (khtml;0;0]22] �_x0003_�_x0006_(�?_x0007_�=�_x0006_9995;0]l;0]ll;1;13;13700014;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882896000;1578915886959000;1578930052848000;1578930058554000;1578930666787;1578940598260;1579002887516;17;1ya5yrwelrso-yxib3ctz0mdjsqkh2uffmn2kfrmynlkfp2vhk5vxrjlyzc1nx1i8okgrxz4hh9fxnqqavexbjgszjfxng_3tikapcccza7s5nl0iiv528sipt3_n6smfvjyvnmz5gmbld86jsedcdqpnbowbtwaejdtwlwiwyazylw418myzkyijnlherxkuhkwirbqlept6sanr3_vj4pcle54yuxc5co3rrqng4zvif1xww\";242;3;36;4;</t>
  </si>
  <si>
    <t>http://"mozilla/5.0 (windows nt 6.1) applewebkit/537.36 (khtml,0,0]22] �_x0003_�_x0006_(�?_x0007_�=�_x0006_9995,0]l,0]ll,1,13,13700014,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882896000,1578915886959000,1578930052848000,1578930058554000,1578930666787,1578940598260,1579002887516,17,1ya5yrwelrso-yxib3ctz0mdjsqkh2uffmn2kfrmynlkfp2vhk5vxrjlyzc1nx1i8okgrxz4hh9fxnqqavexbjgszjfxng_3tikapcccza7s5nl0iiv528sipt3_n6smfvjyvnmz5gmbld86jsedcdqpnbowbtwaejdtwlwiwyazylw418myzkyijnlherxkuhkwirbqlept6sanr3_vj4pcle54yuxc5co3rrqng4zvif1xww\",242,</t>
  </si>
  <si>
    <t>01/14/2020 09:18:25</t>
  </si>
  <si>
    <t>http:///batch?%24ct=multipart%2Fmixed%3B%20boundary%3D%22%3D%3D%3D%3D%3Dwk1a10o4pzvu%3D%3D%3D%3D%3D%22&amp;key=AIzaSyAy9VVXHSpS2IJpptzYtGbLP3-3_l0aBk4</t>
  </si>
  <si>
    <t>01/14/2020 09:18:26</t>
  </si>
  <si>
    <t>http:///batch?%24ct=multipart%2Fmixed%3B%20boundary%3D%22%3D%3D%3D%3D%3Dg8iefee1lwxo%3D%3D%3D%3D%3D%22&amp;key=AIzaSyAy9VVXHSpS2IJpptzYtGbLP3-3_l0aBk4</t>
  </si>
  <si>
    <t>_x0003_���_x001C_x�*x_x0006_��e`y_x000E_;"mozilla/5.0 (windows nt 6.1) applewebkit/537.36 (khtml;0;0]22] �_x0003_�_x0006_(�?_x0007_�=�_x0006_9995;0]l;0]ll;1;13;13700014;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882896000;1578915886959000;1578930052848000;1578930058554000;1578930666787;1578940598260;1579002887516;17;1ya5yrwelrso-yxib3ctz0mdjsqkh2uffmn2kfrmynlkfp2vhk5vxrjlyzc1nx1i8okgrxz4hh9fxnqqavexbjgszjfxng_3tikapcccza7s5nl0iiv528sipt3_n6smfvjyvnmz5gmbld86jsedcdqpnbowbtwaejdtwlwiwyazylw418myzkyijnlherxkuhkwirbqlept6sanr3_vj4pcle54yuxc5co3rrqng4zvif1</t>
  </si>
  <si>
    <t>http://_x0003_���_x001C_x�*x_x0006_��e`y_x000E_,"mozilla/5.0 (windows nt 6.1) applewebkit/537.36 (khtml,0,0]22] �_x0003_�_x0006_(�?_x0007_�=�_x0006_9995,0]l,0]ll,1,13,13700014,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882896000,1578915886959000,1578930052848000,1578930058554000,1578930666787,1578940598260,1579002887516,17,1ya5yrwelrso-yxib3ctz0mdjsqkh2uffmn2kfrmynlkfp2vhk5vxrjlyzc1nx1i8okgrxz4hh9fxnqqavexbjgszjfxng_3tikapcccza7s5nl0iiv528sipt3_n6smfvjyvnmz5gmbld86jsedcdqpnbowbtwaejdtwlwiwyazylw418myzkyijnlherxkuhkwirbqlept6sanr3_vj4pcle54yuxc5co3rrqn</t>
  </si>
  <si>
    <t>01/14/2020 09:21:14</t>
  </si>
  <si>
    <t>3f8575c1-bc69-450b-ba69-a912e0309a65.tmp</t>
  </si>
  <si>
    <t>\\acsfs\profiles$\gabrielsma\Downloads\3f8575c1-bc69-450b-ba69-a912e0309a65.tmp</t>
  </si>
  <si>
    <t>01/14/2020 09:21:39</t>
  </si>
  <si>
    <t>Não confirmado 795662.crdownload</t>
  </si>
  <si>
    <t>\\acsfs\ACS\Gabriel da Silva\Contemporânea\VENDAS\Não confirmado 795662.crdownload</t>
  </si>
  <si>
    <t>65309f96-b5df-4fb4-a8e8-ed43720d2457.tmp</t>
  </si>
  <si>
    <t>\\acsfs\profiles$\gabrielsma\Downloads\65309f96-b5df-4fb4-a8e8-ed43720d2457.tmp</t>
  </si>
  <si>
    <t>Não confirmado 547075.crdownload</t>
  </si>
  <si>
    <t>\\acsfs\ACS\Gabriel da Silva\Contemporânea\VENDAS\Não confirmado 547075.crdownload</t>
  </si>
  <si>
    <t>01/14/2020 09:22:19</t>
  </si>
  <si>
    <t>01/14/2020 09:22:00</t>
  </si>
  <si>
    <t>d71540c8-002a-4d06-8984-ac4a8e119765.tmp</t>
  </si>
  <si>
    <t>\\acsfs\profiles$\ERICALSR\Downloads\d71540c8-002a-4d06-8984-ac4a8e119765.tmp</t>
  </si>
  <si>
    <t>01/14/2020 09:23:58</t>
  </si>
  <si>
    <t>01/14/2020 09:25:35</t>
  </si>
  <si>
    <t>.~lock.Planilha Vendas.ods#</t>
  </si>
  <si>
    <t>\\acsfs\profiles$\dhiulliananads\My Documents\.~lock.Planilha Vendas.ods#</t>
  </si>
  <si>
    <t>01/14/2020 09:24:49</t>
  </si>
  <si>
    <t>mail.google.com/sync/u/0/i/s?hl=pt-BR&amp;c=360</t>
  </si>
  <si>
    <t>andrelpsa@algartech.com;joaogvc@algartech.com;leonardoao@algartech.com;marianadjc@algartech.com;maristelavodq@bv.algartech.com;paulacn@algartech.com;planejamentodeoperacoesetrafego@bv.com.br;raphaelmco@algartech.com.br;ricardodfm@algartech.com.br;taysdss@algartech.com;viniciussg@algartech.com;</t>
  </si>
  <si>
    <t>andrelpsa@algartech.com,joaogvc@algartech.com,leonardoao@algartech.com,marianadjc@algartech.com,maristelavodq@bv.algartech.com,paulacn@algartech.com,planejamentodeoperacoesetrafego@bv.com.br,raphaelmco@algartech.com.br,ricardodfm@algartech.com.br,taysdss@algartech.com,viniciussg@algartech.com</t>
  </si>
  <si>
    <t>01/14/2020 09:24:52</t>
  </si>
  <si>
    <t>01/14/2020 09:25:11</t>
  </si>
  <si>
    <t>01/14/2020 09:26:35</t>
  </si>
  <si>
    <t>01/14/2020 09:22:49</t>
  </si>
  <si>
    <t>01/14/2020 09:23:19</t>
  </si>
  <si>
    <t>01/14/2020 09:23:49</t>
  </si>
  <si>
    <t>01/14/2020 09:21:28</t>
  </si>
  <si>
    <t>01/14/2020 09:23:48</t>
  </si>
  <si>
    <t>mail.google.com/_/upload?authuser=0&amp;dcp=asu-n&amp;upload_id=AEnB2UrS-Vw7JT1h1kBZr82X238X0BWyIyZuOE-VO-FOubMZROXE34cauggTgxHVNAOcWhwGPydJfp2DbG42gksrBWKyI_1k3W10W_1h1PEN2KyuV9v1oiI&amp;upload_protocol=resumable</t>
  </si>
  <si>
    <t>01/14/2020 09:25:55</t>
  </si>
  <si>
    <t>01/14/2020 09:23:18</t>
  </si>
  <si>
    <t>01/14/2020 09:28:35</t>
  </si>
  <si>
    <t>01/14/2020 09:25:46</t>
  </si>
  <si>
    <t>\\acsfs\ACS\Gabriel da Silva\Contemporânea\BDBV\6C6E7C26.tmp\</t>
  </si>
  <si>
    <t>\\acsfs\ACS\Gabriel da Silva\Contemporânea\BDBV\6C6E7C26.tmp\:Zone.Identifier:$DATA</t>
  </si>
  <si>
    <t>01/14/2020 09:25:47</t>
  </si>
  <si>
    <t>01/14/2020 09:26:59</t>
  </si>
  <si>
    <t>b2399f30-0016-4188-8185-1b0c3d9cd851.tmp</t>
  </si>
  <si>
    <t>\\acsfs\profiles$\gabrielsma\Downloads\b2399f30-0016-4188-8185-1b0c3d9cd851.tmp</t>
  </si>
  <si>
    <t>01/14/2020 09:27:07</t>
  </si>
  <si>
    <t>Não confirmado 570762.crdownload</t>
  </si>
  <si>
    <t>\\acsfs\ACS\Gabriel da Silva\Contemporânea\Acessos\Não confirmado 570762.crdownload</t>
  </si>
  <si>
    <t>01/14/2020 09:29:35</t>
  </si>
  <si>
    <t>01/14/2020 09:29:13</t>
  </si>
  <si>
    <t>19f59c6b-0d4d-4efe-9fc6-457f20485f16.tmp</t>
  </si>
  <si>
    <t>\\acsfs\profiles$\wedersonbadr\My Documents\My Music\19f59c6b-0d4d-4efe-9fc6-457f20485f16.tmp</t>
  </si>
  <si>
    <t>01/14/2020 09:26:02</t>
  </si>
  <si>
    <t>01/14/2020 09:30:35</t>
  </si>
  <si>
    <t>01/14/2020 09:26:03</t>
  </si>
  <si>
    <t>lu12468p6xk0.tmp</t>
  </si>
  <si>
    <t>\\acsfs\profiles$\dhiulliananads\My Documents\lu12468p6xk0.tmp</t>
  </si>
  <si>
    <t>\\acsfs\profiles$\dhiulliananads\My Documents\lu12468p6xk0.tmp\</t>
  </si>
  <si>
    <t>\\acsfs\profiles$\dhiulliananads\My Documents\lu12468p6xk0.tmp\META-INF\</t>
  </si>
  <si>
    <t>\\acsfs\profiles$\dhiulliananads\My Documents\lu12468p6xk0.tmp\Thumbnails\</t>
  </si>
  <si>
    <t>01/14/2020 09:26:46</t>
  </si>
  <si>
    <t>01/14/2020 09:27:15</t>
  </si>
  <si>
    <t>01/14/2020 09:27:23</t>
  </si>
  <si>
    <t>01/14/2020 09:25:31</t>
  </si>
  <si>
    <t>01/14/2020 09:25:29</t>
  </si>
  <si>
    <t>joaogvc@algartech.com;katia.cardoso@bv.com.br;marianadjc@algartech.com;planejamentodeoperacoesetrafego@bv.com.br;raphaelmco@algartech.com.br;ricardodfm@algartech.com.br;taysdss@algartech.com;viniciussg@algartech.com;</t>
  </si>
  <si>
    <t>joaogvc@algartech.com,katia.cardoso@bv.com.br,marianadjc@algartech.com,planejamentodeoperacoesetrafego@bv.com.br,raphaelmco@algartech.com.br,ricardodfm@algartech.com.br,taysdss@algartech.com,viniciussg@algartech.com</t>
  </si>
  <si>
    <t>01/14/2020 09:27:06</t>
  </si>
  <si>
    <t>01/14/2020 09:25:39</t>
  </si>
  <si>
    <t>mail.google.com/sync/u/0/i/s?hl=pt-BR&amp;c=371</t>
  </si>
  <si>
    <t>01/14/2020 09:25:42</t>
  </si>
  <si>
    <t>01/14/2020 09:25:44</t>
  </si>
  <si>
    <t>01/14/2020 09:25:54</t>
  </si>
  <si>
    <t>01/14/2020 09:26:05</t>
  </si>
  <si>
    <t>01/14/2020 09:26:06</t>
  </si>
  <si>
    <t>01/14/2020 09:31:35</t>
  </si>
  <si>
    <t>01/14/2020 09:26:49</t>
  </si>
  <si>
    <t>01/14/2020 09:27:19</t>
  </si>
  <si>
    <t>01/14/2020 09:27:49</t>
  </si>
  <si>
    <t>01/14/2020 09:28:19</t>
  </si>
  <si>
    <t>01/14/2020 09:28:49</t>
  </si>
  <si>
    <t>01/14/2020 09:29:19</t>
  </si>
  <si>
    <t>01/14/2020 09:29:49</t>
  </si>
  <si>
    <t>01/14/2020 09:30:19</t>
  </si>
  <si>
    <t>01/14/2020 09:27:56</t>
  </si>
  <si>
    <t>THYAGO SANTANA PASETTO_1_6779527300392232098_1_32.wav</t>
  </si>
  <si>
    <t>\\acsfs\Deptos\EDUCACAO EMPRESARIAL\KÉSIA\Ligações 2º ciclo - Janeiro 2020\THYAGO SANTANA PASETTO_1_6779527300392232098_1_32.wav</t>
  </si>
  <si>
    <t>01/14/2020 09:30:05</t>
  </si>
  <si>
    <t>01/14/2020 09:32:35</t>
  </si>
  <si>
    <t>01/14/2020 09:30:06</t>
  </si>
  <si>
    <t>\\acsfs\profiles$\THYAGOSP\My Documents\Planilha 2019 CR.ods\Object 5\</t>
  </si>
  <si>
    <t>01/14/2020 09:27:29</t>
  </si>
  <si>
    <t>\\acsfs\profiles$\VIVIANALDS\My Documents\</t>
  </si>
  <si>
    <t>.~lock.Vendas - Janeiro.ods#</t>
  </si>
  <si>
    <t>\\acsfs\profiles$\VIVIANALDS\My Documents\.~lock.Vendas - Janeiro.ods#</t>
  </si>
  <si>
    <t>01/14/2020 09:27:30</t>
  </si>
  <si>
    <t>lu15576izhq7.tmp</t>
  </si>
  <si>
    <t>\\acsfs\profiles$\VIVIANALDS\My Documents\lu15576izhq7.tmp</t>
  </si>
  <si>
    <t>\\acsfs\profiles$\VIVIANALDS\My Documents\lu15576izhq7.tmp\</t>
  </si>
  <si>
    <t>\\acsfs\profiles$\VIVIANALDS\My Documents\lu15576izhq7.tmp\META-INF\</t>
  </si>
  <si>
    <t>\\acsfs\profiles$\VIVIANALDS\My Documents\lu15576izhq7.tmp\Thumbnails\</t>
  </si>
  <si>
    <t>01/14/2020 09:27:36</t>
  </si>
  <si>
    <t>01/14/2020 09:27:37</t>
  </si>
  <si>
    <t>lu15576izhqb.tmp</t>
  </si>
  <si>
    <t>\\acsfs\profiles$\VIVIANALDS\My Documents\lu15576izhqb.tmp</t>
  </si>
  <si>
    <t>\\acsfs\profiles$\VIVIANALDS\My Documents\lu15576izhqb.tmp\</t>
  </si>
  <si>
    <t>\\acsfs\profiles$\VIVIANALDS\My Documents\lu15576izhqb.tmp\META-INF\</t>
  </si>
  <si>
    <t>\\acsfs\profiles$\VIVIANALDS\My Documents\lu15576izhqb.tmp\Thumbnails\</t>
  </si>
  <si>
    <t>01/14/2020 09:27:31</t>
  </si>
  <si>
    <t>2511a605-aa99-4f62-8954-2a37f88fa625.tmp</t>
  </si>
  <si>
    <t>\\acsfs\profiles$\antoniosva\Downloads\2511a605-aa99-4f62-8954-2a37f88fa625.tmp</t>
  </si>
  <si>
    <t>01/14/2020 09:28:33</t>
  </si>
  <si>
    <t>01/14/2020 09:33:35</t>
  </si>
  <si>
    <t>01/14/2020 09:30:40</t>
  </si>
  <si>
    <t>outlook.office.com/owa/service.svc?action=CreateItem&amp;app=Mail&amp;n=152</t>
  </si>
  <si>
    <t>andrelpsa@algartech.com;eliane.martins@bv.com.br;simeia.faria@bv.com.br;</t>
  </si>
  <si>
    <t>andrelpsa@algartech.com,eliane.martins@bv.com.br,simeia.faria@bv.com.br</t>
  </si>
  <si>
    <t>01/14/2020 09:31:00</t>
  </si>
  <si>
    <t>outlook.office.com/owa/service.svc?action=CreateItem&amp;app=Mail&amp;n=179</t>
  </si>
  <si>
    <t>01/14/2020 09:29:41</t>
  </si>
  <si>
    <t>01/14/2020 09:34:35</t>
  </si>
  <si>
    <t>cf450a34-ce93-491f-84fc-5f46ca8b4bc0.tmp</t>
  </si>
  <si>
    <t>\\acsfs\profiles$\wedersonbadr\My Documents\My Music\cf450a34-ce93-491f-84fc-5f46ca8b4bc0.tmp</t>
  </si>
  <si>
    <t>01/14/2020 09:29:56</t>
  </si>
  <si>
    <t>9e8eb173-9e20-4b4c-9dfc-1231d0f04108.tmp</t>
  </si>
  <si>
    <t>\\acsfs\profiles$\henriquehmdo\Downloads\9e8eb173-9e20-4b4c-9dfc-1231d0f04108.tmp</t>
  </si>
  <si>
    <t>01/14/2020 09:30:13</t>
  </si>
  <si>
    <t>Q29udHJvbGxlci5DYWxjdWxhZG9yYURlVmVuY2lt (25).ica</t>
  </si>
  <si>
    <t>\\acsfs\profiles$\henriquehmdo\Downloads\Q29udHJvbGxlci5DYWxjdWxhZG9yYURlVmVuY2lt (25).ica</t>
  </si>
  <si>
    <t>01/14/2020 09:31:18</t>
  </si>
  <si>
    <t>d8a4555e-1971-469b-9204-e2fe9232a349.tmp</t>
  </si>
  <si>
    <t>\\acsfs\profiles$\henriquehmdo\Downloads\d8a4555e-1971-469b-9204-e2fe9232a349.tmp</t>
  </si>
  <si>
    <t>01/14/2020 09:35:35</t>
  </si>
  <si>
    <t>01/14/2020 09:34:34</t>
  </si>
  <si>
    <t>01/14/2020 09:31:10</t>
  </si>
  <si>
    <t>mail.google.com/sync/u/0/i/s?hl=pt-BR&amp;c=77</t>
  </si>
  <si>
    <t>01/14/2020 09:31:26</t>
  </si>
  <si>
    <t>01/14/2020 09:31:38</t>
  </si>
  <si>
    <t>01/14/2020 09:31:54</t>
  </si>
  <si>
    <t>01/14/2020 09:32:01</t>
  </si>
  <si>
    <t>01/14/2020 09:32:41</t>
  </si>
  <si>
    <t>01/14/2020 09:32:49</t>
  </si>
  <si>
    <t>andrelpsa@algartech.com;joaogvc@algartech.com;josiascdsj@algartech.com;leonardoao@algartech.com;marianadjc@algartech.com;maristelavodq@bv.algartech.com;paulacn@algartech.com;qualidadealgarbv@algartech.com;supervisaobancovotorantim@algartech.com;taysdss@algartech.com;thiagolrc@bv.algartech.com;viniciussg@algartech.com;</t>
  </si>
  <si>
    <t>andrelpsa@algartech.com,joaogvc@algartech.com,josiascdsj@algartech.com,leonardoao@algartech.com,marianadjc@algartech.com,maristelavodq@bv.algartech.com,paulacn@algartech.com,qualidadealgarbv@algartech.com,supervisaobancovotorantim@algartech.com,taysdss@algartech.com,thiagolrc@bv.algartech.com,viniciussg@algartech.com</t>
  </si>
  <si>
    <t>01/14/2020 09:32:58</t>
  </si>
  <si>
    <t>01/14/2020 09:33:02</t>
  </si>
  <si>
    <t>andrelpsa@algartech.com;joaogvc@algartech.com;josiascdsj@algartech.com;leonardoao@algartech.com;marianadjc@algartech.com;maristelavodq@bv.algartech.com;paulacn@algartech.com;qualidadealgarbv@algartech.com;supervisaobancovotorantim@algartech.com;taysdss@algartech.com;thiagolrc@bv.algartech.com;</t>
  </si>
  <si>
    <t>andrelpsa@algartech.com,joaogvc@algartech.com,josiascdsj@algartech.com,leonardoao@algartech.com,marianadjc@algartech.com,maristelavodq@bv.algartech.com,paulacn@algartech.com,qualidadealgarbv@algartech.com,supervisaobancovotorantim@algartech.com,taysdss@algartech.com,thiagolrc@bv.algartech.com</t>
  </si>
  <si>
    <t>01/14/2020 09:33:22</t>
  </si>
  <si>
    <t>\\acsfs\deptos\Operacao\PCP\5 - Comum\PLANEJAMENTO BV\22 - BANCO DE DADOS BV\FINANCEIRA\</t>
  </si>
  <si>
    <t>Dados Gerais BV - ALGAR.xlsx</t>
  </si>
  <si>
    <t>\\acsfs\deptos\Operacao\PCP\5 - Comum\PLANEJAMENTO BV\22 - BANCO DE DADOS BV\FINANCEIRA\Dados Gerais BV - ALGAR.xlsx</t>
  </si>
  <si>
    <t>01/14/2020 09:34:08</t>
  </si>
  <si>
    <t>01/14/2020 09:34:37</t>
  </si>
  <si>
    <t>01/14/2020 09:30:29</t>
  </si>
  <si>
    <t>RELATORIO DE LOGIN - FINANCEIRA - 13-01.xlsm</t>
  </si>
  <si>
    <t>\\acsfs\DEPTOS\Operacao\PCP\5 - Comum\PLANEJAMENTO BV\14 - ACOMPANHAMENTO\1 - REPORT ACOMPANHAMENTO\2020\1 - JANEIRO\FINANCEIRA\Login Logout Financeira\RELATORIO DE LOGIN - FINANCEIRA - 13-01.xlsm</t>
  </si>
  <si>
    <t>01/14/2020 09:34:45</t>
  </si>
  <si>
    <t>01/14/2020 09:31:34</t>
  </si>
  <si>
    <t>01/14/2020 09:35:06</t>
  </si>
  <si>
    <t>01/14/2020 09:35:14</t>
  </si>
  <si>
    <t>mail.google.com/sync/u/0/i/s?hl=pt-BR&amp;c=114</t>
  </si>
  <si>
    <t>01/14/2020 09:35:17</t>
  </si>
  <si>
    <t>01/14/2020 09:31:46</t>
  </si>
  <si>
    <t>mail.google.com/sync/u/0/i/s?hl=pt-BR&amp;c=400</t>
  </si>
  <si>
    <t>01/14/2020 09:31:53</t>
  </si>
  <si>
    <t>mail.google.com/sync/u/0/i/s?hl=pt-BR&amp;c=402</t>
  </si>
  <si>
    <t>01/14/2020 09:31:59</t>
  </si>
  <si>
    <t>mail.google.com/sync/u/0/i/s?hl=pt-BR&amp;c=404</t>
  </si>
  <si>
    <t>01/14/2020 09:32:02</t>
  </si>
  <si>
    <t>joaogvc@algartech.com;leonardoao@algartech.com;paulacn@algartech.com;ricardodfm@algartech.com.br;robsonams@algartech.com;taysdss@algartech.com;viniciussg@algartech.com;</t>
  </si>
  <si>
    <t>joaogvc@algartech.com,leonardoao@algartech.com,paulacn@algartech.com,ricardodfm@algartech.com.br,robsonams@algartech.com,taysdss@algartech.com,viniciussg@algartech.com</t>
  </si>
  <si>
    <t>01/14/2020 09:32:09</t>
  </si>
  <si>
    <t>mail.google.com/sync/u/0/i/s?hl=pt-BR&amp;c=408</t>
  </si>
  <si>
    <t>01/14/2020 09:32:23</t>
  </si>
  <si>
    <t>mail.google.com/sync/u/0/i/s?hl=pt-BR&amp;c=410</t>
  </si>
  <si>
    <t>01/14/2020 09:32:33</t>
  </si>
  <si>
    <t>mail.google.com/sync/u/0/i/s?hl=pt-BR&amp;c=413</t>
  </si>
  <si>
    <t>01/14/2020 09:32:42</t>
  </si>
  <si>
    <t>mail.google.com/sync/u/0/i/s?hl=pt-BR&amp;c=415</t>
  </si>
  <si>
    <t>bvcartes-supervisores@algarnet.onmicrosoft.com;joaogvc@algartech.com;leonardoao@algartech.com;marianadjc@algartech.com;paulacn@algartech.com;planejamentodeoperacoesetrafego@bv.com.br;raphaelmco@algartech.com.br;ricardodfm@algartech.com.br;robsonams@algartech.com;taysdss@algartech.com;viniciussg@algartech.com;</t>
  </si>
  <si>
    <t>bvcartes-supervisores@algarnet.onmicrosoft.com,joaogvc@algartech.com,leonardoao@algartech.com,marianadjc@algartech.com,paulacn@algartech.com,planejamentodeoperacoesetrafego@bv.com.br,raphaelmco@algartech.com.br,ricardodfm@algartech.com.br,robsonams@algartech.com,taysdss@algartech.com,viniciussg@algartech.com</t>
  </si>
  <si>
    <t>01/14/2020 09:32:54</t>
  </si>
  <si>
    <t>01/14/2020 09:33:01</t>
  </si>
  <si>
    <t>mail.google.com/sync/u/0/i/s?hl=pt-BR&amp;c=419</t>
  </si>
  <si>
    <t>01/14/2020 09:33:14</t>
  </si>
  <si>
    <t>mail.google.com/sync/u/0/i/s?hl=pt-BR&amp;c=421</t>
  </si>
  <si>
    <t>01/14/2020 09:33:32</t>
  </si>
  <si>
    <t>mail.google.com/sync/u/0/i/s?hl=pt-BR&amp;c=427</t>
  </si>
  <si>
    <t>andrelpsa@algartech.com;joaogvc@algartech.com;leonardoao@algartech.com;marianadjc@algartech.com;maristelavodq@bv.algartech.com;paulacn@algartech.com;ricardodfm@algartech.com.br;robsonams@algartech.com;taysdss@algartech.com;viniciussg@algartech.com;</t>
  </si>
  <si>
    <t>andrelpsa@algartech.com,joaogvc@algartech.com,leonardoao@algartech.com,marianadjc@algartech.com,maristelavodq@bv.algartech.com,paulacn@algartech.com,ricardodfm@algartech.com.br,robsonams@algartech.com,taysdss@algartech.com,viniciussg@algartech.com</t>
  </si>
  <si>
    <t>01/14/2020 09:33:40</t>
  </si>
  <si>
    <t>mail.google.com/sync/u/0/i/s?hl=pt-BR&amp;c=430</t>
  </si>
  <si>
    <t>01/14/2020 09:34:03</t>
  </si>
  <si>
    <t>01/14/2020 09:34:06</t>
  </si>
  <si>
    <t>01/14/2020 09:34:17</t>
  </si>
  <si>
    <t>mail.google.com/sync/u/0/i/s?hl=pt-BR&amp;c=436</t>
  </si>
  <si>
    <t>01/14/2020 09:34:26</t>
  </si>
  <si>
    <t>01/14/2020 09:36:34</t>
  </si>
  <si>
    <t>1648fcf2-fa5b-41dc-a6a5-ef607b84f149.tmp</t>
  </si>
  <si>
    <t>\\acsfs\profiles$\isabellegtds\Downloads\1648fcf2-fa5b-41dc-a6a5-ef607b84f149.tmp</t>
  </si>
  <si>
    <t>01/14/2020 09:35:27</t>
  </si>
  <si>
    <t>79ff2d44-abcb-43e5-8ccd-464535fcfd16.tmp</t>
  </si>
  <si>
    <t>\\acsfs\profiles$\isabellegtds\Downloads\79ff2d44-abcb-43e5-8ccd-464535fcfd16.tmp</t>
  </si>
  <si>
    <t>01/14/2020 09:32:50</t>
  </si>
  <si>
    <t>flaviojmm</t>
  </si>
  <si>
    <t>9b092e00-68ba-43c7-ad97-9e572ac626fa.tmp</t>
  </si>
  <si>
    <t>\\acsfs\profiles$\Flaviojmm\Downloads\9b092e00-68ba-43c7-ad97-9e572ac626fa.tmp</t>
  </si>
  <si>
    <t>01/14/2020 09:35:48</t>
  </si>
  <si>
    <t>53741403-2891-4046-86e5-c865f8e874a8.tmp</t>
  </si>
  <si>
    <t>\\acsfs\profiles$\Flaviojmm\Downloads\53741403-2891-4046-86e5-c865f8e874a8.tmp</t>
  </si>
  <si>
    <t>01/14/2020 09:37:35</t>
  </si>
  <si>
    <t>01/14/2020 09:34:46</t>
  </si>
  <si>
    <t>01/14/2020 09:34:47</t>
  </si>
  <si>
    <t>01/14/2020 09:33:38</t>
  </si>
  <si>
    <t>e1bd9af5-c3ae-4aab-a065-ce17f9b9e41b.tmp</t>
  </si>
  <si>
    <t>\\acsfs\profiles$\JOAOVAL\Downloads\e1bd9af5-c3ae-4aab-a065-ce17f9b9e41b.tmp</t>
  </si>
  <si>
    <t>01/14/2020 09:34:49</t>
  </si>
  <si>
    <t>2d6b3001-2d78-48d2-8d83-a6032b115a0d.tmp</t>
  </si>
  <si>
    <t>\\acsfs\profiles$\JOAOVAL\Downloads\2d6b3001-2d78-48d2-8d83-a6032b115a0d.tmp</t>
  </si>
  <si>
    <t>01/14/2020 09:35:37</t>
  </si>
  <si>
    <t>1ab5556a-5275-49c2-afb2-df731a0d2512.tmp</t>
  </si>
  <si>
    <t>\\acsfs\profiles$\JOAOVAL\Downloads\1ab5556a-5275-49c2-afb2-df731a0d2512.tmp</t>
  </si>
  <si>
    <t>01/14/2020 09:32:27</t>
  </si>
  <si>
    <t>bb558c14-c891-4b53-93b2-cc9f2486c2d3.tmp</t>
  </si>
  <si>
    <t>\\acsfs\profiles$\lorrainerdl\Downloads\bb558c14-c891-4b53-93b2-cc9f2486c2d3.tmp</t>
  </si>
  <si>
    <t>01/14/2020 09:36:21</t>
  </si>
  <si>
    <t>01/14/2020 09:39:35</t>
  </si>
  <si>
    <t>01/14/2020 09:40:34</t>
  </si>
  <si>
    <t>01/14/2020 09:35:31</t>
  </si>
  <si>
    <t>01/14/2020 09:35:56</t>
  </si>
  <si>
    <t>01/14/2020 09:36:11</t>
  </si>
  <si>
    <t>01/14/2020 09:36:32</t>
  </si>
  <si>
    <t>01/14/2020 09:36:41</t>
  </si>
  <si>
    <t>01/14/2020 09:36:44</t>
  </si>
  <si>
    <t>01/14/2020 09:37:04</t>
  </si>
  <si>
    <t>01/14/2020 09:37:15</t>
  </si>
  <si>
    <t>mail.google.com/sync/u/0/i/s?hl=pt-BR&amp;c=137</t>
  </si>
  <si>
    <t>01/14/2020 09:37:25</t>
  </si>
  <si>
    <t>01/14/2020 09:37:28</t>
  </si>
  <si>
    <t>01/14/2020 09:37:36</t>
  </si>
  <si>
    <t>01/14/2020 09:37:58</t>
  </si>
  <si>
    <t>01/14/2020 09:38:07</t>
  </si>
  <si>
    <t>01/14/2020 09:38:12</t>
  </si>
  <si>
    <t>01/14/2020 09:38:36</t>
  </si>
  <si>
    <t>01/14/2020 09:38:41</t>
  </si>
  <si>
    <t>01/14/2020 09:38:45</t>
  </si>
  <si>
    <t>01/14/2020 09:38:49</t>
  </si>
  <si>
    <t>01/14/2020 09:38:54</t>
  </si>
  <si>
    <t>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t>
  </si>
  <si>
    <t>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t>
  </si>
  <si>
    <t>01/14/2020 09:39:15</t>
  </si>
  <si>
    <t>01/14/2020 09:39:23</t>
  </si>
  <si>
    <t>01/14/2020 09:40:02</t>
  </si>
  <si>
    <t>mail.google.com/sync/u/0/i/s?hl=pt-BR&amp;c=177</t>
  </si>
  <si>
    <t>01/14/2020 09:40:09</t>
  </si>
  <si>
    <t>mail.google.com/sync/u/0/i/s?hl=pt-BR&amp;c=179</t>
  </si>
  <si>
    <t>01/14/2020 09:40:15</t>
  </si>
  <si>
    <t>REPORT ACOMPANHAMENTO - BV - JANEIRO.xlsb</t>
  </si>
  <si>
    <t>\\acsfs\deptos\Operacao\PCP\5 - Comum\PLANEJAMENTO BV\14 - ACOMPANHAMENTO\1 - REPORT ACOMPANHAMENTO\2020\1 - JANEIRO\FINANCEIRA\REPORT ACOMPANHAMENTO - BV - JANEIRO.xlsb</t>
  </si>
  <si>
    <t>01/14/2020 09:39:12</t>
  </si>
  <si>
    <t>mail.google.com/sync/u/0/i/s?hl=pt-BR&amp;c=474</t>
  </si>
  <si>
    <t>mail.google.com/sync/u/0/i/s?hl=pt-BR&amp;c=476</t>
  </si>
  <si>
    <t>01/14/2020 09:39:24</t>
  </si>
  <si>
    <t>mail.google.com/sync/u/0/i/s?hl=pt-BR&amp;c=480</t>
  </si>
  <si>
    <t>01/14/2020 09:39:27</t>
  </si>
  <si>
    <t>mail.google.com/sync/u/0/i/s?hl=pt-BR&amp;c=482</t>
  </si>
  <si>
    <t>01/14/2020 09:39:37</t>
  </si>
  <si>
    <t>mail.google.com/sync/u/0/i/s?hl=pt-BR&amp;c=484</t>
  </si>
  <si>
    <t>01/14/2020 09:39:44</t>
  </si>
  <si>
    <t>mail.google.com/sync/u/0/i/s?hl=pt-BR&amp;c=489</t>
  </si>
  <si>
    <t>01/14/2020 09:39:47</t>
  </si>
  <si>
    <t>01/14/2020 09:40:06</t>
  </si>
  <si>
    <t>01/14/2020 09:40:16</t>
  </si>
  <si>
    <t>01/14/2020 09:40:26</t>
  </si>
  <si>
    <t>mail.google.com/sync/u/0/i/s?hl=pt-BR&amp;c=506</t>
  </si>
  <si>
    <t>01/14/2020 09:35:59</t>
  </si>
  <si>
    <t>01/14/2020 09:41:35</t>
  </si>
  <si>
    <t>01/14/2020 09:36:08</t>
  </si>
  <si>
    <t>01/14/2020 09:35:50</t>
  </si>
  <si>
    <t>01/14/2020 09:36:20</t>
  </si>
  <si>
    <t>01/14/2020 09:36:50</t>
  </si>
  <si>
    <t>01/14/2020 09:38:20</t>
  </si>
  <si>
    <t>01/14/2020 09:40:20</t>
  </si>
  <si>
    <t>01/14/2020 09:37:45</t>
  </si>
  <si>
    <t>01/14/2020 09:43:34</t>
  </si>
  <si>
    <t>lucasbs</t>
  </si>
  <si>
    <t>\\acsfs\profiles$\LUCASBS\Downloads\</t>
  </si>
  <si>
    <t>f870a0a7-99c9-4e54-9490-a843993428e5.tmp</t>
  </si>
  <si>
    <t>\\acsfs\profiles$\LUCASBS\Downloads\f870a0a7-99c9-4e54-9490-a843993428e5.tmp</t>
  </si>
  <si>
    <t>ac5ecf9f-4973-4e8d-92b5-134898a70f8c.tmp</t>
  </si>
  <si>
    <t>\\acsfs\profiles$\LUCASBS\Downloads\ac5ecf9f-4973-4e8d-92b5-134898a70f8c.tmp</t>
  </si>
  <si>
    <t>01/14/2020 09:40:54</t>
  </si>
  <si>
    <t>3194084a-9a20-4d76-b45a-7f1201acb5b7.tmp</t>
  </si>
  <si>
    <t>\\acsfs\profiles$\ALYNYA\Downloads\3194084a-9a20-4d76-b45a-7f1201acb5b7.tmp</t>
  </si>
  <si>
    <t>01/14/2020 09:45:34</t>
  </si>
  <si>
    <t>01/14/2020 09:41:22</t>
  </si>
  <si>
    <t>01/14/2020 09:41:27</t>
  </si>
  <si>
    <t>01/14/2020 09:41:30</t>
  </si>
  <si>
    <t>mail.google.com/sync/u/0/i/s?hl=pt-BR&amp;c=193</t>
  </si>
  <si>
    <t>01/14/2020 09:41:34</t>
  </si>
  <si>
    <t>01/14/2020 09:40:31</t>
  </si>
  <si>
    <t>mail.google.com/sync/u/0/i/s?hl=pt-BR&amp;c=508</t>
  </si>
  <si>
    <t>andrelpsa@algartech.com;leonardoao@algartech.com;marianadjc@algartech.com;ricardodfm@algartech.com.br;sofiamses@algartech.com;viniciussg@algartech.com;</t>
  </si>
  <si>
    <t>andrelpsa@algartech.com,leonardoao@algartech.com,marianadjc@algartech.com,ricardodfm@algartech.com.br,sofiamses@algartech.com,viniciussg@algartech.com</t>
  </si>
  <si>
    <t>01/14/2020 09:40:36</t>
  </si>
  <si>
    <t>mail.google.com/sync/u/0/i/s?hl=pt-BR&amp;c=510</t>
  </si>
  <si>
    <t>01/14/2020 09:40:38</t>
  </si>
  <si>
    <t>andrelpsa@algartech.com;leonardoao@algartech.com;marianadjc@algartech.com;ricardodfm@algartech.com.br;sofiamses@algartech.com;taysdss@algartech.com;viniciussg@algartech.com;</t>
  </si>
  <si>
    <t>andrelpsa@algartech.com,leonardoao@algartech.com,marianadjc@algartech.com,ricardodfm@algartech.com.br,sofiamses@algartech.com,taysdss@algartech.com,viniciussg@algartech.com</t>
  </si>
  <si>
    <t>01/14/2020 09:40:56</t>
  </si>
  <si>
    <t>01/14/2020 09:41:05</t>
  </si>
  <si>
    <t>01/14/2020 09:41:06</t>
  </si>
  <si>
    <t>Quantidade de Login - Financeira.xlsx</t>
  </si>
  <si>
    <t>\\acsfs\DEPTOS\Operacao\PCP\5 - Comum\PLANEJAMENTO BV\14 - ACOMPANHAMENTO\1 - REPORT ACOMPANHAMENTO\2020\1 - JANEIRO\FINANCEIRA\Quantidade de Login - Financeira.xlsx</t>
  </si>
  <si>
    <t>01/14/2020 09:41:14</t>
  </si>
  <si>
    <t>mail.google.com/_/upload?authuser=0&amp;dcp=asu-n&amp;upload_id=AEnB2UpYnu-xz70fm--oDHNVDMoq7O8pyJ_vrGFqAdMT0TVV_De0UANGsFhLtsd8gKHS6Fza5iWObgVGDilrbTY-N3VbDKlqvwUYzA42GuJRgskIw5Hcu3E&amp;upload_protocol=resumable</t>
  </si>
  <si>
    <t>01/14/2020 09:41:15</t>
  </si>
  <si>
    <t>01/14/2020 09:41:17</t>
  </si>
  <si>
    <t>mail.google.com/sync/u/0/i/s?hl=pt-BR&amp;c=520</t>
  </si>
  <si>
    <t>01/14/2020 09:41:38</t>
  </si>
  <si>
    <t>01/14/2020 09:42:00</t>
  </si>
  <si>
    <t>01/14/2020 09:42:58</t>
  </si>
  <si>
    <t>https://joaogvc@algartech.com,leonardoao@algartech.com,marianadjc@algartech.com,paulacn@algartech.com,rafaelggs@algartech.com,ricardodfm@algartech.com.br,taysdss@algartech.com,thiagordu@algartech.com,viniciussg@algartech.com</t>
  </si>
  <si>
    <t>01/14/2020 09:44:27</t>
  </si>
  <si>
    <t>01/14/2020 09:45:11</t>
  </si>
  <si>
    <t>01/14/2020 09:46:34</t>
  </si>
  <si>
    <t>01/14/2020 09:42:54</t>
  </si>
  <si>
    <t>01/14/2020 09:47:34</t>
  </si>
  <si>
    <t>4905f08c-2aef-4ae4-8aeb-3ad14e5c40f0.tmp</t>
  </si>
  <si>
    <t>\\acsfs\profiles$\THYAGOSP\Downloads\4905f08c-2aef-4ae4-8aeb-3ad14e5c40f0.tmp</t>
  </si>
  <si>
    <t>01/14/2020 09:45:41</t>
  </si>
  <si>
    <t>67280331-b950-4ade-b616-42c56b525aed.tmp</t>
  </si>
  <si>
    <t>\\acsfs\profiles$\jhonatadss\Downloads\67280331-b950-4ade-b616-42c56b525aed.tmp</t>
  </si>
  <si>
    <t>01/14/2020 09:42:45</t>
  </si>
  <si>
    <t>ce908d31-ecdc-4fe3-bec0-231243bdbd8d.tmp</t>
  </si>
  <si>
    <t>\\acsfs\profiles$\felipetds\Downloads\ce908d31-ecdc-4fe3-bec0-231243bdbd8d.tmp</t>
  </si>
  <si>
    <t>01/14/2020 09:42:34</t>
  </si>
  <si>
    <t>8a83d4cb-ced0-4255-a59b-e5518d687c33.tmp</t>
  </si>
  <si>
    <t>\\acsfs\profiles$\lorrainerdl\Downloads\8a83d4cb-ced0-4255-a59b-e5518d687c33.tmp</t>
  </si>
  <si>
    <t>01/14/2020 09:43:02</t>
  </si>
  <si>
    <t>e7492a50-47a3-4f6f-81a7-878b8535bf84.tmp</t>
  </si>
  <si>
    <t>\\acsfs\profiles$\lorrainerdl\Downloads\e7492a50-47a3-4f6f-81a7-878b8535bf84.tmp</t>
  </si>
  <si>
    <t>01/14/2020 09:45:58</t>
  </si>
  <si>
    <t>fernandaab</t>
  </si>
  <si>
    <t>\\acsfs\Deptos\EDUCACAO EMPRESARIAL\</t>
  </si>
  <si>
    <t>\\acsfs\Deptos\EDUCACAO EMPRESARIAL\Thumbs.db</t>
  </si>
  <si>
    <t>01/14/2020 09:45:30</t>
  </si>
  <si>
    <t>01/14/2020 09:48:35</t>
  </si>
  <si>
    <t>\\acsfs\DEPTOS\Operacao\Banco_Votorantim\Qualidade\Anderson\Jose\Alerta.xlsx\</t>
  </si>
  <si>
    <t>\\acsfs\DEPTOS\Operacao\Banco_Votorantim\Qualidade\Anderson\Jose\Alerta.xlsx</t>
  </si>
  <si>
    <t>hdphoto2.wdp</t>
  </si>
  <si>
    <t>Alerta.xlsx</t>
  </si>
  <si>
    <t>01/14/2020 09:46:40</t>
  </si>
  <si>
    <t>f8a59833-24a3-4dcc-938e-64f04d3d5a27.tmp</t>
  </si>
  <si>
    <t>\\acsfs\profiles$\gabrielsma\Downloads\f8a59833-24a3-4dcc-938e-64f04d3d5a27.tmp</t>
  </si>
  <si>
    <t>01/14/2020 09:44:59</t>
  </si>
  <si>
    <t>5b4b1c6c-94b0-4f34-b833-2c60f5fcb502.tmp</t>
  </si>
  <si>
    <t>\\acsfs\profiles$\adelvinsonle\Downloads\5b4b1c6c-94b0-4f34-b833-2c60f5fcb502.tmp</t>
  </si>
  <si>
    <t>01/14/2020 09:45:02</t>
  </si>
  <si>
    <t>01/14/2020 09:45:28</t>
  </si>
  <si>
    <t>01/14/2020 09:46:33</t>
  </si>
  <si>
    <t>c172994e-1f99-43fd-b02c-81a6e9c4daee.tmp</t>
  </si>
  <si>
    <t>\\acsfs\profiles$\adelvinsonle\Downloads\c172994e-1f99-43fd-b02c-81a6e9c4daee.tmp</t>
  </si>
  <si>
    <t>01/14/2020 09:46:18</t>
  </si>
  <si>
    <t>01/14/2020 09:49:34</t>
  </si>
  <si>
    <t>7d1bd406-173c-463d-8c3f-593c193b2c64.tmp</t>
  </si>
  <si>
    <t>\\acsfs\profiles$\larissaad\Downloads\7d1bd406-173c-463d-8c3f-593c193b2c64.tmp</t>
  </si>
  <si>
    <t>01/14/2020 09:47:13</t>
  </si>
  <si>
    <t>a37f53f2-f845-4a9f-8d02-d2647ab717e6.tmp</t>
  </si>
  <si>
    <t>\\acsfs\profiles$\larissaad\Downloads\a37f53f2-f845-4a9f-8d02-d2647ab717e6.tmp</t>
  </si>
  <si>
    <t>01/14/2020 09:47:17</t>
  </si>
  <si>
    <t>01/14/2020 09:50:34</t>
  </si>
  <si>
    <t>http:///batch?%24ct=multipart%2Fmixed%3B%20boundary%3D%22%3D%3D%3D%3D%3Dhmb8lan9eygi%3D%3D%3D%3D%3D%22&amp;key=AIzaSyAy9VVXHSpS2IJpptzYtGbLP3-3_l0aBk4</t>
  </si>
  <si>
    <t>01/14/2020 09:47:19</t>
  </si>
  <si>
    <t>http:///batch?%24ct=multipart%2Fmixed%3B%20boundary%3D%22%3D%3D%3D%3D%3Df6w2tfy0b2fy%3D%3D%3D%3D%3D%22&amp;key=AIzaSyAy9VVXHSpS2IJpptzYtGbLP3-3_l0aBk4</t>
  </si>
  <si>
    <t>ancestorhasaugmentedpermissions;containsunsubscribedchildren;displayname;domain;emailaddress;filesize;hasthumbnail;hasvisitorpermissions;id);items(kind;ken;lastmodifyinguser(kind;lastviewedbymedate;modifiedbymedate;modifieddate;ontainsunsubscribedchildren;owners(kind;permission;permissionid;picture;picture�;thumbnailversion;workspaceids;</t>
  </si>
  <si>
    <t>http://ancestorhasaugmentedpermissions,containsunsubscribedchildren,displayname,domain,emailaddress,filesize,hasthumbnail,hasvisitorpermissions,id),items(kind,ken,lastmodifyinguser(kind,lastviewedbymedate,modifiedbymedate,modifieddate,ontainsunsubscribedchildren,owners(kind,permission,permissionid,picture,picture�,thumbnailversion,workspaceids</t>
  </si>
  <si>
    <t>01/14/2020 09:47:21</t>
  </si>
  <si>
    <t>http:///batch?%24ct=multipart%2Fmixed%3B%20boundary%3D%22%3D%3D%3D%3D%3Dor6ww6oxl6p9%3D%3D%3D%3D%3D%22&amp;key=AIzaSyAy9VVXHSpS2IJpptzYtGbLP3-3_l0aBk4</t>
  </si>
  <si>
    <t>ancestorhasaugmentedpermissions;containsunsubscribedchildren;displayn;displayname;domain;emailaddress;filesize;hasthumbnail;hasvisitorpermissions;id);items(kind;ken;lastmodifyinguse;lastmodifyinguser(kind;lastviewedbymedate;modifiedbymedate;modifieddate;ontainsunsubscribedchildren;owners(kind;permission;permissionid;picture;picture�;rpermissions;thumbnailversion;workspaceids;</t>
  </si>
  <si>
    <t>http://ancestorhasaugmentedpermissions,containsunsubscribedchildren,displayn,displayname,domain,emailaddress,filesize,hasthumbnail,hasvisitorpermissions,id),items(kind,ken,lastmodifyinguse,lastmodifyinguser(kind,lastviewedbymedate,modifiedbymedate,modifieddate,ontainsunsubscribedchildren,owners(kind,permission,permissionid,picture,picture�,rpermissions,thumbnailversion,workspaceids</t>
  </si>
  <si>
    <t>01/14/2020 09:47:24</t>
  </si>
  <si>
    <t>http:///batch?%24ct=multipart%2Fmixed%3B%20boundary%3D%22%3D%3D%3D%3D%3Dl649ooc4m9ha%3D%3D%3D%3D%3D%22&amp;key=AIzaSyAy9VVXHSpS2IJpptzYtGbLP3-3_l0aBk4</t>
  </si>
  <si>
    <t>ancestorhasaugmentedpe;ancestorhasaugmentedpermissions;containsunsubscribedchildren;displayn;displayname;domain;emailaddres;emailaddress;filesize;hasthumbnail;hasvisitorpermissions;id);items(kind;ken;lastmodifyinguse;lastmodifyinguser(kind;lastviewedbymedate;modifiedbymedate;modifieddate;ontainsunsubscribedchildren;owners(kind;permission;permissionid;picture;picture�;rpermissions;thumbnailversion;workspaceids;</t>
  </si>
  <si>
    <t>http://ancestorhasaugmentedpe,ancestorhasaugmentedpermissions,containsunsubscribedchildren,displayn,displayname,domain,emailaddres,emailaddress,filesize,hasthumbnail,hasvisitorpermissions,id),items(kind,ken,lastmodifyinguse,lastmodifyinguser(kind,lastviewedbymedate,modifiedbymedate,modifieddate,ontainsunsubscribedchildren,owners(kind,permission,permissionid,picture,picture�,rpermissions,thumbnailversion,workspaceids</t>
  </si>
  <si>
    <t>http:///batch?%24ct=multipart%2Fmixed%3B%20boundary%3D%22%3D%3D%3D%3D%3Ddvnm8hi4tv23%3D%3D%3D%3D%3D%22&amp;key=AIzaSyAy9VVXHSpS2IJpptzYtGbLP3-3_l0aBk4</t>
  </si>
  <si>
    <t>ancestorhasaugmentedpe;ancestorhasaugmentedpermissions;containsunsubscribedchildren;displayn;displayname;domain;emailaddres;emailaddress;file(kind;fileid;filesize;hasthumbnail;hasvisitorpermissions;id;id);items(deleted;items(kind;ken;kind;lastmodifyinguse;lastmodifyinguser(kind;lastviewedbymedate;modifiedbymedate;modifieddate;ontainsunsubscribedchildren;owners(kind;per;permission;permissionid;picture;picture�;rpermissions;shared;sharedwithmedate;thumbnailversion;title;userpermission(role);workspaceids;</t>
  </si>
  <si>
    <t>http://ancestorhasaugmentedpe,ancestorhasaugmentedpermissions,containsunsubscribedchildren,displayn,displayname,domain,emailaddres,emailaddress,file(kind,fileid,filesize,hasthumbnail,hasvisitorpermissions,id,id),items(deleted,items(kind,ken,kind,lastmodifyinguse,lastmodifyinguser(kind,lastviewedbymedate,modifiedbymedate,modifieddate,ontainsunsubscribedchildren,owners(kind,per,permission,permissionid,picture,picture�,rpermissions,shared,sharedwithmedate,thumbnailversion,title,userpermission(role),workspaceids</t>
  </si>
  <si>
    <t>01/14/2020 09:47:26</t>
  </si>
  <si>
    <t>http:///batch?%24ct=multipart%2Fmixed%3B%20boundary%3D%22%3D%3D%3D%3D%3D8cr3ma8y01i3%3D%3D%3D%3D%3D%22&amp;key=AIzaSyAy9VVXHSpS2IJpptzYtGbLP3-3_l0aBk4</t>
  </si>
  <si>
    <t>01/14/2020 09:47:31</t>
  </si>
  <si>
    <t>http:///batch?%24ct=multipart%2Fmixed%3B%20boundary%3D%22%3D%3D%3D%3D%3Dizifvus442pt%3D%3D%3D%3D%3D%22&amp;key=AIzaSyAy9VVXHSpS2IJpptzYtGbLP3-3_l0aBk4</t>
  </si>
  <si>
    <t>http:///batch?%24ct=multipart%2Fmixed%3B%20boundary%3D%22%3D%3D%3D%3D%3Dk5i7ac6ue1vc%3D%3D%3D%3D%3D%22&amp;key=AIzaSyAy9VVXHSpS2IJpptzYtGbLP3-3_l0aBk4</t>
  </si>
  <si>
    <t>01/14/2020 09:47:37</t>
  </si>
  <si>
    <t>http:///batch?%24ct=multipart%2Fmixed%3B%20boundary%3D%22%3D%3D%3D%3D%3Da37mgo1nuxyt%3D%3D%3D%3D%3D%22&amp;key=AIzaSyAy9VVXHSpS2IJpptzYtGbLP3-3_l0aBk4</t>
  </si>
  <si>
    <t>01/14/2020 09:48:00</t>
  </si>
  <si>
    <t>https://br2-excel.officeapps.live.com/x/_layouts/remotetelemetry.ashx</t>
  </si>
  <si>
    <t>https://ancestorhasaugmentedpe,ancestorhasaugmentedpermissions,containsunsubscribedchildren,displayn,displayname,domain,emailaddres,emailaddress,file(kind,fileid,filesize,hasthumbnail,hasvisitorpermissions,id,id),items(deleted,items(kind,ken,kind,lastmodifyinguse,lastmodifyinguser(kind,lastviewedbymedate,modifiedbymedate,modifieddate,ontainsunsubscribedchildren,owners(kind,per,permission,permissionid,picture,picture�,rpermissions,shared,sharedwithmedate,thumbnailversion,title,userpermission(role),workspaceids</t>
  </si>
  <si>
    <t>01/14/2020 09:49:46</t>
  </si>
  <si>
    <t>http:///batch?%24ct=multipart%2Fmixed%3B%20boundary%3D%22%3D%3D%3D%3D%3Dbdkaak9ech4w%3D%3D%3D%3D%3D%22&amp;key=AIzaSyAy9VVXHSpS2IJpptzYtGbLP3-3_l0aBk4</t>
  </si>
  <si>
    <t>01/14/2020 09:49:47</t>
  </si>
  <si>
    <t>http:///batch?%24ct=multipart%2Fmixed%3B%20boundary%3D%22%3D%3D%3D%3D%3Dx04jez1mawie%3D%3D%3D%3D%3D%22&amp;key=AIzaSyAy9VVXHSpS2IJpptzYtGbLP3-3_l0aBk4</t>
  </si>
  <si>
    <t>01/14/2020 09:49:48</t>
  </si>
  <si>
    <t>http:///batch?%24ct=multipart%2Fmixed%3B%20boundary%3D%22%3D%3D%3D%3D%3Dqlcmwe5sy5ur%3D%3D%3D%3D%3D%22&amp;key=AIzaSyAy9VVXHSpS2IJpptzYtGbLP3-3_l0aBk4</t>
  </si>
  <si>
    <t>01/14/2020 09:49:51</t>
  </si>
  <si>
    <t>https://br2-excel.officeapps.live.com/x/_layouts/beaconhandler.ashx?wacusertype=wopi&amp;usid=633888fe-aeb5-47bf-aec0-883587ab9b75&amp;noauth=1&amp;waccluster=br2&amp;webmethod=closeworkbook</t>
  </si>
  <si>
    <t>https://br2-excel.officeapps.live.com/x/_layouts/beaconhandler.ashx?wacusertype=wopi&amp;usid=633888fe-aeb5-47bf-aec0-883587ab9b75&amp;noauth=1&amp;waccluster=br2&amp;webmethod=xlrte</t>
  </si>
  <si>
    <t>01/14/2020 09:49:57</t>
  </si>
  <si>
    <t>http://signaler-pa.clients6.google.com/v1/acknowledgments?key=aizasycimh2ks6vpafrc2lqu_snz1lo76xgdnlc</t>
  </si>
  <si>
    <t>01/14/2020 09:49:58</t>
  </si>
  <si>
    <t>http:///batch?%24ct=multipart%2Fmixed%3B%20boundary%3D%22%3D%3D%3D%3D%3D9nb4wgefku5e%3D%3D%3D%3D%3D%22&amp;key=AIzaSyAy9VVXHSpS2IJpptzYtGbLP3-3_l0aBk4</t>
  </si>
  <si>
    <t>01/14/2020 09:49:09</t>
  </si>
  <si>
    <t>01/14/2020 09:49:54</t>
  </si>
  <si>
    <t>ef3e6195-7ca3-4abc-b0bf-b1b6a9a15042.tmp</t>
  </si>
  <si>
    <t>\\acsfs\profiles$\LAISLG\Downloads\ef3e6195-7ca3-4abc-b0bf-b1b6a9a15042.tmp</t>
  </si>
  <si>
    <t>01/14/2020 09:51:34</t>
  </si>
  <si>
    <t>01/14/2020 09:47:51</t>
  </si>
  <si>
    <t>01/14/2020 09:48:21</t>
  </si>
  <si>
    <t>01/14/2020 09:51:15</t>
  </si>
  <si>
    <t>WENDER BRUNO NUNES MENESES_1_6777696613531989255_1_32.wav</t>
  </si>
  <si>
    <t>\\acsfs\Deptos\EDUCACAO EMPRESARIAL\KÉSIA\Ligações 2º ciclo - Janeiro 2020\WENDER BRUNO NUNES MENESES_1_6777696613531989255_1_32.wav</t>
  </si>
  <si>
    <t>01/14/2020 09:52:35</t>
  </si>
  <si>
    <t>01/14/2020 09:47:18</t>
  </si>
  <si>
    <t>1edddf4e-f082-426c-a18e-d35d8ed235b4.tmp</t>
  </si>
  <si>
    <t>\\acsfs\profiles$\jhonatadss\Downloads\1edddf4e-f082-426c-a18e-d35d8ed235b4.tmp</t>
  </si>
  <si>
    <t>01/14/2020 09:48:37</t>
  </si>
  <si>
    <t>11fb49b7-bb94-4fb0-979e-7540caf86bf9.tmp</t>
  </si>
  <si>
    <t>\\acsfs\profiles$\jhonatadss\Downloads\11fb49b7-bb94-4fb0-979e-7540caf86bf9.tmp</t>
  </si>
  <si>
    <t>01/14/2020 09:48:42</t>
  </si>
  <si>
    <t>2fffaba8-4bae-402d-9955-dd337e440fbf.tmp</t>
  </si>
  <si>
    <t>\\acsfs\profiles$\jhonatadss\Downloads\2fffaba8-4bae-402d-9955-dd337e440fbf.tmp</t>
  </si>
  <si>
    <t>01/14/2020 09:48:49</t>
  </si>
  <si>
    <t>0a6ae3e9-e60a-471c-93fb-14e5a848f85b.tmp</t>
  </si>
  <si>
    <t>\\acsfs\profiles$\jhonatadss\Downloads\0a6ae3e9-e60a-471c-93fb-14e5a848f85b.tmp</t>
  </si>
  <si>
    <t>01/14/2020 09:49:39</t>
  </si>
  <si>
    <t>c8b58bb5-5885-4309-a449-3c3f0aa841b7.tmp</t>
  </si>
  <si>
    <t>\\acsfs\profiles$\inarajst\Downloads\c8b58bb5-5885-4309-a449-3c3f0aa841b7.tmp</t>
  </si>
  <si>
    <t>01/14/2020 09:52:02</t>
  </si>
  <si>
    <t>5c2a846b-234b-4c23-ad93-d8362c2cd6b5.tmp</t>
  </si>
  <si>
    <t>\\acsfs\profiles$\lorrainerdl\Downloads\5c2a846b-234b-4c23-ad93-d8362c2cd6b5.tmp</t>
  </si>
  <si>
    <t>01/14/2020 09:52:12</t>
  </si>
  <si>
    <t>01/14/2020 09:53:35</t>
  </si>
  <si>
    <t>dd0d6aba-939d-4ecd-a7ad-6e41f2b6a357.tmp</t>
  </si>
  <si>
    <t>\\acsfs\profiles$\LUCASBS\Downloads\dd0d6aba-939d-4ecd-a7ad-6e41f2b6a357.tmp</t>
  </si>
  <si>
    <t>01/14/2020 09:48:09</t>
  </si>
  <si>
    <t>Incentivo BV - Consignado_Dezembro.19.xlsx</t>
  </si>
  <si>
    <t>\\acsfs\ACS\Gabriel da Silva\Contemporânea\Comissão e Incentivo\Incentivo BV - Consignado_Dezembro.19.xlsx</t>
  </si>
  <si>
    <t>01/14/2020 09:49:07</t>
  </si>
  <si>
    <t>dea124b9-9523-48c8-bbd0-2a0c650397b1.tmp</t>
  </si>
  <si>
    <t>\\acsfs\profiles$\gabrielsma\Downloads\dea124b9-9523-48c8-bbd0-2a0c650397b1.tmp</t>
  </si>
  <si>
    <t>01/14/2020 09:51:37</t>
  </si>
  <si>
    <t>01/14/2020 09:52:48</t>
  </si>
  <si>
    <t>01/14/2020 09:54:34</t>
  </si>
  <si>
    <t>01/14/2020 09:51:45</t>
  </si>
  <si>
    <t>54349d29-e89f-4e6a-a899-d36ea5968a22.tmp</t>
  </si>
  <si>
    <t>\\acsfs\profiles$\lorenabmc\Downloads\54349d29-e89f-4e6a-a899-d36ea5968a22.tmp</t>
  </si>
  <si>
    <t>01/14/2020 09:50:28</t>
  </si>
  <si>
    <t>01/14/2020 09:55:35</t>
  </si>
  <si>
    <t>01/14/2020 09:50:29</t>
  </si>
  <si>
    <t>lu12468p6xk5.tmp</t>
  </si>
  <si>
    <t>\\acsfs\profiles$\dhiulliananads\My Documents\lu12468p6xk5.tmp</t>
  </si>
  <si>
    <t>\\acsfs\profiles$\dhiulliananads\My Documents\lu12468p6xk5.tmp\</t>
  </si>
  <si>
    <t>\\acsfs\profiles$\dhiulliananads\My Documents\lu12468p6xk5.tmp\META-INF\</t>
  </si>
  <si>
    <t>\\acsfs\profiles$\dhiulliananads\My Documents\lu12468p6xk5.tmp\Thumbnails\</t>
  </si>
  <si>
    <t>01/14/2020 09:50:04</t>
  </si>
  <si>
    <t>10.200.66.119</t>
  </si>
  <si>
    <t>78-2B-CB-C1-07-D7</t>
  </si>
  <si>
    <t>VOTORANT-IB015</t>
  </si>
  <si>
    <t>90b4e514-49a0-4f59-ac81-de3255494f05.tmp</t>
  </si>
  <si>
    <t>\\acsfs\profiles$\matheushds\Downloads\90b4e514-49a0-4f59-ac81-de3255494f05.tmp</t>
  </si>
  <si>
    <t>01/14/2020 09:50:43</t>
  </si>
  <si>
    <t>52e53bde-8acc-40f3-a616-0e1c5b1963d8.tmp</t>
  </si>
  <si>
    <t>\\acsfs\profiles$\matheushds\Downloads\52e53bde-8acc-40f3-a616-0e1c5b1963d8.tmp</t>
  </si>
  <si>
    <t>01/14/2020 09:51:41</t>
  </si>
  <si>
    <t>1a737e6e-cfcb-48a5-b5b7-09c9ed7bb3d7.tmp</t>
  </si>
  <si>
    <t>\\acsfs\profiles$\matheushds\Downloads\1a737e6e-cfcb-48a5-b5b7-09c9ed7bb3d7.tmp</t>
  </si>
  <si>
    <t>01/14/2020 09:53:10</t>
  </si>
  <si>
    <t>5f919bff-cd7d-41db-84f7-24c0cccfa29b.tmp</t>
  </si>
  <si>
    <t>\\acsfs\profiles$\matheushds\Downloads\5f919bff-cd7d-41db-84f7-24c0cccfa29b.tmp</t>
  </si>
  <si>
    <t>01/14/2020 09:50:08</t>
  </si>
  <si>
    <t>http:///batch?%24ct=multipart%2Fmixed%3B%20boundary%3D%22%3D%3D%3D%3D%3D96maqg90lyfn%3D%3D%3D%3D%3D%22&amp;key=AIzaSyAy9VVXHSpS2IJpptzYtGbLP3-3_l0aBk4</t>
  </si>
  <si>
    <t>http:///batch?%24ct=multipart%2Fmixed%3B%20boundary%3D%22%3D%3D%3D%3D%3Daefy7zy9uofv%3D%3D%3D%3D%3D%22&amp;key=AIzaSyAy9VVXHSpS2IJpptzYtGbLP3-3_l0aBk4</t>
  </si>
  <si>
    <t>01/14/2020 09:50:42</t>
  </si>
  <si>
    <t>http:///batch?%24ct=multipart%2Fmixed%3B%20boundary%3D%22%3D%3D%3D%3D%3D7ozrahg0iiii%3D%3D%3D%3D%3D%22&amp;key=AIzaSyAy9VVXHSpS2IJpptzYtGbLP3-3_l0aBk4</t>
  </si>
  <si>
    <t>http:///batch?%24ct=multipart%2Fmixed%3B%20boundary%3D%22%3D%3D%3D%3D%3Dgnmv7vgvdkt5%3D%3D%3D%3D%3D%22&amp;key=AIzaSyAy9VVXHSpS2IJpptzYtGbLP3-3_l0aBk4</t>
  </si>
  <si>
    <t>01/14/2020 09:51:48</t>
  </si>
  <si>
    <t>http:///batch?%24ct=multipart%2Fmixed%3B%20boundary%3D%22%3D%3D%3D%3D%3Di2rveoh41t77%3D%3D%3D%3D%3D%22&amp;key=AIzaSyAy9VVXHSpS2IJpptzYtGbLP3-3_l0aBk4</t>
  </si>
  <si>
    <t>01/14/2020 09:51:49</t>
  </si>
  <si>
    <t>http:///batch?%24ct=multipart%2Fmixed%3B%20boundary%3D%22%3D%3D%3D%3D%3Du6ddp3qcknpo%3D%3D%3D%3D%3D%22&amp;key=AIzaSyAy9VVXHSpS2IJpptzYtGbLP3-3_l0aBk4</t>
  </si>
  <si>
    <t>01/14/2020 09:52:59</t>
  </si>
  <si>
    <t>http:///batch?%24ct=multipart%2Fmixed%3B%20boundary%3D%22%3D%3D%3D%3D%3Dlblo0m8koby7%3D%3D%3D%3D%3D%22&amp;key=AIzaSyAy9VVXHSpS2IJpptzYtGbLP3-3_l0aBk4</t>
  </si>
  <si>
    <t>"mozilla/5.0 (windows nt 6.1) applewebkit/537.36 (khtml;1;13;13700014;13700235;13700451;13700607;13700946;13700982;13701139;13701214;13701239;13701422;13701506;13701573;13701625;13701709;13701901;13701909;13701945;13701957;13701969;1579006034382000;1579006036473000;5701393;[[13701653;adfn-ctkbyqzacwibdejfkp95v6hsdpmnmwk_yhrk6q5lp4xwgmgdzhs5xu4pdnmdp5sabufxffa;ancestorhasaugmentedpermissions;containsunsubscribedchildren;displayname;domain;emailaddress;false];file(kind;fileid;filesize;fsbe0gqdwcmfyg";hasthumbnail;hasvisitorpermissions;id;id);items(deleted;ken;ken=ac4w5vhnhffcpr0s1rvwina3hx353dw6pg:1579006034378&amp;buildlabel=drive.web-frontend_20200101.00_p40;kind;lastmodifyinguser(kind;lastviewedbymedate;like gecko) chrome/79.0.3945.117 safari/537.36";modifiedbymedate;modifieddate;null;ontainsunsubscribedchildren;owners(kind;per;permissionid;picture;pt-br;shared;sharedwithmedate;thumbnailversion;title;userpermission(role);workspaceids;</t>
  </si>
  <si>
    <t>http://"mozilla/5.0 (windows nt 6.1) applewebkit/537.36 (khtml,1,13,13700014,13700235,13700451,13700607,13700946,13700982,13701139,13701214,13701239,13701422,13701506,13701573,13701625,13701709,13701901,13701909,13701945,13701957,13701969,1579006034382000,1579006036473000,5701393,[[13701653,adfn-ctkbyqzacwibdejfkp95v6hsdpmnmwk_yhrk6q5lp4xwgmgdzhs5xu4pdnmdp5sabufxffa,ancestorhasaugmentedpermissions,containsunsubscribedchildren,displayname,domain,emailaddress,false],file(kind,fileid,filesize,fsbe0gqdwcmfyg",hasthumbnail,hasvisitorpermissions,id,id),items(deleted,ken,ken=ac4w5vhnhffcpr0s1rvwina3hx353dw6pg:1579006034378&amp;buildlabel=drive.web-frontend_20200101.00_p40,kind,lastmodifyinguser(kind,lastviewedbymedate,like gecko) chrome/79.0.3945.117 safari/537.36",modifiedbymedate,modifieddate,null,ontainsunsubscribedchildren,owners(kind,per,permissionid,picture,pt-br,shared,sharedwithmedate,thumbnailversion,title,userpermission(role),workspaceids</t>
  </si>
  <si>
    <t>http:///batch?%24ct=multipart%2Fmixed%3B%20boundary%3D%22%3D%3D%3D%3D%3Dndonr7bahz3%3D%3D%3D%3D%3D%22&amp;key=AIzaSyAy9VVXHSpS2IJpptzYtGbLP3-3_l0aBk4</t>
  </si>
  <si>
    <t>01/14/2020 09:54:15</t>
  </si>
  <si>
    <t>01/14/2020 09:54:16</t>
  </si>
  <si>
    <t>http:///batch?%24ct=multipart%2Fmixed%3B%20boundary%3D%22%3D%3D%3D%3D%3D8jo561mlhrpz%3D%3D%3D%3D%3D%22&amp;key=AIzaSyAy9VVXHSpS2IJpptzYtGbLP3-3_l0aBk4</t>
  </si>
  <si>
    <t>01/14/2020 09:51:19</t>
  </si>
  <si>
    <t>01/14/2020 09:52:09</t>
  </si>
  <si>
    <t>01/14/2020 09:50:56</t>
  </si>
  <si>
    <t>4fc71db8-93f2-4061-b313-ea519e457c74.tmp</t>
  </si>
  <si>
    <t>\\acsfs\profiles$\LAISLG\Downloads\4fc71db8-93f2-4061-b313-ea519e457c74.tmp</t>
  </si>
  <si>
    <t>01/14/2020 09:56:34</t>
  </si>
  <si>
    <t>01/14/2020 09:52:31</t>
  </si>
  <si>
    <t>01/14/2020 09:57:35</t>
  </si>
  <si>
    <t>b9472f80-37bd-4a5d-9749-39075dffaeca.tmp</t>
  </si>
  <si>
    <t>\\acsfs\profiles$\luanarda\Downloads\b9472f80-37bd-4a5d-9749-39075dffaeca.tmp</t>
  </si>
  <si>
    <t>01/14/2020 09:58:35</t>
  </si>
  <si>
    <t>01/14/2020 09:54:55</t>
  </si>
  <si>
    <t>SnippingTool - Atalho.lnk</t>
  </si>
  <si>
    <t>\\acsfs\ACS\Gabriel da Silva\Contemporânea\SnippingTool - Atalho.lnk</t>
  </si>
  <si>
    <t>01/14/2020 09:53:12</t>
  </si>
  <si>
    <t>b21763d4-24ce-4df3-9625-1c284271c210.tmp</t>
  </si>
  <si>
    <t>\\acsfs\profiles$\gabrielhca\Downloads\b21763d4-24ce-4df3-9625-1c284271c210.tmp</t>
  </si>
  <si>
    <t>01/14/2020 09:54:24</t>
  </si>
  <si>
    <t>6b42f5b9-867f-4ffe-898c-bd7b11e9de33.tmp</t>
  </si>
  <si>
    <t>\\acsfs\profiles$\gabrielhca\Downloads\6b42f5b9-867f-4ffe-898c-bd7b11e9de33.tmp</t>
  </si>
  <si>
    <t>01/14/2020 09:55:31</t>
  </si>
  <si>
    <t>22ccc24c-9129-4e6b-8bb7-9ab1fcc46ba7.tmp</t>
  </si>
  <si>
    <t>\\acsfs\profiles$\gabrielhca\Downloads\22ccc24c-9129-4e6b-8bb7-9ab1fcc46ba7.tmp</t>
  </si>
  <si>
    <t>01/14/2020 09:59:34</t>
  </si>
  <si>
    <t>01/14/2020 09:56:29</t>
  </si>
  <si>
    <t>f79072fb-52f2-4380-a5cf-efc910b56ff9.tmp</t>
  </si>
  <si>
    <t>\\acsfs\profiles$\lorenabmc\Downloads\f79072fb-52f2-4380-a5cf-efc910b56ff9.tmp</t>
  </si>
  <si>
    <t>01/14/2020 09:54:58</t>
  </si>
  <si>
    <t>01/14/2020 10:00:35</t>
  </si>
  <si>
    <t>01/14/2020 09:54:59</t>
  </si>
  <si>
    <t>lu12468p6xka.tmp</t>
  </si>
  <si>
    <t>\\acsfs\profiles$\dhiulliananads\My Documents\lu12468p6xka.tmp</t>
  </si>
  <si>
    <t>\\acsfs\profiles$\dhiulliananads\My Documents\lu12468p6xka.tmp\</t>
  </si>
  <si>
    <t>\\acsfs\profiles$\dhiulliananads\My Documents\lu12468p6xka.tmp\META-INF\</t>
  </si>
  <si>
    <t>\\acsfs\profiles$\dhiulliananads\My Documents\lu12468p6xka.tmp\Thumbnails\</t>
  </si>
  <si>
    <t>01/14/2020 09:59:35</t>
  </si>
  <si>
    <t>384a7836-d77f-48c5-b599-6aa2c2b9a24c.tmp</t>
  </si>
  <si>
    <t>\\acsfs\profiles$\matheushds\Downloads\384a7836-d77f-48c5-b599-6aa2c2b9a24c.tmp</t>
  </si>
  <si>
    <t>01/14/2020 09:55:46</t>
  </si>
  <si>
    <t>http:///batch?%24ct=multipart%2Fmixed%3B%20boundary%3D%22%3D%3D%3D%3D%3Ds6xyypia854m%3D%3D%3D%3D%3D%22&amp;key=AIzaSyAy9VVXHSpS2IJpptzYtGbLP3-3_l0aBk4</t>
  </si>
  <si>
    <t>01/14/2020 09:55:47</t>
  </si>
  <si>
    <t>http:///batch?%24ct=multipart%2Fmixed%3B%20boundary%3D%22%3D%3D%3D%3D%3D6gmz0xooryxs%3D%3D%3D%3D%3D%22&amp;key=AIzaSyAy9VVXHSpS2IJpptzYtGbLP3-3_l0aBk4</t>
  </si>
  <si>
    <t>01/14/2020 09:58:51</t>
  </si>
  <si>
    <t>http:///batch?%24ct=multipart%2Fmixed%3B%20boundary%3D%22%3D%3D%3D%3D%3Ddo08gtpzoqe7%3D%3D%3D%3D%3D%22&amp;key=AIzaSyAy9VVXHSpS2IJpptzYtGbLP3-3_l0aBk4</t>
  </si>
  <si>
    <t>01/14/2020 09:58:52</t>
  </si>
  <si>
    <t>http:///batch?%24ct=multipart%2Fmixed%3B%20boundary%3D%22%3D%3D%3D%3D%3D1aezc7eankv%3D%3D%3D%3D%3D%22&amp;key=AIzaSyAy9VVXHSpS2IJpptzYtGbLP3-3_l0aBk4</t>
  </si>
  <si>
    <t>01/14/2020 09:55:32</t>
  </si>
  <si>
    <t>40315204-e129-4384-9be4-00f1ae266d62.tmp</t>
  </si>
  <si>
    <t>\\acsfs\profiles$\mariagsg\Downloads\40315204-e129-4384-9be4-00f1ae266d62.tmp</t>
  </si>
  <si>
    <t>01/14/2020 09:55:34</t>
  </si>
  <si>
    <t>ed768a80-b07c-40dc-9956-f5fe477eed32.tmp</t>
  </si>
  <si>
    <t>\\acsfs\profiles$\mariagsg\Downloads\ed768a80-b07c-40dc-9956-f5fe477eed32.tmp</t>
  </si>
  <si>
    <t>01/14/2020 09:56:09</t>
  </si>
  <si>
    <t>Agent State Details 13.01.2020.xlsx</t>
  </si>
  <si>
    <t>\\acsfs\deptos\Operacao\PCP\5 - Comum\PLANEJAMENTO BV\23 - EXTRAÇÕES\Agent State Details\2020\JANEIRO\Agent State Details 13.01.2020.xlsx</t>
  </si>
  <si>
    <t>01/14/2020 09:57:34</t>
  </si>
  <si>
    <t>01/14/2020 09:57:46</t>
  </si>
  <si>
    <t>RELATORIO DE LOGIN - BV CARTÕES 12-01 - Cópia.xlsm</t>
  </si>
  <si>
    <t>\\acsfs\DEPTOS\Operacao\PCP\5 - Comum\PLANEJAMENTO BV\14 - ACOMPANHAMENTO\1 - REPORT ACOMPANHAMENTO\2020\1 - JANEIRO\CARTÕES\Login Logout Cartões\RELATORIO DE LOGIN - BV CARTÕES 12-01 - Cópia.xlsm</t>
  </si>
  <si>
    <t>01/14/2020 10:01:34</t>
  </si>
  <si>
    <t>01/14/2020 10:01:35</t>
  </si>
  <si>
    <t>01/14/2020 09:58:22</t>
  </si>
  <si>
    <t>01/14/2020 09:59:22</t>
  </si>
  <si>
    <t>01/14/2020 09:59:52</t>
  </si>
  <si>
    <t>01/14/2020 09:58:56</t>
  </si>
  <si>
    <t>01/14/2020 09:59:59</t>
  </si>
  <si>
    <t>01/14/2020 10:02:35</t>
  </si>
  <si>
    <t>dec61bb9-a477-4d3d-93f5-f0cb57091cff.tmp</t>
  </si>
  <si>
    <t>\\acsfs\profiles$\luanarda\Downloads\dec61bb9-a477-4d3d-93f5-f0cb57091cff.tmp</t>
  </si>
  <si>
    <t>01/14/2020 09:57:17</t>
  </si>
  <si>
    <t>3c0f4eac-2734-40a6-be84-2cc354a48129.tmp</t>
  </si>
  <si>
    <t>\\acsfs\profiles$\kamilamrc\Downloads\3c0f4eac-2734-40a6-be84-2cc354a48129.tmp</t>
  </si>
  <si>
    <t>01/14/2020 09:59:03</t>
  </si>
  <si>
    <t>5428cb58-87cf-430d-aa62-3d412d2996af.tmp</t>
  </si>
  <si>
    <t>\\acsfs\profiles$\kamilamrc\Downloads\5428cb58-87cf-430d-aa62-3d412d2996af.tmp</t>
  </si>
  <si>
    <t>7773bf46-7260-4ace-9a84-ebd3bdd025e1.tmp</t>
  </si>
  <si>
    <t>\\acsfs\profiles$\kamilamrc\Downloads\7773bf46-7260-4ace-9a84-ebd3bdd025e1.tmp</t>
  </si>
  <si>
    <t>01/14/2020 09:59:38</t>
  </si>
  <si>
    <t>2e2d602e-6c66-4ba8-9242-ce97f13288af.tmp</t>
  </si>
  <si>
    <t>\\acsfs\profiles$\kamilamrc\Downloads\2e2d602e-6c66-4ba8-9242-ce97f13288af.tmp</t>
  </si>
  <si>
    <t>01/14/2020 09:59:44</t>
  </si>
  <si>
    <t>fbbaf152-ab01-4cd7-9aa5-3e1c37de5c89.tmp</t>
  </si>
  <si>
    <t>\\acsfs\profiles$\kamilamrc\Downloads\fbbaf152-ab01-4cd7-9aa5-3e1c37de5c89.tmp</t>
  </si>
  <si>
    <t>01/14/2020 09:59:48</t>
  </si>
  <si>
    <t>434f0618-def2-433c-a673-68ed864338f7.tmp</t>
  </si>
  <si>
    <t>\\acsfs\profiles$\kamilamrc\Downloads\434f0618-def2-433c-a673-68ed864338f7.tmp</t>
  </si>
  <si>
    <t>01/14/2020 09:58:13</t>
  </si>
  <si>
    <t>96f58f8d-44d8-42b7-b8d4-9e0de0784f46.tmp</t>
  </si>
  <si>
    <t>\\acsfs\profiles$\lucasgpe\Downloads\96f58f8d-44d8-42b7-b8d4-9e0de0784f46.tmp</t>
  </si>
  <si>
    <t>01/14/2020 09:57:41</t>
  </si>
  <si>
    <t>22db4f6c-8a29-4e13-9e86-2411646c2214.tmp</t>
  </si>
  <si>
    <t>\\acsfs\profiles$\lorrainerdl\Downloads\22db4f6c-8a29-4e13-9e86-2411646c2214.tmp</t>
  </si>
  <si>
    <t>01/14/2020 10:01:56</t>
  </si>
  <si>
    <t>01/14/2020 10:03:34</t>
  </si>
  <si>
    <t>lu11748c87v.tmp</t>
  </si>
  <si>
    <t>\\acsfs\profiles$\BRUNAAR\Numero\lu11748c87v.tmp</t>
  </si>
  <si>
    <t>01/14/2020 09:58:16</t>
  </si>
  <si>
    <t>01/14/2020 10:01:53</t>
  </si>
  <si>
    <t>01/14/2020 10:02:37</t>
  </si>
  <si>
    <t>01/14/2020 10:04:40</t>
  </si>
  <si>
    <t>01/14/2020 10:05:34</t>
  </si>
  <si>
    <t>01/14/2020 10:04:22</t>
  </si>
  <si>
    <t>01/14/2020 10:04:46</t>
  </si>
  <si>
    <t>100014122394468;andrelpsa@algartech.com;joaogvc@algartech.com;josiascdsj@algartech.com;leonardoao@algartech.com;marianadjc@algartech.com;maristelavodq@bv.algartech.com;paulacn@algartech.com;qualidadealgarbv@algartech.com;supervisaobancovotorantim@algartech.com;taysdss@algartech.com;thiagolrc@bv.algartech.com;</t>
  </si>
  <si>
    <t>https://100014122394468,andrelpsa@algartech.com,joaogvc@algartech.com,josiascdsj@algartech.com,leonardoao@algartech.com,marianadjc@algartech.com,maristelavodq@bv.algartech.com,paulacn@algartech.com,qualidadealgarbv@algartech.com,supervisaobancovotorantim@algartech.com,taysdss@algartech.com,thiagolrc@bv.algartech.com</t>
  </si>
  <si>
    <t>01/14/2020 10:01:44</t>
  </si>
  <si>
    <t>https://joaogvc@algartech.com,marianadjc@algartech.com,planejamentodeoperacoesetrafego@bv.com.br,rafaelggs@algartech.com,raphaelmco@algartech.com.br,ricardodfm@algartech.com.br,taysdss@algartech.com,viniciussg@algartech.com</t>
  </si>
  <si>
    <t>01/14/2020 10:06:35</t>
  </si>
  <si>
    <t>01/14/2020 10:04:42</t>
  </si>
  <si>
    <t>01/14/2020 10:01:52</t>
  </si>
  <si>
    <t>01/14/2020 10:03:40</t>
  </si>
  <si>
    <t>ERICA LUZIANA SILVA RIBEIRO_1_6777327186214987232_1_32.wav</t>
  </si>
  <si>
    <t>\\acsfs\Deptos\EDUCACAO EMPRESARIAL\KÉSIA\Ligações 2º ciclo - Janeiro 2020\ERICA LUZIANA SILVA RIBEIRO_1_6777327186214987232_1_32.wav</t>
  </si>
  <si>
    <t>01/14/2020 10:04:16</t>
  </si>
  <si>
    <t>01/14/2020 10:07:35</t>
  </si>
  <si>
    <t>tatianefr</t>
  </si>
  <si>
    <t>\\acsfs\profiles$\tatianefr\</t>
  </si>
  <si>
    <t>\\acsfs\profiles$\tatianefr\LINKS DE ACESSO.txt</t>
  </si>
  <si>
    <t>01/14/2020 10:04:54</t>
  </si>
  <si>
    <t>\\acsfs\profiles$\tatianefr\My Documents\xworkcenter\logs\</t>
  </si>
  <si>
    <t>XLOG_tatianefr_10012020_074907.log</t>
  </si>
  <si>
    <t>\\acsfs\profiles$\tatianefr\My Documents\xworkcenter\logs\XLOG_tatianefr_10012020_074907.log</t>
  </si>
  <si>
    <t>\\acsfs\profiles$\tatianefr\My Documents\dbxwc\</t>
  </si>
  <si>
    <t>dbxwc.xwc</t>
  </si>
  <si>
    <t>\\acsfs\profiles$\tatianefr\My Documents\dbxwc\dbxwc.xwc</t>
  </si>
  <si>
    <t>01/14/2020 10:04:55</t>
  </si>
  <si>
    <t>XLOG_tatianefr_10012020_074843.log</t>
  </si>
  <si>
    <t>\\acsfs\profiles$\tatianefr\My Documents\xworkcenter\logs\XLOG_tatianefr_10012020_074843.log</t>
  </si>
  <si>
    <t>wrapper.log</t>
  </si>
  <si>
    <t>\\acsfs\profiles$\tatianefr\My Documents\xworkcenter\logs\wrapper.log</t>
  </si>
  <si>
    <t>01/14/2020 10:06:32</t>
  </si>
  <si>
    <t>fernandaab@algartech.com</t>
  </si>
  <si>
    <t>01/14/2020 10:06:34</t>
  </si>
  <si>
    <t>01/14/2020 10:06:40</t>
  </si>
  <si>
    <t>01/14/2020 10:06:47</t>
  </si>
  <si>
    <t>01/14/2020 10:06:52</t>
  </si>
  <si>
    <t>01/14/2020 10:07:02</t>
  </si>
  <si>
    <t>01/14/2020 10:08:34</t>
  </si>
  <si>
    <t>\\acsfs\profiles$\LUCASBS\Planilhas\</t>
  </si>
  <si>
    <t>.~lock.Retenção de Seguros 2.ods#</t>
  </si>
  <si>
    <t>\\acsfs\profiles$\LUCASBS\Planilhas\.~lock.Retenção de Seguros 2.ods#</t>
  </si>
  <si>
    <t>01/14/2020 10:04:57</t>
  </si>
  <si>
    <t>01/14/2020 10:07:32</t>
  </si>
  <si>
    <t>01/14/2020 10:08:33</t>
  </si>
  <si>
    <t>01/14/2020 10:09:35</t>
  </si>
  <si>
    <t>44317438-4954-464d-b172-698f9a736933.tmp</t>
  </si>
  <si>
    <t>\\acsfs\profiles$\lorraynevam\Downloads\44317438-4954-464d-b172-698f9a736933.tmp</t>
  </si>
  <si>
    <t>01/14/2020 10:04:41</t>
  </si>
  <si>
    <t>01/14/2020 10:07:34</t>
  </si>
  <si>
    <t>01/14/2020 10:10:34</t>
  </si>
  <si>
    <t>73ad34db-29c7-49da-b205-1681548d6fa0.tmp</t>
  </si>
  <si>
    <t>\\acsfs\profiles$\matheushds\Downloads\73ad34db-29c7-49da-b205-1681548d6fa0.tmp</t>
  </si>
  <si>
    <t>01/14/2020 10:08:40</t>
  </si>
  <si>
    <t>MATHEUS HENRIQUE DOS SANTOS (5049).contact</t>
  </si>
  <si>
    <t>\\acsfs\profiles$\matheushds\Contacts\MATHEUS HENRIQUE DOS SANTOS (5049).contact</t>
  </si>
  <si>
    <t>01/14/2020 10:06:38</t>
  </si>
  <si>
    <t>01/14/2020 10:06:54</t>
  </si>
  <si>
    <t>mail.google.com/sync/u/0/i/s?hl=pt-BR&amp;c=213</t>
  </si>
  <si>
    <t>01/14/2020 10:06:59</t>
  </si>
  <si>
    <t>01/14/2020 10:07:25</t>
  </si>
  <si>
    <t>01/14/2020 10:07:43</t>
  </si>
  <si>
    <t>01/14/2020 10:08:17</t>
  </si>
  <si>
    <t>100014122394468,andrelpsa@algartech.com,joaogvc@algartech.com,josiascdsj@algartech.com,leonardoao@algartech.com,marianadjc@algartech.com,maristelavodq@bv.algartech.com,paulacn@algartech.com,qualidadealgarbv@algartech.com,supervisaobancovotorantim@algartech.com,taysdss@algartech.com,thiagolrc@bv.algartech.com</t>
  </si>
  <si>
    <t>01/14/2020 10:09:15</t>
  </si>
  <si>
    <t>Agent utilization 01.01.2020 a 12.01.2020.xlsx</t>
  </si>
  <si>
    <t>\\acsfs\deptos\Operacao\PCP\5 - Comum\PLANEJAMENTO BV\23 - EXTRAÇÕES\Agent utilization\2020\Agent utilization 01.01.2020 a 12.01.2020.xlsx</t>
  </si>
  <si>
    <t>01/14/2020 10:06:41</t>
  </si>
  <si>
    <t>01/14/2020 10:06:42</t>
  </si>
  <si>
    <t>01/14/2020 10:11:35</t>
  </si>
  <si>
    <t>01/14/2020 10:07:53</t>
  </si>
  <si>
    <t>01/14/2020 10:08:23</t>
  </si>
  <si>
    <t>01/14/2020 10:08:53</t>
  </si>
  <si>
    <t>01/14/2020 10:10:06</t>
  </si>
  <si>
    <t>01/14/2020 10:12:35</t>
  </si>
  <si>
    <t>01/14/2020 10:11:21</t>
  </si>
  <si>
    <t>lu248202g3iq6.tmp</t>
  </si>
  <si>
    <t>\\acsfs\profiles$\lucasgpe\Desktop\lu248202g3iq6.tmp</t>
  </si>
  <si>
    <t>\\acsfs\profiles$\lucasgpe\Desktop\lu248202g3iq6.tmp\</t>
  </si>
  <si>
    <t>\\acsfs\profiles$\lucasgpe\Desktop\lu248202g3iq6.tmp\META-INF\</t>
  </si>
  <si>
    <t>\\acsfs\profiles$\lucasgpe\Desktop\lu248202g3iq6.tmp\Thumbnails\</t>
  </si>
  <si>
    <t>01/14/2020 10:08:45</t>
  </si>
  <si>
    <t>\\acsfs\profiles$\tatianefr\My Documents\xworkcenter\lex\</t>
  </si>
  <si>
    <t>\\acsfs\profiles$\tatianefr\My Documents\xworkcenter\lex\temp.tlx</t>
  </si>
  <si>
    <t>01/14/2020 10:08:46</t>
  </si>
  <si>
    <t>01/14/2020 10:08:47</t>
  </si>
  <si>
    <t>01/14/2020 10:08:48</t>
  </si>
  <si>
    <t>01/14/2020 10:08:49</t>
  </si>
  <si>
    <t>01/14/2020 10:08:50</t>
  </si>
  <si>
    <t>01/14/2020 10:08:51</t>
  </si>
  <si>
    <t>01/14/2020 10:08:52</t>
  </si>
  <si>
    <t>01/14/2020 10:08:54</t>
  </si>
  <si>
    <t>01/14/2020 10:08:55</t>
  </si>
  <si>
    <t>01/14/2020 10:08:56</t>
  </si>
  <si>
    <t>01/14/2020 10:08:57</t>
  </si>
  <si>
    <t>01/14/2020 10:08:58</t>
  </si>
  <si>
    <t>01/14/2020 10:08:59</t>
  </si>
  <si>
    <t>01/14/2020 10:09:00</t>
  </si>
  <si>
    <t>01/14/2020 10:09:01</t>
  </si>
  <si>
    <t>01/14/2020 10:09:02</t>
  </si>
  <si>
    <t>01/14/2020 10:09:03</t>
  </si>
  <si>
    <t>01/14/2020 10:09:04</t>
  </si>
  <si>
    <t>01/14/2020 10:09:05</t>
  </si>
  <si>
    <t>01/14/2020 10:09:06</t>
  </si>
  <si>
    <t>01/14/2020 10:09:07</t>
  </si>
  <si>
    <t>01/14/2020 10:09:08</t>
  </si>
  <si>
    <t>01/14/2020 10:09:09</t>
  </si>
  <si>
    <t>01/14/2020 10:09:10</t>
  </si>
  <si>
    <t>01/14/2020 10:09:11</t>
  </si>
  <si>
    <t>01/14/2020 10:09:12</t>
  </si>
  <si>
    <t>01/14/2020 10:13:35</t>
  </si>
  <si>
    <t>01/14/2020 10:12:43</t>
  </si>
  <si>
    <t>6bde45a3-8f42-405d-b8a1-67c74214fb34.tmp</t>
  </si>
  <si>
    <t>\\acsfs\profiles$\gabrielsma\Downloads\6bde45a3-8f42-405d-b8a1-67c74214fb34.tmp</t>
  </si>
  <si>
    <t>01/14/2020 10:10:52</t>
  </si>
  <si>
    <t>01/14/2020 10:14:35</t>
  </si>
  <si>
    <t>8e2f8696-0ead-45ea-8d2c-2371ccb0eef1.tmp</t>
  </si>
  <si>
    <t>\\acsfs\profiles$\gabrielaff\Downloads\8e2f8696-0ead-45ea-8d2c-2371ccb0eef1.tmp</t>
  </si>
  <si>
    <t>01/14/2020 10:13:49</t>
  </si>
  <si>
    <t>01/14/2020 10:09:32</t>
  </si>
  <si>
    <t>02b09729-48a7-4001-8ca1-bc196fb60892.tmp</t>
  </si>
  <si>
    <t>\\acsfs\profiles$\nathaliarmr\Downloads\02b09729-48a7-4001-8ca1-bc196fb60892.tmp</t>
  </si>
  <si>
    <t>01/14/2020 10:13:00</t>
  </si>
  <si>
    <t>aa7f8abf-c9fe-40a4-8013-4cbfb5c6cadc.tmp</t>
  </si>
  <si>
    <t>\\acsfs\profiles$\claudiajca\Downloads\aa7f8abf-c9fe-40a4-8013-4cbfb5c6cadc.tmp</t>
  </si>
  <si>
    <t>01/14/2020 10:11:05</t>
  </si>
  <si>
    <t>01/14/2020 10:15:35</t>
  </si>
  <si>
    <t>01/14/2020 10:11:06</t>
  </si>
  <si>
    <t>01/14/2020 10:11:15</t>
  </si>
  <si>
    <t>01/14/2020 10:11:19</t>
  </si>
  <si>
    <t>AGENT LOGIN LOGOUT DETAILS REPORT 13.01.2020.xlsx</t>
  </si>
  <si>
    <t>\\acsfs\deptos\Operacao\PCP\5 - Comum\PLANEJAMENTO BV\23 - EXTRAÇÕES\Agente Login Logout details report\2020\JANEIRO\AGENT LOGIN LOGOUT DETAILS REPORT 13.01.2020.xlsx</t>
  </si>
  <si>
    <t>Queue Summary Report 01.01.20 a 12.01.2020.xlsx</t>
  </si>
  <si>
    <t>\\acsfs\deptos\Operacao\PCP\5 - Comum\PLANEJAMENTO BV\23 - EXTRAÇÕES\Queue Summary Report\2020\Queue Summary Report 01.01.20 a 12.01.2020.xlsx</t>
  </si>
  <si>
    <t>01/14/2020 10:10:45</t>
  </si>
  <si>
    <t>01/14/2020 10:16:35</t>
  </si>
  <si>
    <t>01/14/2020 10:10:46</t>
  </si>
  <si>
    <t>lu941615w46h.tmp</t>
  </si>
  <si>
    <t>\\acsfs\profiles$\CINTIADCF\lu941615w46h.tmp</t>
  </si>
  <si>
    <t>\\acsfs\profiles$\CINTIADCF\lu941615w46h.tmp\</t>
  </si>
  <si>
    <t>\\acsfs\profiles$\CINTIADCF\lu941615w46h.tmp\META-INF\</t>
  </si>
  <si>
    <t>\\acsfs\profiles$\CINTIADCF\lu941615w46h.tmp\Thumbnails\</t>
  </si>
  <si>
    <t>01/14/2020 10:13:23</t>
  </si>
  <si>
    <t>01/14/2020 10:13:53</t>
  </si>
  <si>
    <t>01/14/2020 10:16:11</t>
  </si>
  <si>
    <t>VALERIA SENA DE ARAUJO_1_6778791138702722958_1_32.wav</t>
  </si>
  <si>
    <t>\\acsfs\Deptos\EDUCACAO EMPRESARIAL\KÉSIA\Ligações 2º ciclo - Janeiro 2020\VALERIA SENA DE ARAUJO_1_6778791138702722958_1_32.wav</t>
  </si>
  <si>
    <t>01/14/2020 10:15:10</t>
  </si>
  <si>
    <t>01/14/2020 10:17:35</t>
  </si>
  <si>
    <t>01/14/2020 10:15:11</t>
  </si>
  <si>
    <t>01/14/2020 10:12:21</t>
  </si>
  <si>
    <t>01/14/2020 10:12:42</t>
  </si>
  <si>
    <t>01/14/2020 10:12:50</t>
  </si>
  <si>
    <t>01/14/2020 10:12:52</t>
  </si>
  <si>
    <t>01/14/2020 10:12:00</t>
  </si>
  <si>
    <t>7002798f-58a8-49b2-aa0b-2050bee92596.tmp</t>
  </si>
  <si>
    <t>\\acsfs\profiles$\lucasgpe\Downloads\7002798f-58a8-49b2-aa0b-2050bee92596.tmp</t>
  </si>
  <si>
    <t>01/14/2020 10:12:05</t>
  </si>
  <si>
    <t>ee7916ac-a175-4c34-854a-3e974a33a93b.tmp</t>
  </si>
  <si>
    <t>\\acsfs\profiles$\lucasgpe\Downloads\ee7916ac-a175-4c34-854a-3e974a33a93b.tmp</t>
  </si>
  <si>
    <t>01/14/2020 10:14:48</t>
  </si>
  <si>
    <t>\\acsfs\Deptos\EDUCACAO EMPRESARIAL\FERNANDA MONIT\Fernanda\MONITORIA JANEIRO\Ligação para MUTANT segundo ciclo janeiro\</t>
  </si>
  <si>
    <t>Lais Ribeiro_1_6777339242188187926_1_32.wav</t>
  </si>
  <si>
    <t>\\acsfs\Deptos\EDUCACAO EMPRESARIAL\FERNANDA MONIT\Fernanda\MONITORIA JANEIRO\Ligação para MUTANT segundo ciclo janeiro\Lais Ribeiro_1_6777339242188187926_1_32.wav</t>
  </si>
  <si>
    <t>01/14/2020 10:12:49</t>
  </si>
  <si>
    <t>01/14/2020 10:18:34</t>
  </si>
  <si>
    <t>lu124162ieot.tmp</t>
  </si>
  <si>
    <t>\\acsfs\profiles$\LUCASBS\Planilhas\lu124162ieot.tmp</t>
  </si>
  <si>
    <t>\\acsfs\profiles$\LUCASBS\Planilhas\lu124162ieot.tmp\</t>
  </si>
  <si>
    <t>\\acsfs\profiles$\LUCASBS\Planilhas\lu124162ieot.tmp\META-INF\</t>
  </si>
  <si>
    <t>\\acsfs\profiles$\LUCASBS\Planilhas\lu124162ieot.tmp\Thumbnails\</t>
  </si>
  <si>
    <t>01/14/2020 10:17:14</t>
  </si>
  <si>
    <t>f0a2b6d7-34ae-4f55-906f-083ba396a3b1.tmp</t>
  </si>
  <si>
    <t>\\acsfs\profiles$\rafaelahpn\Downloads\f0a2b6d7-34ae-4f55-906f-083ba396a3b1.tmp</t>
  </si>
  <si>
    <t>01/14/2020 10:14:46</t>
  </si>
  <si>
    <t>01/14/2020 10:19:35</t>
  </si>
  <si>
    <t>01/14/2020 10:15:44</t>
  </si>
  <si>
    <t>17/09/1999;__/__/____;</t>
  </si>
  <si>
    <t>https://17/09/1999,__/__/____</t>
  </si>
  <si>
    <t>01/14/2020 10:16:08</t>
  </si>
  <si>
    <t>01/14/2020 10:16:16</t>
  </si>
  <si>
    <t>01/14/2020 10:16:18</t>
  </si>
  <si>
    <t>01/14/2020 10:16:58</t>
  </si>
  <si>
    <t>https://parceiro.metlife.com.br/cotadorml/implantador/propostas/cadproposta.aspx?idproposta=1879723</t>
  </si>
  <si>
    <t>01/14/2020 10:15:27</t>
  </si>
  <si>
    <t>10.200.67.50</t>
  </si>
  <si>
    <t>\\acsfs\profiles$\stefaniasdf\My Documents\xworkcenter\lex\</t>
  </si>
  <si>
    <t>\\acsfs\profiles$\stefaniasdf\My Documents\xworkcenter\lex\temp.tlx</t>
  </si>
  <si>
    <t>01/14/2020 10:15:28</t>
  </si>
  <si>
    <t>01/14/2020 10:15:29</t>
  </si>
  <si>
    <t>01/14/2020 10:15:30</t>
  </si>
  <si>
    <t>01/14/2020 10:15:31</t>
  </si>
  <si>
    <t>01/14/2020 10:15:32</t>
  </si>
  <si>
    <t>01/14/2020 10:15:33</t>
  </si>
  <si>
    <t>01/14/2020 10:15:34</t>
  </si>
  <si>
    <t>01/14/2020 10:15:36</t>
  </si>
  <si>
    <t>01/14/2020 10:15:37</t>
  </si>
  <si>
    <t>01/14/2020 10:15:38</t>
  </si>
  <si>
    <t>01/14/2020 10:15:39</t>
  </si>
  <si>
    <t>01/14/2020 10:15:40</t>
  </si>
  <si>
    <t>01/14/2020 10:15:41</t>
  </si>
  <si>
    <t>01/14/2020 10:15:42</t>
  </si>
  <si>
    <t>01/14/2020 10:15:43</t>
  </si>
  <si>
    <t>01/14/2020 10:15:45</t>
  </si>
  <si>
    <t>01/14/2020 10:15:46</t>
  </si>
  <si>
    <t>01/14/2020 10:15:47</t>
  </si>
  <si>
    <t>01/14/2020 10:15:48</t>
  </si>
  <si>
    <t>01/14/2020 10:15:49</t>
  </si>
  <si>
    <t>01/14/2020 10:15:50</t>
  </si>
  <si>
    <t>01/14/2020 10:15:51</t>
  </si>
  <si>
    <t>01/14/2020 10:18:44</t>
  </si>
  <si>
    <t>00a921cd-4650-4a88-9bc0-f13609ec6dca.tmp</t>
  </si>
  <si>
    <t>\\acsfs\profiles$\nathaliarmr\Downloads\00a921cd-4650-4a88-9bc0-f13609ec6dca.tmp</t>
  </si>
  <si>
    <t>01/14/2020 10:15:52</t>
  </si>
  <si>
    <t>01/14/2020 10:20:35</t>
  </si>
  <si>
    <t>01/14/2020 10:19:03</t>
  </si>
  <si>
    <t>01/14/2020 10:19:04</t>
  </si>
  <si>
    <t>lu1000011qr4z.tmp</t>
  </si>
  <si>
    <t>\\acsfs\profiles$\jonathanwap\lu1000011qr4z.tmp</t>
  </si>
  <si>
    <t>\\acsfs\profiles$\jonathanwap\lu1000011qr4z.tmp\</t>
  </si>
  <si>
    <t>\\acsfs\profiles$\jonathanwap\lu1000011qr4z.tmp\META-INF\</t>
  </si>
  <si>
    <t>\\acsfs\profiles$\jonathanwap\lu1000011qr4z.tmp\Thumbnails\</t>
  </si>
  <si>
    <t>01/14/2020 10:20:01</t>
  </si>
  <si>
    <t>mail.google.com/sync/u/0/i/s?hl=pt-BR&amp;c=605</t>
  </si>
  <si>
    <t>01/14/2020 10:20:09</t>
  </si>
  <si>
    <t>01/14/2020 10:20:15</t>
  </si>
  <si>
    <t>mail.google.com/sync/u/0/i/s?hl=pt-BR&amp;c=609</t>
  </si>
  <si>
    <t>01/14/2020 10:16:54</t>
  </si>
  <si>
    <t>01/14/2020 10:21:35</t>
  </si>
  <si>
    <t>01/14/2020 10:17:18</t>
  </si>
  <si>
    <t>f73ca937-649c-48fb-8178-7dfe2c7cdcb4.tmp</t>
  </si>
  <si>
    <t>\\acsfs\profiles$\gabriellalpr\Downloads\f73ca937-649c-48fb-8178-7dfe2c7cdcb4.tmp</t>
  </si>
  <si>
    <t>01/14/2020 10:17:24</t>
  </si>
  <si>
    <t>01/14/2020 10:17:54</t>
  </si>
  <si>
    <t>01/14/2020 10:22:35</t>
  </si>
  <si>
    <t>01/14/2020 10:18:04</t>
  </si>
  <si>
    <t>01/14/2020 10:20:36</t>
  </si>
  <si>
    <t>\\acsfs\profiles$\camillaleb\Downloads\</t>
  </si>
  <si>
    <t>7efdc53e-e30c-4ff9-a880-43ae3a34e615.tmp</t>
  </si>
  <si>
    <t>\\acsfs\profiles$\camillaleb\Downloads\7efdc53e-e30c-4ff9-a880-43ae3a34e615.tmp</t>
  </si>
  <si>
    <t>01/14/2020 10:19:46</t>
  </si>
  <si>
    <t>01/14/2020 10:23:35</t>
  </si>
  <si>
    <t>Jaqueline Coimbra_1_6777741126573039597_1_32.wav</t>
  </si>
  <si>
    <t>\\acsfs\Deptos\EDUCACAO EMPRESARIAL\FERNANDA MONIT\Fernanda\MONITORIA JANEIRO\Ligação para MUTANT segundo ciclo janeiro\Jaqueline Coimbra_1_6777741126573039597_1_32.wav</t>
  </si>
  <si>
    <t>01/14/2020 10:17:37</t>
  </si>
  <si>
    <t>1d5186c8-e4ca-4d2e-9e80-6669fb313449.tmp</t>
  </si>
  <si>
    <t>\\acsfs\profiles$\gabrielsma\Downloads\1d5186c8-e4ca-4d2e-9e80-6669fb313449.tmp</t>
  </si>
  <si>
    <t>01/14/2020 10:17:50</t>
  </si>
  <si>
    <t>Não confirmado 529515.crdownload</t>
  </si>
  <si>
    <t>\\acsfs\ACS\Gabriel da Silva\Contemporânea\Acessos\Não confirmado 529515.crdownload</t>
  </si>
  <si>
    <t>01/14/2020 10:18:20</t>
  </si>
  <si>
    <t>7c65b533-4b13-4425-82a0-a719b348a31a.tmp</t>
  </si>
  <si>
    <t>\\acsfs\profiles$\gabrielsma\Downloads\7c65b533-4b13-4425-82a0-a719b348a31a.tmp</t>
  </si>
  <si>
    <t>01/14/2020 10:18:26</t>
  </si>
  <si>
    <t>Não confirmado 218490.crdownload</t>
  </si>
  <si>
    <t>\\acsfs\ACS\Gabriel da Silva\Contemporânea\Acessos\Não confirmado 218490.crdownload</t>
  </si>
  <si>
    <t>01/14/2020 10:19:58</t>
  </si>
  <si>
    <t>dd737415-a938-4138-906c-838844d0bb97.tmp</t>
  </si>
  <si>
    <t>\\acsfs\profiles$\francislayneads\Downloads\dd737415-a938-4138-906c-838844d0bb97.tmp</t>
  </si>
  <si>
    <t>01/14/2020 10:20:27</t>
  </si>
  <si>
    <t>d5263208-e54b-4e34-9b7c-877fe6f294d8.tmp</t>
  </si>
  <si>
    <t>\\acsfs\profiles$\francislayneads\Downloads\d5263208-e54b-4e34-9b7c-877fe6f294d8.tmp</t>
  </si>
  <si>
    <t>01/14/2020 10:21:00</t>
  </si>
  <si>
    <t>a717984f-2dc6-4881-ad9f-31e2e655e4a0.tmp</t>
  </si>
  <si>
    <t>\\acsfs\profiles$\francislayneads\Downloads\a717984f-2dc6-4881-ad9f-31e2e655e4a0.tmp</t>
  </si>
  <si>
    <t>01/14/2020 10:24:35</t>
  </si>
  <si>
    <t>01/14/2020 10:19:31</t>
  </si>
  <si>
    <t>45e9e91f-e942-44d8-82f8-0709d45877ac.tmp</t>
  </si>
  <si>
    <t>\\acsfs\profiles$\gabrielafs\Downloads\45e9e91f-e942-44d8-82f8-0709d45877ac.tmp</t>
  </si>
  <si>
    <t>01/14/2020 10:19:32</t>
  </si>
  <si>
    <t>799c9c0f-d3c3-4df4-999c-0d8dca9c7d1c.tmp</t>
  </si>
  <si>
    <t>\\acsfs\profiles$\gabrielafs\Downloads\799c9c0f-d3c3-4df4-999c-0d8dca9c7d1c.tmp</t>
  </si>
  <si>
    <t>01/14/2020 10:19:34</t>
  </si>
  <si>
    <t>fcd9875a-86f5-49ec-a031-4c214caa40cf.tmp</t>
  </si>
  <si>
    <t>\\acsfs\profiles$\gabrielafs\Downloads\fcd9875a-86f5-49ec-a031-4c214caa40cf.tmp</t>
  </si>
  <si>
    <t>82e46d4a-0b0e-4a89-9b14-37d9c3982a7b.tmp</t>
  </si>
  <si>
    <t>\\acsfs\profiles$\gabrielafs\Downloads\82e46d4a-0b0e-4a89-9b14-37d9c3982a7b.tmp</t>
  </si>
  <si>
    <t>01/14/2020 10:21:57</t>
  </si>
  <si>
    <t>9be984bd-1e29-456d-929a-41f91a4838b2.tmp</t>
  </si>
  <si>
    <t>\\acsfs\profiles$\gabrielafs\Downloads\9be984bd-1e29-456d-929a-41f91a4838b2.tmp</t>
  </si>
  <si>
    <t>01/14/2020 10:22:03</t>
  </si>
  <si>
    <t>0b66b4d5-45b0-4ca0-a41b-009a27a2a985.tmp</t>
  </si>
  <si>
    <t>\\acsfs\profiles$\nathaliarmr\Downloads\0b66b4d5-45b0-4ca0-a41b-009a27a2a985.tmp</t>
  </si>
  <si>
    <t>01/14/2020 10:23:54</t>
  </si>
  <si>
    <t>1f65b33c-fda5-41bd-b13d-33f39b561994.tmp</t>
  </si>
  <si>
    <t>\\acsfs\profiles$\nathaliarmr\Downloads\1f65b33c-fda5-41bd-b13d-33f39b561994.tmp</t>
  </si>
  <si>
    <t>01/13/2020 20:54:07</t>
  </si>
  <si>
    <t>\\acsfs\profiles$\anakcs\My Documents\xworkcenter\logs\</t>
  </si>
  <si>
    <t>XLOG_anakcs_13012020_123409.log</t>
  </si>
  <si>
    <t>\\acsfs\profiles$\anakcs\My Documents\xworkcenter\logs\XLOG_anakcs_13012020_123409.log</t>
  </si>
  <si>
    <t>01/14/2020 10:25:35</t>
  </si>
  <si>
    <t>01/14/2020 10:21:22</t>
  </si>
  <si>
    <t>1063bd73-4215-4b29-a663-ce17041038c7.tmp</t>
  </si>
  <si>
    <t>\\acsfs\profiles$\mariajra\Downloads\1063bd73-4215-4b29-a663-ce17041038c7.tmp</t>
  </si>
  <si>
    <t>01/14/2020 10:22:14</t>
  </si>
  <si>
    <t>01/14/2020 10:22:21</t>
  </si>
  <si>
    <t>01/14/2020 10:22:41</t>
  </si>
  <si>
    <t>01/14/2020 10:22:50</t>
  </si>
  <si>
    <t>mail.google.com/sync/u/0/i/s?hl=pt-BR&amp;c=241</t>
  </si>
  <si>
    <t>01/14/2020 10:23:05</t>
  </si>
  <si>
    <t>01/14/2020 10:23:15</t>
  </si>
  <si>
    <t>01/14/2020 10:23:33</t>
  </si>
  <si>
    <t>01/14/2020 10:23:48</t>
  </si>
  <si>
    <t>01/14/2020 10:23:59</t>
  </si>
  <si>
    <t>mail.google.com/sync/u/0/i/s?hl=pt-BR&amp;c=252</t>
  </si>
  <si>
    <t>01/14/2020 10:24:06</t>
  </si>
  <si>
    <t>01/14/2020 10:24:11</t>
  </si>
  <si>
    <t>01/14/2020 10:25:13</t>
  </si>
  <si>
    <t>mail.google.com/sync/u/0/i/s?hl=pt-BR&amp;c=262</t>
  </si>
  <si>
    <t>01/14/2020 10:25:17</t>
  </si>
  <si>
    <t>01/14/2020 10:25:22</t>
  </si>
  <si>
    <t>01/14/2020 10:25:27</t>
  </si>
  <si>
    <t>01/14/2020 10:20:40</t>
  </si>
  <si>
    <t>01/14/2020 10:20:46</t>
  </si>
  <si>
    <t>mail.google.com/sync/u/0/i/s?hl=pt-BR&amp;c=614</t>
  </si>
  <si>
    <t>01/14/2020 10:20:49</t>
  </si>
  <si>
    <t>mail.google.com/sync/u/0/i/s?hl=pt-BR&amp;c=616</t>
  </si>
  <si>
    <t>01/14/2020 10:21:31</t>
  </si>
  <si>
    <t>mail.google.com/sync/u/0/i/s?hl=pt-BR&amp;c=618</t>
  </si>
  <si>
    <t>01/14/2020 10:21:33</t>
  </si>
  <si>
    <t>mail.google.com/sync/u/0/i/s?hl=pt-BR&amp;c=620</t>
  </si>
  <si>
    <t>01/14/2020 10:21:39</t>
  </si>
  <si>
    <t>01/14/2020 10:21:47</t>
  </si>
  <si>
    <t>mail.google.com/sync/u/0/i/s?hl=pt-BR&amp;c=625</t>
  </si>
  <si>
    <t>01/14/2020 10:22:13</t>
  </si>
  <si>
    <t>mail.google.com/sync/u/0/i/s?hl=pt-BR&amp;c=628</t>
  </si>
  <si>
    <t>01/14/2020 10:22:26</t>
  </si>
  <si>
    <t>mail.google.com/sync/u/0/i/s?hl=pt-BR&amp;c=630</t>
  </si>
  <si>
    <t>01/14/2020 10:22:45</t>
  </si>
  <si>
    <t>01/14/2020 10:23:01</t>
  </si>
  <si>
    <t>01/14/2020 10:23:14</t>
  </si>
  <si>
    <t>01/14/2020 10:24:08</t>
  </si>
  <si>
    <t>01/14/2020 10:24:17</t>
  </si>
  <si>
    <t>01/14/2020 10:24:23</t>
  </si>
  <si>
    <t>01/14/2020 10:24:44</t>
  </si>
  <si>
    <t>mail.google.com/sync/u/0/i/s?hl=pt-BR&amp;c=648</t>
  </si>
  <si>
    <t>01/14/2020 10:24:54</t>
  </si>
  <si>
    <t>mail.google.com/sync/u/0/i/s?hl=pt-BR&amp;c=650</t>
  </si>
  <si>
    <t>01/14/2020 10:25:04</t>
  </si>
  <si>
    <t>mail.google.com/sync/u/0/i/s?hl=pt-BR&amp;c=652</t>
  </si>
  <si>
    <t>01/14/2020 10:22:48</t>
  </si>
  <si>
    <t>01/14/2020 10:26:35</t>
  </si>
  <si>
    <t>01/14/2020 10:23:03</t>
  </si>
  <si>
    <t>01/14/2020 10:24:53</t>
  </si>
  <si>
    <t>01/14/2020 10:25:47</t>
  </si>
  <si>
    <t>a7d34f7c-275c-423c-aaee-5d4612802fc8.tmp</t>
  </si>
  <si>
    <t>\\acsfs\profiles$\monicargds\Downloads\a7d34f7c-275c-423c-aaee-5d4612802fc8.tmp</t>
  </si>
  <si>
    <t>01/14/2020 10:20:54</t>
  </si>
  <si>
    <t>01/14/2020 10:21:24</t>
  </si>
  <si>
    <t>01/14/2020 10:23:24</t>
  </si>
  <si>
    <t>01/14/2020 10:22:19</t>
  </si>
  <si>
    <t>YASMIN SOARES COSTA_1_6777688543288429571_1_32.wav</t>
  </si>
  <si>
    <t>\\acsfs\Deptos\EDUCACAO EMPRESARIAL\KÉSIA\Ligações 2º ciclo - Janeiro 2020\YASMIN SOARES COSTA_1_6777688543288429571_1_32.wav</t>
  </si>
  <si>
    <t>01/14/2020 10:25:32</t>
  </si>
  <si>
    <t>01/14/2020 10:27:34</t>
  </si>
  <si>
    <t>e98287c5-e21f-412f-9dce-32b6c3356e04.tmp</t>
  </si>
  <si>
    <t>\\acsfs\profiles$\geovannasm\Downloads\e98287c5-e21f-412f-9dce-32b6c3356e04.tmp</t>
  </si>
  <si>
    <t>01/14/2020 10:23:13</t>
  </si>
  <si>
    <t>01/14/2020 10:28:35</t>
  </si>
  <si>
    <t>01/14/2020 10:24:13</t>
  </si>
  <si>
    <t>01/14/2020 10:24:50</t>
  </si>
  <si>
    <t>01/14/2020 10:24:59</t>
  </si>
  <si>
    <t>01/14/2020 10:25:06</t>
  </si>
  <si>
    <t>01/14/2020 10:25:18</t>
  </si>
  <si>
    <t>01/14/2020 10:25:25</t>
  </si>
  <si>
    <t>01/14/2020 10:25:41</t>
  </si>
  <si>
    <t>01/14/2020 10:25:49</t>
  </si>
  <si>
    <t>01/14/2020 10:25:21</t>
  </si>
  <si>
    <t>4a714f70-b5c1-4aa6-ae03-db967e2c690e.tmp</t>
  </si>
  <si>
    <t>\\acsfs\profiles$\rafaelahpn\Downloads\4a714f70-b5c1-4aa6-ae03-db967e2c690e.tmp</t>
  </si>
  <si>
    <t>01/14/2020 10:29:34</t>
  </si>
  <si>
    <t>1f578e73-6279-4c3e-9a8b-9b5a570bcc6f.tmp</t>
  </si>
  <si>
    <t>\\acsfs\profiles$\gabrielaff\Downloads\1f578e73-6279-4c3e-9a8b-9b5a570bcc6f.tmp</t>
  </si>
  <si>
    <t>01/14/2020 10:25:16</t>
  </si>
  <si>
    <t>9d50c056-9e69-4059-b89b-1fe1a870087c.tmp</t>
  </si>
  <si>
    <t>\\acsfs\profiles$\gabrielaff\Downloads\9d50c056-9e69-4059-b89b-1fe1a870087c.tmp</t>
  </si>
  <si>
    <t>01/14/2020 10:26:53</t>
  </si>
  <si>
    <t>d4651c90-b9f5-454b-9620-42b9fb98750d.tmp</t>
  </si>
  <si>
    <t>\\acsfs\profiles$\gabrielaff\Downloads\d4651c90-b9f5-454b-9620-42b9fb98750d.tmp</t>
  </si>
  <si>
    <t>01/14/2020 10:27:24</t>
  </si>
  <si>
    <t>66157157-ac60-4ad2-8ab2-b0d25ecc8795.tmp</t>
  </si>
  <si>
    <t>\\acsfs\profiles$\gabrielaff\Downloads\66157157-ac60-4ad2-8ab2-b0d25ecc8795.tmp</t>
  </si>
  <si>
    <t>01/14/2020 10:28:05</t>
  </si>
  <si>
    <t>01/14/2020 10:24:30</t>
  </si>
  <si>
    <t>0ce3812b-8d70-4f15-8cae-26881911eb09.tmp</t>
  </si>
  <si>
    <t>\\acsfs\profiles$\gabrielafs\Downloads\0ce3812b-8d70-4f15-8cae-26881911eb09.tmp</t>
  </si>
  <si>
    <t>01/14/2020 10:30:35</t>
  </si>
  <si>
    <t>01/14/2020 10:25:42</t>
  </si>
  <si>
    <t>01/14/2020 10:26:21</t>
  </si>
  <si>
    <t>mail.google.com/sync/u/0/i/s?hl=pt-BR&amp;c=275</t>
  </si>
  <si>
    <t>01/14/2020 10:26:28</t>
  </si>
  <si>
    <t>01/14/2020 10:26:34</t>
  </si>
  <si>
    <t>01/14/2020 10:26:40</t>
  </si>
  <si>
    <t>01/14/2020 10:25:40</t>
  </si>
  <si>
    <t>01/14/2020 10:25:48</t>
  </si>
  <si>
    <t>01/14/2020 10:26:01</t>
  </si>
  <si>
    <t>01/14/2020 10:26:06</t>
  </si>
  <si>
    <t>01/14/2020 10:26:17</t>
  </si>
  <si>
    <t>01/14/2020 10:26:26</t>
  </si>
  <si>
    <t>01/14/2020 10:26:39</t>
  </si>
  <si>
    <t>mail.google.com/sync/u/0/i/s?hl=pt-BR&amp;c=673</t>
  </si>
  <si>
    <t>01/14/2020 10:27:03</t>
  </si>
  <si>
    <t>mail.google.com/sync/u/0/i/s?hl=pt-BR&amp;c=679</t>
  </si>
  <si>
    <t>01/14/2020 10:27:16</t>
  </si>
  <si>
    <t>01/14/2020 10:27:23</t>
  </si>
  <si>
    <t>01/14/2020 10:27:32</t>
  </si>
  <si>
    <t>mail.google.com/sync/u/0/i/s?hl=pt-BR&amp;c=688</t>
  </si>
  <si>
    <t>01/14/2020 10:29:04</t>
  </si>
  <si>
    <t>01/14/2020 10:28:18</t>
  </si>
  <si>
    <t>mail.google.com/sync/u/0/i/s?hl=pt-BR&amp;c=690</t>
  </si>
  <si>
    <t>01/14/2020 10:28:41</t>
  </si>
  <si>
    <t>mail.google.com/sync/u/0/i/s?hl=pt-BR&amp;c=693</t>
  </si>
  <si>
    <t>01/14/2020 10:28:47</t>
  </si>
  <si>
    <t>mail.google.com/sync/u/0/i/s?hl=pt-BR&amp;c=695</t>
  </si>
  <si>
    <t>01/14/2020 10:29:30</t>
  </si>
  <si>
    <t>mail.google.com/sync/u/0/i/s?hl=pt-BR&amp;c=698</t>
  </si>
  <si>
    <t>01/14/2020 10:29:38</t>
  </si>
  <si>
    <t>mail.google.com/sync/u/0/i/s?hl=pt-BR&amp;c=701</t>
  </si>
  <si>
    <t>01/14/2020 10:29:32</t>
  </si>
  <si>
    <t>01/14/2020 10:29:33</t>
  </si>
  <si>
    <t>01/14/2020 10:28:25</t>
  </si>
  <si>
    <t>01/14/2020 10:31:34</t>
  </si>
  <si>
    <t>01/14/2020 10:28:55</t>
  </si>
  <si>
    <t>01/14/2020 10:29:25</t>
  </si>
  <si>
    <t>01/14/2020 10:28:24</t>
  </si>
  <si>
    <t>01/14/2020 10:33:33</t>
  </si>
  <si>
    <t>01/14/2020 10:28:30</t>
  </si>
  <si>
    <t>01/14/2020 10:32:00</t>
  </si>
  <si>
    <t>Thais Machado Bezerra_1_6778022124808380833_1_32.wav</t>
  </si>
  <si>
    <t>\\acsfs\Deptos\EDUCACAO EMPRESARIAL\FERNANDA MONIT\Fernanda\MONITORIA JANEIRO\Ligação para MUTANT segundo ciclo janeiro\Thais Machado Bezerra_1_6778022124808380833_1_32.wav</t>
  </si>
  <si>
    <t>01/14/2020 10:31:28</t>
  </si>
  <si>
    <t>mail.google.com/sync/u/0/i/s?hl=pt-BR&amp;c=1602</t>
  </si>
  <si>
    <t>"mozilla/5.0 (windows nt 6.1) applewebkit/537.36 (khtml;0] _x0018_�2_x0007_c-4e;0]0":;0]\\\\\\\vt�_x000F_&lt;l;0]\\\\\\\ܪj &lt;l;0]\\\\\\�_x0010_� &lt;l;0]als;0]l;0]ll;0]thon-35.pyc;0]�lx��v�86u�{� �_x0007_�� �r;0]�� \\;1;13;131;13700014;13700109;13700185;13700451;13700951;13701207;13701298;13701422;13701430;13701450;13701506;13701537;13701573;13701577;13701625;13701657;13701693;13701693�;13701749;13701825;13701901;13701905;13701957;13701969;13702068;13702088;142961685;152;156;1578930052848000;1578930058554000;1578954746236;1578955047263;1578955950345;1578957154449;1578957455473;1578969194262;1578975661816;1578976865572;1578984390616;1578994625136;1578995528127;1578995829120;1578997033107;181;1ya5yrwelrso-yxib3ctz0mdjsqkh2uffmn2kfrmynlkfp2vhk5vxrjlyzc1nx1i8okgrxz4hh9fxnqqavexbjgszjfxng_3tikapcccza7s5nl0iiv528sipt3_n6smfvjyvnmz5gmbld86jsedcdqpnbowbtwaejdtwlwiwyazylw418myzkyijnlherxkuhkwira-leptxg0ukvt86f9johtnmgsqydxcl9if9g_6raikea\";1ya5yrwelrso-yxib3ctz0mdjsqkh2uffmn2kfrmynlkfp2vhk5vxrjlyzc1nx1i8okgrxz4hh9fxnqqavexbjgszjfxng_3tikapcccza7s5nl0iiv5</t>
  </si>
  <si>
    <t>"mozilla/5.0 (windows nt 6.1) applewebkit/537.36 (khtml,0] _x0018_�2_x0007_c-4e,0]0":,0]\\\\\\\vt�_x000F_&lt;l,0]\\\\\\\ܪj &lt;l,0]\\\\\\�_x0010_� &lt;l,0]als,0]l,0]ll,0]thon-35.pyc,0]�lx��v�86u�{� �_x0007_�� �r,0]�� \\,1,13,131,13700014,13700109,13700185,13700451,13700951,13701207,13701298,13701422,13701430,13701450,13701506,13701537,13701573,13701577,13701625,13701657,13701693,13701693�,13701693�,13701749,13701825,13701901,13701905,13701957,13701969,13702068,13702088,142961685,152,156,1578930052848000,1578930058554000,1578954746236,1578955047263,1578955950345,1578957154449,1578957455473,1578969194262,1578975661816,1578976865572,1578984390616,1578994625136,1578995528127,1578995829120,1578997033107,181,1ya5yrwelrso-yxib3ctz0mdjsqkh2uffmn2kfrmynlkfp2vhk5vxrjlyzc1nx1i8okgrxz4hh9fxnqqavexbjgszjfxng_3tikapcccza7s5nl0iiv528sipt3_n6smfvjyvnmz5gmbld86jsedcdqpnbowbtwaejdtwlwiwyazylw418myzkyijnlherxkuhkwira-leptxg0ukvt86f9johtnmgsqydxcl9if9g_6raikea\",1ya5yrwelrso-yxib3ctz0mdjsqkh2uffmn2kfrmynlkfp2vhk5vxrjlyzc1nx1i8okgrxz4hh9fxnqqavexbjgszjfxng_3tikapcccza</t>
  </si>
  <si>
    <t>01/14/2020 10:32:46</t>
  </si>
  <si>
    <t>mail.google.com/sync/u/0/i/s?hl=pt-BR&amp;c=1606</t>
  </si>
  <si>
    <t>0]l;10;142961685;1578932773978;[];[]]];atuima2v-l-r4mlrttnejldjmmcmtjqqdb_eo8phe2_wqj_y1ojumr1iabvw2ppblwocree42tuodgonxc9zyhfd_xfplg4b5glbnshq93fpe_-_ug45yoeb9l7us2h8\";false;maristelavodq@bv.algartech.com;null;supervisaobancovotorantim@algartech.com;thiagolrc@bv.algartech.com;true]";</t>
  </si>
  <si>
    <t>0]l,10,142961685,1578932773978,[],[]]],atuima2v-l-r4mlrttnejldjmmcmtjqqdb_eo8phe2_wqj_y1ojumr1iabvw2ppblwocree42tuodgonxc9zyhfd_xfplg4b5glbnshq93fpe_-_ug45yoeb9l7us2h8\",false,maristelavodq@bv.algartech.com,null,supervisaobancovotorantim@algartech.com,thiagolrc@bv.algartech.com,true]"</t>
  </si>
  <si>
    <t>01/14/2020 10:32:41</t>
  </si>
  <si>
    <t>67c3e984-69ff-4632-82ee-7aa3cd7fcf3b.tmp</t>
  </si>
  <si>
    <t>\\acsfs\profiles$\rafaelahpn\Downloads\67c3e984-69ff-4632-82ee-7aa3cd7fcf3b.tmp</t>
  </si>
  <si>
    <t>01/14/2020 10:28:38</t>
  </si>
  <si>
    <t>thallitaqna</t>
  </si>
  <si>
    <t>\\acsfs\profiles$\thallitaqna\Downloads\</t>
  </si>
  <si>
    <t>e287fd37-c259-4b82-ac46-852a25882bb6.tmp</t>
  </si>
  <si>
    <t>\\acsfs\profiles$\thallitaqna\Downloads\e287fd37-c259-4b82-ac46-852a25882bb6.tmp</t>
  </si>
  <si>
    <t>01/14/2020 10:28:42</t>
  </si>
  <si>
    <t>25a7d0d1-1fd1-490c-bfab-6c81feeda73a.tmp</t>
  </si>
  <si>
    <t>\\acsfs\profiles$\thallitaqna\Downloads\25a7d0d1-1fd1-490c-bfab-6c81feeda73a.tmp</t>
  </si>
  <si>
    <t>01/14/2020 10:29:24</t>
  </si>
  <si>
    <t>2a268813-e951-46ab-bd16-ece756337ab4.tmp</t>
  </si>
  <si>
    <t>\\acsfs\profiles$\thallitaqna\Downloads\2a268813-e951-46ab-bd16-ece756337ab4.tmp</t>
  </si>
  <si>
    <t>01/14/2020 10:29:45</t>
  </si>
  <si>
    <t>ef96499b-f740-4a3b-a317-8fa8a2156cc7.tmp</t>
  </si>
  <si>
    <t>\\acsfs\profiles$\thallitaqna\Downloads\ef96499b-f740-4a3b-a317-8fa8a2156cc7.tmp</t>
  </si>
  <si>
    <t>01/14/2020 10:34:34</t>
  </si>
  <si>
    <t>01/14/2020 10:32:20</t>
  </si>
  <si>
    <t>01/14/2020 10:31:03</t>
  </si>
  <si>
    <t>10.200.67.56</t>
  </si>
  <si>
    <t>01/14/2020 10:31:04</t>
  </si>
  <si>
    <t>01/14/2020 10:31:05</t>
  </si>
  <si>
    <t>01/14/2020 10:31:06</t>
  </si>
  <si>
    <t>01/14/2020 10:31:07</t>
  </si>
  <si>
    <t>01/14/2020 10:31:08</t>
  </si>
  <si>
    <t>01/14/2020 10:31:09</t>
  </si>
  <si>
    <t>01/14/2020 10:31:10</t>
  </si>
  <si>
    <t>01/14/2020 10:31:11</t>
  </si>
  <si>
    <t>01/14/2020 10:31:12</t>
  </si>
  <si>
    <t>01/14/2020 10:31:13</t>
  </si>
  <si>
    <t>01/14/2020 10:31:14</t>
  </si>
  <si>
    <t>01/14/2020 10:31:15</t>
  </si>
  <si>
    <t>01/14/2020 10:31:16</t>
  </si>
  <si>
    <t>01/14/2020 10:31:17</t>
  </si>
  <si>
    <t>01/14/2020 10:31:18</t>
  </si>
  <si>
    <t>01/14/2020 10:31:19</t>
  </si>
  <si>
    <t>01/14/2020 10:31:20</t>
  </si>
  <si>
    <t>01/14/2020 10:35:34</t>
  </si>
  <si>
    <t>lu12468p6xkf.tmp</t>
  </si>
  <si>
    <t>\\acsfs\profiles$\dhiulliananads\My Documents\lu12468p6xkf.tmp</t>
  </si>
  <si>
    <t>\\acsfs\profiles$\dhiulliananads\My Documents\lu12468p6xkf.tmp\</t>
  </si>
  <si>
    <t>\\acsfs\profiles$\dhiulliananads\My Documents\lu12468p6xkf.tmp\META-INF\</t>
  </si>
  <si>
    <t>\\acsfs\profiles$\dhiulliananads\My Documents\lu12468p6xkf.tmp\Thumbnails\</t>
  </si>
  <si>
    <t>01/14/2020 10:35:12</t>
  </si>
  <si>
    <t>01/14/2020 10:36:34</t>
  </si>
  <si>
    <t>lu2733221pjpv.tmp</t>
  </si>
  <si>
    <t>\\acsfs\profiles$\RAFAELRF\meu\lu2733221pjpv.tmp</t>
  </si>
  <si>
    <t>\\acsfs\profiles$\RAFAELRF\meu\lu2733221pjpv.tmp\</t>
  </si>
  <si>
    <t>\\acsfs\profiles$\RAFAELRF\meu\lu2733221pjpv.tmp\META-INF\</t>
  </si>
  <si>
    <t>\\acsfs\profiles$\RAFAELRF\meu\lu2733221pjpv.tmp\Thumbnails\</t>
  </si>
  <si>
    <t>01/14/2020 10:32:11</t>
  </si>
  <si>
    <t>01/14/2020 10:37:34</t>
  </si>
  <si>
    <t>ace04657-bd8a-4a8f-8e84-af3389822f43.tmp</t>
  </si>
  <si>
    <t>\\acsfs\profiles$\vivianalds\Downloads\ace04657-bd8a-4a8f-8e84-af3389822f43.tmp</t>
  </si>
  <si>
    <t>01/14/2020 10:33:13</t>
  </si>
  <si>
    <t>01/14/2020 10:38:34</t>
  </si>
  <si>
    <t>01/14/2020 10:33:20</t>
  </si>
  <si>
    <t>01/14/2020 10:33:50</t>
  </si>
  <si>
    <t>01/14/2020 10:34:13</t>
  </si>
  <si>
    <t>01/14/2020 10:34:19</t>
  </si>
  <si>
    <t>01/14/2020 10:34:24</t>
  </si>
  <si>
    <t>01/14/2020 10:34:30</t>
  </si>
  <si>
    <t>01/14/2020 10:34:35</t>
  </si>
  <si>
    <t>01/14/2020 10:34:41</t>
  </si>
  <si>
    <t>mail.google.com/sync/u/0/i/s?hl=pt-BR&amp;c=138</t>
  </si>
  <si>
    <t>01/14/2020 10:35:28</t>
  </si>
  <si>
    <t>mail.google.com/sync/u/0/i/s?hl=pt-BR&amp;c=142</t>
  </si>
  <si>
    <t>01/14/2020 10:35:44</t>
  </si>
  <si>
    <t>01/14/2020 10:36:20</t>
  </si>
  <si>
    <t>01/14/2020 10:36:32</t>
  </si>
  <si>
    <t>01/14/2020 10:36:55</t>
  </si>
  <si>
    <t>01/14/2020 10:32:52</t>
  </si>
  <si>
    <t>mail.google.com/sync/u/0/i/s?hl=pt-BR&amp;c=1608</t>
  </si>
  <si>
    <t>01/14/2020 10:32:54</t>
  </si>
  <si>
    <t>01/13/2020 13:50:48</t>
  </si>
  <si>
    <t>01/14/2020 10:39:34</t>
  </si>
  <si>
    <t>aec25fc8-7beb-4086-b89a-e5f2c19eeb50.tmp</t>
  </si>
  <si>
    <t>\\acsfs\profiles$\victorgl\Downloads\aec25fc8-7beb-4086-b89a-e5f2c19eeb50.tmp</t>
  </si>
  <si>
    <t>01/14/2020 10:36:37</t>
  </si>
  <si>
    <t>1e0db469-93e1-41be-8f22-518c67413f76.tmp</t>
  </si>
  <si>
    <t>\\acsfs\profiles$\larissaad\Downloads\1e0db469-93e1-41be-8f22-518c67413f76.tmp</t>
  </si>
  <si>
    <t>01/13/2020 13:50:50</t>
  </si>
  <si>
    <t>08b5d6a3-ff3f-46cb-9a2d-371b97ae9447.tmp</t>
  </si>
  <si>
    <t>\\acsfs\profiles$\victorgl\Downloads\08b5d6a3-ff3f-46cb-9a2d-371b97ae9447.tmp</t>
  </si>
  <si>
    <t>01/13/2020 13:51:32</t>
  </si>
  <si>
    <t>b96142c5-060a-4cdb-a040-318ed401bb0f.tmp</t>
  </si>
  <si>
    <t>\\acsfs\profiles$\victorgl\Downloads\b96142c5-060a-4cdb-a040-318ed401bb0f.tmp</t>
  </si>
  <si>
    <t>edcee420-c0af-4247-9e40-01a23fd8b73c.tmp</t>
  </si>
  <si>
    <t>\\acsfs\profiles$\victorgl\Downloads\edcee420-c0af-4247-9e40-01a23fd8b73c.tmp</t>
  </si>
  <si>
    <t>01/13/2020 13:52:12</t>
  </si>
  <si>
    <t>50a6ab9a-c675-4d27-afc9-cea8b1ca5df3.tmp</t>
  </si>
  <si>
    <t>\\acsfs\profiles$\victorgl\Downloads\50a6ab9a-c675-4d27-afc9-cea8b1ca5df3.tmp</t>
  </si>
  <si>
    <t>01/13/2020 13:53:24</t>
  </si>
  <si>
    <t>c9471846-8f00-47e3-9b5e-6055311fd8ca.tmp</t>
  </si>
  <si>
    <t>\\acsfs\profiles$\victorgl\Downloads\c9471846-8f00-47e3-9b5e-6055311fd8ca.tmp</t>
  </si>
  <si>
    <t>01/14/2020 10:36:12</t>
  </si>
  <si>
    <t>01/14/2020 10:40:34</t>
  </si>
  <si>
    <t>0c60923b-55f9-4f44-9e81-3a451d5cdaf3.tmp</t>
  </si>
  <si>
    <t>\\acsfs\profiles$\mariagsg\Downloads\0c60923b-55f9-4f44-9e81-3a451d5cdaf3.tmp</t>
  </si>
  <si>
    <t>01/14/2020 10:36:22</t>
  </si>
  <si>
    <t>01/14/2020 10:41:34</t>
  </si>
  <si>
    <t>\\acsfs\Deptos\Operacao\Banco_Votorantim\Supervisao\Maristela\CRBV vendas\Desligamento\Não confirmado 417656.crdownload\</t>
  </si>
  <si>
    <t>\\acsfs\Deptos\Operacao\Banco_Votorantim\Supervisao\Maristela\CRBV vendas\Desligamento\Não confirmado 417656.crdownload</t>
  </si>
  <si>
    <t>Não confirmado 417656.crdownload</t>
  </si>
  <si>
    <t>01/14/2020 10:37:00</t>
  </si>
  <si>
    <t>ANA CLARA MORAES SILVEIRA_1_6777494604040187070_1_32.wav</t>
  </si>
  <si>
    <t>\\acsfs\Deptos\EDUCACAO EMPRESARIAL\KÉSIA\Ligações 2º ciclo - Janeiro 2020\ANA CLARA MORAES SILVEIRA_1_6777494604040187070_1_32.wav</t>
  </si>
  <si>
    <t>01/14/2020 10:41:36</t>
  </si>
  <si>
    <t>01/14/2020 10:42:34</t>
  </si>
  <si>
    <t>da301f1c-f513-4b3f-b557-0e8d76f4885b.tmp</t>
  </si>
  <si>
    <t>\\acsfs\profiles$\lucasgpe\Downloads\da301f1c-f513-4b3f-b557-0e8d76f4885b.tmp</t>
  </si>
  <si>
    <t>01/14/2020 10:42:00</t>
  </si>
  <si>
    <t>01/14/2020 10:44:34</t>
  </si>
  <si>
    <t>01/14/2020 10:42:24</t>
  </si>
  <si>
    <t>01/14/2020 10:42:39</t>
  </si>
  <si>
    <t>01/14/2020 10:42:42</t>
  </si>
  <si>
    <t>01/14/2020 10:41:24</t>
  </si>
  <si>
    <t>01/14/2020 10:45:34</t>
  </si>
  <si>
    <t>Reneg - Vcto 15-01-20.xlsx</t>
  </si>
  <si>
    <t>\\acsfs\DEPTOS\Operacao\Banco_Votorantim\Comum\00 - COMUM - BV CARTÕES\EQUIPE ADILSON\Reneg\Reneg - Vcto 15-01-20.xlsx</t>
  </si>
  <si>
    <t>01/14/2020 10:43:44</t>
  </si>
  <si>
    <t>01/14/2020 10:43:49</t>
  </si>
  <si>
    <t>http:///batch?%24ct=multipart%2Fmixed%3B%20boundary%3D%22%3D%3D%3D%3D%3Dox6vj5mek098%3D%3D%3D%3D%3D%22&amp;key=AIzaSyAy9VVXHSpS2IJpptzYtGbLP3-3_l0aBk4</t>
  </si>
  <si>
    <t>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ion;permissionid;picture;shared;sharedwithmedate;thumbnailversion;title;userpermission(role);workspaceids;</t>
  </si>
  <si>
    <t>http://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ion,permissionid,picture,shared,sharedwithmedate,thumbnailversion,title,userpermission(role),workspaceids</t>
  </si>
  <si>
    <t>http:///batch?%24ct=multipart%2Fmixed%3B%20boundary%3D%22%3D%3D%3D%3D%3D8291unk5npgh%3D%3D%3D%3D%3D%22&amp;key=AIzaSyAy9VVXHSpS2IJpptzYtGbLP3-3_l0aBk4</t>
  </si>
  <si>
    <t>ancestorhasaugmentedpermissions;containsunsubscribedchildren;displayn;displayname;domain;emailaddress;file(kind;fileid;filesize;hasthumbnail;hasvisitorpermissions;id;id);items(deleted;items(kind;ken;kind;lastmodifyinguse;lastmodifyinguser(kind;lastviewedbymedate;modifiedbymedate;modifieddate;ontainsunsubscribedchildren;owners(kind;per;permission;permissionid;picture;rpermissions;shared;sharedwithmedate;thumbnailversion;title;userpermission(role);workspaceids;</t>
  </si>
  <si>
    <t>http://ancestorhasaugmentedpermissions,containsunsubscribedchildren,displayn,displayname,domain,emailaddress,file(kind,fileid,filesize,hasthumbnail,hasvisitorpermissions,id,id),items(deleted,items(kind,ken,kind,lastmodifyinguse,lastmodifyinguser(kind,lastviewedbymedate,modifiedbymedate,modifieddate,ontainsunsubscribedchildren,owners(kind,per,permission,permissionid,picture,rpermissions,shared,sharedwithmedate,thumbnailversion,title,userpermission(role),workspaceids</t>
  </si>
  <si>
    <t>01/14/2020 10:44:32</t>
  </si>
  <si>
    <t>0;0.668;0];1.054;1.054];105.91999999996915;12.854];135.413;15.344;15.344];155.14000000075612;1585.943];186.01999999918917;21.464;21.464];253.53999999970256;3;33.212;33.212];354.0850000008504;354.3250000002445;378.2950000004348;378.94000000051165;379.1800000017247;379.3600000008155;379.43000000086613;380.78000000132306;384.5899999996618;4.843;490.6600000012986;5;50.970000000233995;506.83;546.8500000006316;547.5400000013906;547.9250000007596;548.2850000007602;548.9050000014686;59.54500000007101;6.009];60.17500000052678;60.32500000037544;679.9450000016805;68.52000000071712;700";72.35500000024331;72.69000000087544;78.76500000020314;78.80499999919266;873.966];91.53000000151224;:400;["https://apis.google.com/_/scs/abc-static/_/js/k=g;["https://drive.google.com/_/drive_fe/_/js/k=drive_fe.main.pt_br.0guumejfwv4.o/am=mbqqtgue_sahaay/d=1/ct=zgms/rs=afb8gsw4csik3zgokact5lf5ve6dhrn2kq/m=b;[null;ancestorhasaugmentedpermissions;containsunsubscribedchildren;core";css;displayname;domain;emailaddress;file(kind;fileid;filesize</t>
  </si>
  <si>
    <t>http://0,0.668,0],1.054,1.054],105.91999999996915,12.854],135.413,15.344,15.344],155.14000000075612,1585.943],186.01999999918917,21.464,21.464],253.53999999970256,3,33.212,33.212],354.0850000008504,354.3250000002445,378.2950000004348,378.94000000051165,379.1800000017247,379.3600000008155,379.43000000086613,380.78000000132306,384.5899999996618,4.843,490.6600000012986,5,50.970000000233995,506.83,546.8500000006316,547.5400000013906,547.9250000007596,548.2850000007602,548.9050000014686,59.54500000007101,6.009],60.17500000052678,60.32500000037544,679.9450000016805,68.52000000071712,700",72.35500000024331,72.69000000087544,78.76500000020314,78.80499999919266,873.966],91.53000000151224,:400,["https://apis.google.com/_/scs/abc-static/_/js/k=g,["https://drive.google.com/_/drive_fe/_/js/k=drive_fe.main.pt_br.0guumejfwv4.o/am=mbqqtgue_sahaay/d=1/ct=zgms/rs=afb8gsw4csik3zgokact5lf5ve6dhrn2kq/m=b,[null,ancestorhasaugmentedpermissions,containsunsubscribedchildren,core",css,displayname,domain,emailaddress,file(kind,fileid,f</t>
  </si>
  <si>
    <t>0;0.668;0];1.054;1.054];105.91999999996915;1070.2150000015536;12.854];13.58;135.413;15.344;15.344];15.552;15.552];155.14000000075612;1585.943];186.01999999918917;2.510000000256696;21.464;21.464];21.740000000136206;253.53999999970256;3;33.212;33.212];354.0850000008504;354.3250000002445;36.79999999985739;378.2950000004348;378.94000000051165;379.1800000017247;379.3600000008155;379.43000000086613;38.438];380.78000000132306;384.5899999996618;4.843;49.399999999877764;490.6600000012986;5;50.970000000233995;506.83;51.0149999990972;546.8500000006316;547.5400000013906;547.9250000007596;548.2850000007602;548.9050000014686;59.54500000007101;6.009];60.17500000052678;60.32500000037544;60.62999999994645;615.3150000009191;64.34000000081141;679.9450000016805;68.52000000071712;700";72.35500000024331;72.69000000087544;742.6050000012765;78.76500000020314;78.80499999919266;794.3900000009307;873.966];91.53000000151224;928.5200000012992;944.4400000011228;950.7450000000972;:400;["https://apis.google.com/_/scs/abc-static/_/js/k=g;["h</t>
  </si>
  <si>
    <t>http://0,0.668,0],1.054,1.054],105.91999999996915,1070.2150000015536,12.854],13.58,135.413,15.344,15.344],15.552,15.552],155.14000000075612,1585.943],186.01999999918917,2.510000000256696,21.464,21.464],21.740000000136206,253.53999999970256,3,33.212,33.212],354.0850000008504,354.3250000002445,36.79999999985739,378.2950000004348,378.94000000051165,379.1800000017247,379.3600000008155,379.43000000086613,38.438],380.78000000132306,384.5899999996618,4.843,49.399999999877764,490.6600000012986,5,50.970000000233995,506.83,51.0149999990972,546.8500000006316,547.5400000013906,547.9250000007596,548.2850000007602,548.9050000014686,59.54500000007101,6.009],60.17500000052678,60.32500000037544,60.62999999994645,615.3150000009191,64.34000000081141,679.9450000016805,68.52000000071712,700",72.35500000024331,72.69000000087544,742.6050000012765,78.76500000020314,78.80499999919266,794.3900000009307,873.966],91.53000000151224,928.5200000012992,944.4400000011228,950.7450000000972,:400,["https://apis.google.com/_/scs/abc-static/_/js/</t>
  </si>
  <si>
    <t>0;0.668;0];1.054;1.054];1006.3100000006671;105.91999999996915;1062.3150000010355;1070.2150000015536;1077.0049999991897;1102.2550000016054;1125.3900000010617;12.854];126.375;13.58;135.413;15.344;15.344];15.436;15.436];15.552;15.552];155.14000000075612;1585.943];173.60999999982596;186.01999999918917;2.510000000256696;21.464;21.464];21.7;21.740000000136206;21.7];2133.9400000015303;253.53999999970256;3;33.212;33.212];34.445000001142034;354.0850000008504;354.3250000002445;36.79999999985739;378.2950000004348;378.94000000051165;379.1800000017247;379.3600000008155;379.43000000086613;38.438];380.78000000132306;384.5899999996618;4.843;442.611];49.399999999877764;490.6600000012986;5;50.970000000233995;506.83;51.0149999990972;546.8500000006316;547.5400000013906;547.9250000007596;548.2850000007602;548.9050000014686;59.54500000007101;6.009];60.17500000052678;60.32500000037544;60.62999999994645;615.3150000009191;64.34000000081141;679.9450000016805;68.52000000071712;700";72.35500000024331;72.69000000087544;742.6050000012765;</t>
  </si>
  <si>
    <t>http://0,0.668,0],1.054,1.054],1006.3100000006671,105.91999999996915,1062.3150000010355,1070.2150000015536,1077.0049999991897,1102.2550000016054,1125.3900000010617,12.854],126.375,13.58,135.413,15.344,15.344],15.436,15.436],15.552,15.552],155.14000000075612,1585.943],173.60999999982596,186.01999999918917,2.510000000256696,21.464,21.464],21.7,21.740000000136206,21.7],2133.9400000015303,253.53999999970256,3,33.212,33.212],34.445000001142034,354.0850000008504,354.3250000002445,36.79999999985739,378.2950000004348,378.94000000051165,379.1800000017247,379.3600000008155,379.43000000086613,38.438],380.78000000132306,384.5899999996618,4.843,442.611],49.399999999877764,490.6600000012986,5,50.970000000233995,506.83,51.0149999990972,546.8500000006316,547.5400000013906,547.9250000007596,548.2850000007602,548.9050000014686,59.54500000007101,6.009],60.17500000052678,60.32500000037544,60.62999999994645,615.3150000009191,64.34000000081141,679.9450000016805,68.52000000071712,700",72.35500000024331,72.69000000087544,742.6050000</t>
  </si>
  <si>
    <t>0;0.668;0];1.054;1.054];1.557;1006.3100000006671;1017.055000000255;105.91999999996915;1062.0800000015151;1062.3150000010355;1070.2150000015536;1070.4349999996339;1077.0049999991897;1102.2550000016054;1125.3900000010617;1189.155000000028;119.90999999943597;12.854];12.870000000475557;1241.9100000006438;126.375;13.58;135.413;15.344;15.344];15.436;15.436];15.552;15.552];155.14000000075612;1585.943];173.60999999982596;186.01999999918917;2.510000000256696;21.464;21.464];21.7;21.740000000136206;21.7];2133.9400000015303;2192.4550000003364;2340.4150000005757;2346.2450000006356;253.53999999970256;3;3.777];33.212;33.212];34.445000001142034;354.0850000008504;354.3250000002445;36.79999999985739;378.2950000004348;378.94000000051165;379.1800000017247;379.3600000008155;379.43000000086613;38.438];380.78000000132306;384.5899999996618;4.843;442.611];49.399999999877764;490.6600000012986;5;50.970000000233995;506.83;51.0149999990972;546.8500000006316;547.5400000013906;547.9250000007596;548.2850000007602;548.9050000014686;56.249999</t>
  </si>
  <si>
    <t>http://0,0.668,0],1.054,1.054],1.557,1006.3100000006671,1017.055000000255,105.91999999996915,1062.0800000015151,1062.3150000010355,1070.2150000015536,1070.4349999996339,1077.0049999991897,1102.2550000016054,1125.3900000010617,1189.155000000028,119.90999999943597,12.854],12.870000000475557,1241.9100000006438,126.375,13.58,135.413,15.344,15.344],15.436,15.436],15.552,15.552],155.14000000075612,1585.943],173.60999999982596,186.01999999918917,2.510000000256696,21.464,21.464],21.7,21.740000000136206,21.7],2133.9400000015303,2192.4550000003364,2340.4150000005757,2346.2450000006356,253.53999999970256,3,3.777],33.212,33.212],34.445000001142034,354.0850000008504,354.3250000002445,36.79999999985739,378.2950000004348,378.94000000051165,379.1800000017247,379.3600000008155,379.43000000086613,38.438],380.78000000132306,384.5899999996618,4.843,442.611],49.399999999877764,490.6600000012986,5,50.970000000233995,506.83,51.0149999990972,546.8500000006316,547.5400000013906,547.9250000007596,548.2850000007602,548.9050000014686,56</t>
  </si>
  <si>
    <t>01/14/2020 10:42:45</t>
  </si>
  <si>
    <t>\\udpavonfs01\AVON\00 - ACOMPANHAMENTO AVON\04 - BACKOFFICE CORNERSTONE\2020\01.2020\RELATORIO\13.01.2020\Acompanhamento Backoffice Cornerstone JAN.20.xlsx</t>
  </si>
  <si>
    <t>01/14/2020 10:43:42</t>
  </si>
  <si>
    <t>01/14/2020 10:46:34</t>
  </si>
  <si>
    <t>01/14/2020 10:45:31</t>
  </si>
  <si>
    <t>01/14/2020 10:48:35</t>
  </si>
  <si>
    <t>01/14/2020 10:45:39</t>
  </si>
  <si>
    <t>01/14/2020 10:45:43</t>
  </si>
  <si>
    <t>01/14/2020 10:43:39</t>
  </si>
  <si>
    <t>mail.google.com/sync/u/0/i/s?hl=pt-BR&amp;c=27</t>
  </si>
  <si>
    <t>01/14/2020 10:44:33</t>
  </si>
  <si>
    <t>mail.google.com/sync/u/0/i/s?hl=pt-BR&amp;c=1691</t>
  </si>
  <si>
    <t>"languagecode":"pt-br";"requesttype":"background_request";"scenariotype;"timezone":"-03:00";0]578941s�� 90;0]als;0]l;142961685;1578999441075;1578999742070;1579000043067;1579000344063;1579008004964;1579008305983;1ya5yrwelrso-yxib3ctz0mdjsqkh2uffmn2kfrmynlkfp2vhk5vxrjlyzc1nx1i8okgrxz4hh9fxnqqavexbjgszjfxng_3tikapcccza7s5nl0iiv528sipt3_n6smfvjyvnmz5gmbld86jsedcdqpnbowbtwaejdtwlwiwyazylw418myzkyijnlherxkuhkwirbbleptqoiy3apulea2mvtqgd35yefwxttokk9mao2w2g\";1ya5yrwelrso-yxib3ctz0mdjsqkh2uffmn2kfrmynlkfp2vhk5vxrjlyzc1nx1i8okgrxz4hh9fxnqqavexbjgszjfxng_3tikapcccza7s5nl0iiv528sipt3_n6smfvjyvnmz5gmbld86jsedcdqpnbowbtwaejdtwlwiwyazylw418myzkyijnlherxkuhkwirbgleptkd8kw9928_q0wttaiefgtb510pfzu5c9c01pfa\";1ya5yrwelrso-yxib3ctz0mdjsqkh2uffmn2kfrmynlkfp2vhk5vxrjlyzc1nx1i8okgrxz4hh9fxnqqavexbjgszjfxng_3tikapcccza7s5nl0iiv528sipt3_n6smfvjyvnmz5gmbld86jsedcdqpnbowbtwaejdtwlwiwyazylw418myzkyijnlherxkuhkwirblleptyjgaerbvj73k06pqxr3zty7vvf9f0jreme1j3w\";1ya5yrwelrso-yxib3ctz0mdjsqkh2uffmn2kfrmynlkfp2vhk5vxrjlyzc1nx1i8okgrxz4hh9fxn</t>
  </si>
  <si>
    <t>"languagecode":"pt-br","requesttype":"background_request","scenariotype,"timezone":"-03:00",0]578941s�� 90,0]als,0]l,142961685,1578999441075,1578999742070,1579000043067,1579000344063,1579008004964,1579008305983,1ya5yrwelrso-yxib3ctz0mdjsqkh2uffmn2kfrmynlkfp2vhk5vxrjlyzc1nx1i8okgrxz4hh9fxnqqavexbjgszjfxng_3tikapcccza7s5nl0iiv528sipt3_n6smfvjyvnmz5gmbld86jsedcdqpnbowbtwaejdtwlwiwyazylw418myzkyijnlherxkuhkwirbbleptqoiy3apulea2mvtqgd35yefwxttokk9mao2w2g\",1ya5yrwelrso-yxib3ctz0mdjsqkh2uffmn2kfrmynlkfp2vhk5vxrjlyzc1nx1i8okgrxz4hh9fxnqqavexbjgszjfxng_3tikapcccza7s5nl0iiv528sipt3_n6smfvjyvnmz5gmbld86jsedcdqpnbowbtwaejdtwlwiwyazylw418myzkyijnlherxkuhkwirbgleptkd8kw9928_q0wttaiefgtb510pfzu5c9c01pfa\",1ya5yrwelrso-yxib3ctz0mdjsqkh2uffmn2kfrmynlkfp2vhk5vxrjlyzc1nx1i8okgrxz4hh9fxnqqavexbjgszjfxng_3tikapcccza7s5nl0iiv528sipt3_n6smfvjyvnmz5gmbld86jsedcdqpnbowbtwaejdtwlwiwyazylw418myzkyijnlherxkuhkwirblleptyjgaerbvj73k06pqxr3zty7vvf9f0jreme1j3w\",1ya5yrwelrso-yxib3ctz0mdjsqkh2uffmn2kfrmynlkfp2vhk5vxrjlyzc1nx1i8okgrxz4hh9fxn</t>
  </si>
  <si>
    <t>01/14/2020 10:44:43</t>
  </si>
  <si>
    <t>mail.google.com/sync/u/0/i/s?hl=pt-BR&amp;c=1696</t>
  </si>
  <si>
    <t>"languagecode":"pt-br";"requesttype":"background_request";"scenariotype;"timezone":"-03:00";0] _x0018_�2_x0007_c-4e;0]0};0]\\\\\\\:�x &lt;l;0]\\\\\\\k�� &lt;l;0]\\\\\\\qh; &lt;l;0]ackages\tornado\platform\interface.py;0]l;0]ll;142961685;1578947220311;1578949026584;1578949327611;1578949628634;1578949929662;1578951735943;1578952037003;1578952639056;358&amp;i=66&amp;ai=mail:o.ebdc.139.1/s:v=2&amp;a=lc&amp;sv=cv&amp;ev=di&amp;t=101.985107421875&amp;i=8.985107421875&amp;ai=mail:lc.ebdc.140.0/s:v=2&amp;a=re&amp;sv=di&amp;ev=di&amp;t=103&amp;i=80&amp;ai=mail:re.ebdc.141.0/s:v=2&amp;a=o&amp;sv=di&amp;ev=cv&amp;t=152&amp;i=87&amp;ai=mail:o.ebdc.142.0/s:v=2&amp;a=lc&amp;sv=cv&amp;ev=di&amp;t=117.955078125&amp;i=17.955078125&amp;ai=mail:lc.ebdc.143.0/s:v=2&amp;a=re&amp;sv=di&amp;ev=di&amp;t=162&amp;i=139&amp;ai=mail:re.ebdc.144.0/s:v=2&amp;a=o&amp;sv=di&amp;ev=cv&amp;t=184&amp;i=62&amp;ai=mail:o.ebdc.145.1/s:v=2&amp;a=lc&amp;sv=cv&amp;ev=di&amp;t=106.97998046875&amp;i=10.97998046875&amp;ai=mail:lc.ebdc.146.0;58;64;65;66;67;73;74;76;[];[]]];andrelpsa@algartech.com;atuima2v-l-r4mlrttnejldjmmcmtjqqdb_eo8phe2_wqj_y1ojumr1iabvw2ppblwocree42tuodgonxc9zytfd_xfmhuyp_nsbf90zwa1ymt8xxsjb3zk2_u2mwite\";atuima2v-l-r4mlrttnej</t>
  </si>
  <si>
    <t>"languagecode":"pt-br","requesttype":"background_request","scenariotype,"timezone":"-03:00",0] _x0018_�2_x0007_c-4e,0]0},0]\\\\\\\:�x &lt;l,0]\\\\\\\k�� &lt;l,0]\\\\\\\qh; &lt;l,0]ackages\tornado\platform\interface.py,0]l,0]ll,142961685,1578947220311,1578949026584,1578949327611,1578949628634,1578949929662,1578951735943,1578952037003,1578952639056,358&amp;i=66&amp;ai=mail:o.ebdc.139.1/s:v=2&amp;a=lc&amp;sv=cv&amp;ev=di&amp;t=101.985107421875&amp;i=8.985107421875&amp;ai=mail:lc.ebdc.140.0/s:v=2&amp;a=re&amp;sv=di&amp;ev=di&amp;t=103&amp;i=80&amp;ai=mail:re.ebdc.141.0/s:v=2&amp;a=o&amp;sv=di&amp;ev=cv&amp;t=152&amp;i=87&amp;ai=mail:o.ebdc.142.0/s:v=2&amp;a=lc&amp;sv=cv&amp;ev=di&amp;t=117.955078125&amp;i=17.955078125&amp;ai=mail:lc.ebdc.143.0/s:v=2&amp;a=re&amp;sv=di&amp;ev=di&amp;t=162&amp;i=139&amp;ai=mail:re.ebdc.144.0/s:v=2&amp;a=o&amp;sv=di&amp;ev=cv&amp;t=184&amp;i=62&amp;ai=mail:o.ebdc.145.1/s:v=2&amp;a=lc&amp;sv=cv&amp;ev=di&amp;t=106.97998046875&amp;i=10.97998046875&amp;ai=mail:lc.ebdc.146.0,58,64,65,66,67,73,74,76,[],[]]],andrelpsa@algartech.com,atuima2v-l-r4mlrttnejldjmmcmtjqqdb_eo8phe2_wqj_y1ojumr1iabvw2ppblwocree42tuodgonxc9zytfd_xfmhuyp_nsbf90zwa1ymt8xxsjb3zk2_u2mwite\",atuima2v-l-r4mlrttnej</t>
  </si>
  <si>
    <t>01/14/2020 10:44:46</t>
  </si>
  <si>
    <t>mail.google.com/sync/u/0/i/s?hl=pt-BR&amp;c=1701</t>
  </si>
  <si>
    <t>01/14/2020 10:44:52</t>
  </si>
  <si>
    <t>mail.google.com/sync/u/0/i/s?hl=pt-BR&amp;c=1706</t>
  </si>
  <si>
    <t>01/14/2020 10:44:59</t>
  </si>
  <si>
    <t>mail.google.com/sync/u/0/i/s?hl=pt-BR&amp;c=1711</t>
  </si>
  <si>
    <t>01/14/2020 10:44:47</t>
  </si>
  <si>
    <t>01/14/2020 10:45:15</t>
  </si>
  <si>
    <t>01/14/2020 10:44:35</t>
  </si>
  <si>
    <t>01/14/2020 10:49:35</t>
  </si>
  <si>
    <t>c16d440b-6fc0-474f-96c8-d849a72cbb42.tmp</t>
  </si>
  <si>
    <t>\\acsfs\profiles$\lorenabmc\Downloads\c16d440b-6fc0-474f-96c8-d849a72cbb42.tmp</t>
  </si>
  <si>
    <t>01/14/2020 10:45:22</t>
  </si>
  <si>
    <t>16d71e73-94b5-4c82-b309-2b08216b267d.tmp</t>
  </si>
  <si>
    <t>\\acsfs\profiles$\leticiala\Downloads\16d71e73-94b5-4c82-b309-2b08216b267d.tmp</t>
  </si>
  <si>
    <t>01/14/2020 10:46:10</t>
  </si>
  <si>
    <t>00a7ad76-ea9e-442a-b557-276e5efcd92c.tmp</t>
  </si>
  <si>
    <t>\\acsfs\profiles$\leticiala\Downloads\00a7ad76-ea9e-442a-b557-276e5efcd92c.tmp</t>
  </si>
  <si>
    <t>01/14/2020 10:49:12</t>
  </si>
  <si>
    <t>01/14/2020 10:50:35</t>
  </si>
  <si>
    <t>01/14/2020 10:49:40</t>
  </si>
  <si>
    <t>01/14/2020 10:46:27</t>
  </si>
  <si>
    <t>01/14/2020 10:51:35</t>
  </si>
  <si>
    <t>01/14/2020 10:46:58</t>
  </si>
  <si>
    <t>01/14/2020 10:47:28</t>
  </si>
  <si>
    <t>01/14/2020 10:47:58</t>
  </si>
  <si>
    <t>01/14/2020 10:48:28</t>
  </si>
  <si>
    <t>01/14/2020 10:48:58</t>
  </si>
  <si>
    <t>01/14/2020 10:51:06</t>
  </si>
  <si>
    <t>01/14/2020 10:52:35</t>
  </si>
  <si>
    <t>01/14/2020 10:51:07</t>
  </si>
  <si>
    <t>01/14/2020 10:47:59</t>
  </si>
  <si>
    <t>01/14/2020 10:53:35</t>
  </si>
  <si>
    <t>\\acsfs\ACS\Gabriel da Silva\Contemporânea\Acessos\Thumbs.db</t>
  </si>
  <si>
    <t>01/14/2020 10:53:56</t>
  </si>
  <si>
    <t>01/14/2020 10:54:34</t>
  </si>
  <si>
    <t>9dfc0c8d-251b-47a0-ac49-dd7687fb91ad.tmp</t>
  </si>
  <si>
    <t>\\acsfs\profiles$\leticiala\Downloads\9dfc0c8d-251b-47a0-ac49-dd7687fb91ad.tmp</t>
  </si>
  <si>
    <t>01/14/2020 10:51:54</t>
  </si>
  <si>
    <t>01/14/2020 10:55:35</t>
  </si>
  <si>
    <t>100014122394468;</t>
  </si>
  <si>
    <t>https://100014122394468</t>
  </si>
  <si>
    <t>01/14/2020 10:53:13</t>
  </si>
  <si>
    <t>01/14/2020 10:54:50</t>
  </si>
  <si>
    <t>01/14/2020 10:51:12</t>
  </si>
  <si>
    <t>mail.google.com/sync/u/0/i/s?hl=pt-BR&amp;c=799</t>
  </si>
  <si>
    <t>01/14/2020 10:51:17</t>
  </si>
  <si>
    <t>mail.google.com/sync/u/0/i/s?hl=pt-BR&amp;c=801</t>
  </si>
  <si>
    <t>01/14/2020 10:51:22</t>
  </si>
  <si>
    <t>joaogvc@algartech.com;leonardoao@algartech.com;marianacds@algartech.com;marianadjc@algartech.com;paulacn@algartech.com;planejamentodeoperacoesetrafego@bv.com.br;rafaelggs@algartech.com;raphaelmco@algartech.com.br;ricardodfm@algartech.com.br;taysdss@algartech.com;thiagordu@algartech.com;viniciussg@algartech.com;</t>
  </si>
  <si>
    <t>joaogvc@algartech.com,leonardoao@algartech.com,marianacds@algartech.com,marianadjc@algartech.com,paulacn@algartech.com,planejamentodeoperacoesetrafego@bv.com.br,rafaelggs@algartech.com,raphaelmco@algartech.com.br,ricardodfm@algartech.com.br,taysdss@algartech.com,thiagordu@algartech.com,viniciussg@algartech.com</t>
  </si>
  <si>
    <t>01/14/2020 10:51:31</t>
  </si>
  <si>
    <t>mail.google.com/sync/u/0/i/s?hl=pt-BR&amp;c=805</t>
  </si>
  <si>
    <t>01/14/2020 10:51:48</t>
  </si>
  <si>
    <t>01/14/2020 10:52:05</t>
  </si>
  <si>
    <t>mail.google.com/sync/u/0/i/s?hl=pt-BR&amp;c=812</t>
  </si>
  <si>
    <t>01/14/2020 10:52:23</t>
  </si>
  <si>
    <t>mail.google.com/sync/u/0/i/s?hl=pt-BR&amp;c=814</t>
  </si>
  <si>
    <t>01/14/2020 10:52:30</t>
  </si>
  <si>
    <t>mail.google.com/sync/u/0/i/s?hl=pt-BR&amp;c=816</t>
  </si>
  <si>
    <t>01/14/2020 10:54:04</t>
  </si>
  <si>
    <t>01/14/2020 10:52:40</t>
  </si>
  <si>
    <t>mail.google.com/sync/u/0/i/s?hl=pt-BR&amp;c=819</t>
  </si>
  <si>
    <t>01/14/2020 10:52:57</t>
  </si>
  <si>
    <t>mail.google.com/sync/u/0/i/s?hl=pt-BR&amp;c=821</t>
  </si>
  <si>
    <t>01/14/2020 10:53:07</t>
  </si>
  <si>
    <t>mail.google.com/sync/u/0/i/s?hl=pt-BR&amp;c=823</t>
  </si>
  <si>
    <t>01/14/2020 10:54:15</t>
  </si>
  <si>
    <t>RELATORIO DE LOGIN - BV CARTÕES 13-01.xlsm</t>
  </si>
  <si>
    <t>\\acsfs\DEPTOS\Operacao\PCP\5 - Comum\PLANEJAMENTO BV\14 - ACOMPANHAMENTO\1 - REPORT ACOMPANHAMENTO\2020\1 - JANEIRO\CARTÕES\Login Logout Cartões\RELATORIO DE LOGIN - BV CARTÕES 13-01.xlsm</t>
  </si>
  <si>
    <t>01/14/2020 10:54:55</t>
  </si>
  <si>
    <t>mail.google.com/_/upload?authuser=0&amp;dcp=asu-n&amp;upload_id=AEnB2UpHNtbD866_wfQwWLmXDA_bPpR5uIF0p9IQWIh2ocHdU9yoK5xPAlxVl1diWAI3axyd7GdqB2OZD8xwdO00L19BWH2Mrkz2gpNg_f8GDyNvBgxq5Kc&amp;upload_protocol=resumable</t>
  </si>
  <si>
    <t>01/14/2020 10:54:13</t>
  </si>
  <si>
    <t>01/14/2020 10:56:35</t>
  </si>
  <si>
    <t>5143d137-f5eb-4dac-af60-5a43f2a129be.tmp</t>
  </si>
  <si>
    <t>\\acsfs\profiles$\cintiadcf\Downloads\5143d137-f5eb-4dac-af60-5a43f2a129be.tmp</t>
  </si>
  <si>
    <t>01/14/2020 10:53:50</t>
  </si>
  <si>
    <t>01/14/2020 10:57:36</t>
  </si>
  <si>
    <t>01/14/2020 10:53:51</t>
  </si>
  <si>
    <t>01/14/2020 10:54:05</t>
  </si>
  <si>
    <t>01/14/2020 10:54:06</t>
  </si>
  <si>
    <t>01/14/2020 10:54:57</t>
  </si>
  <si>
    <t>01/14/2020 10:54:58</t>
  </si>
  <si>
    <t>01/14/2020 10:57:40</t>
  </si>
  <si>
    <t>01/14/2020 11:00:36</t>
  </si>
  <si>
    <t>01/14/2020 10:59:44</t>
  </si>
  <si>
    <t>9ce7e874-772a-43a5-b92c-6dba3c9ecf09.tmp</t>
  </si>
  <si>
    <t>\\acsfs\profiles$\quindaizaagds\Downloads\9ce7e874-772a-43a5-b92c-6dba3c9ecf09.tmp</t>
  </si>
  <si>
    <t>01/14/2020 10:59:46</t>
  </si>
  <si>
    <t>01/14/2020 10:59:47</t>
  </si>
  <si>
    <t>01/14/2020 10:56:59</t>
  </si>
  <si>
    <t>01/14/2020 11:01:36</t>
  </si>
  <si>
    <t>01/14/2020 10:57:29</t>
  </si>
  <si>
    <t>01/14/2020 10:57:59</t>
  </si>
  <si>
    <t>01/14/2020 10:59:00</t>
  </si>
  <si>
    <t>01/14/2020 11:00:00</t>
  </si>
  <si>
    <t>01/14/2020 10:58:00</t>
  </si>
  <si>
    <t>BRUNA LARA ARAUJO SANTOS_1_6777815730154977833_1_32.wav</t>
  </si>
  <si>
    <t>\\acsfs\Deptos\EDUCACAO EMPRESARIAL\KÉSIA\Ligações 2º ciclo - Janeiro 2020\BRUNA LARA ARAUJO SANTOS_1_6777815730154977833_1_32.wav</t>
  </si>
  <si>
    <t>01/14/2020 11:01:24</t>
  </si>
  <si>
    <t>01/14/2020 11:02:36</t>
  </si>
  <si>
    <t>6032dda5-ee86-485e-bd49-88e06e994e2a.tmp</t>
  </si>
  <si>
    <t>\\acsfs\profiles$\THYAGOSP\Downloads\6032dda5-ee86-485e-bd49-88e06e994e2a.tmp</t>
  </si>
  <si>
    <t>01/14/2020 11:01:17</t>
  </si>
  <si>
    <t>01/14/2020 11:00:27</t>
  </si>
  <si>
    <t>01/14/2020 11:03:36</t>
  </si>
  <si>
    <t>01/14/2020 11:00:33</t>
  </si>
  <si>
    <t>01/14/2020 11:01:35</t>
  </si>
  <si>
    <t>Beatriz Pereira Mendes da Silva_1_6777354712660393041_1_32.wav</t>
  </si>
  <si>
    <t>\\acsfs\Deptos\EDUCACAO EMPRESARIAL\FERNANDA MONIT\Fernanda\MONITORIA JANEIRO\Ligação para MUTANT segundo ciclo janeiro\Beatriz Pereira Mendes da Silva_1_6777354712660393041_1_32.wav</t>
  </si>
  <si>
    <t>01/14/2020 10:58:57</t>
  </si>
  <si>
    <t>lu11748c87z.tmp</t>
  </si>
  <si>
    <t>\\acsfs\profiles$\BRUNAAR\Numero\lu11748c87z.tmp</t>
  </si>
  <si>
    <t>01/14/2020 10:59:08</t>
  </si>
  <si>
    <t>lu11748c883.tmp</t>
  </si>
  <si>
    <t>\\acsfs\profiles$\BRUNAAR\Numero\lu11748c883.tmp</t>
  </si>
  <si>
    <t>01/14/2020 11:03:32</t>
  </si>
  <si>
    <t>01/14/2020 11:04:36</t>
  </si>
  <si>
    <t>10.200.67.63</t>
  </si>
  <si>
    <t>74-86-7A-FB-17-4F</t>
  </si>
  <si>
    <t>VOTORANT-OB004</t>
  </si>
  <si>
    <t>alinesv</t>
  </si>
  <si>
    <t>\\acsfs\profiles$\alinesv\Contacts\</t>
  </si>
  <si>
    <t>ALINE SANTOS VENANCIO (33).contact</t>
  </si>
  <si>
    <t>\\acsfs\profiles$\alinesv\Contacts\ALINE SANTOS VENANCIO (33).contact</t>
  </si>
  <si>
    <t>01/14/2020 11:03:33</t>
  </si>
  <si>
    <t>01/14/2020 10:58:54</t>
  </si>
  <si>
    <t>01/14/2020 11:03:16</t>
  </si>
  <si>
    <t>3d96b387-06c1-4a05-b26a-4df73adb6a19.tmp</t>
  </si>
  <si>
    <t>\\acsfs\profiles$\larissaad\Downloads\3d96b387-06c1-4a05-b26a-4df73adb6a19.tmp</t>
  </si>
  <si>
    <t>01/14/2020 11:01:23</t>
  </si>
  <si>
    <t>37be8472-b390-475e-be4c-5c5936de5756.tmp</t>
  </si>
  <si>
    <t>\\acsfs\profiles$\nathaliarmr\Downloads\37be8472-b390-475e-be4c-5c5936de5756.tmp</t>
  </si>
  <si>
    <t>01/14/2020 11:05:37</t>
  </si>
  <si>
    <t>01/14/2020 11:00:58</t>
  </si>
  <si>
    <t>22d48e02-b6ca-43c5-a2eb-df4b7cd2c4dc.tmp</t>
  </si>
  <si>
    <t>\\acsfs\profiles$\quindaizaagds\Downloads\22d48e02-b6ca-43c5-a2eb-df4b7cd2c4dc.tmp</t>
  </si>
  <si>
    <t>01/14/2020 11:01:01</t>
  </si>
  <si>
    <t>be3c6207-0177-4570-83e3-eaaabbe9358f.tmp</t>
  </si>
  <si>
    <t>\\acsfs\profiles$\quindaizaagds\Downloads\be3c6207-0177-4570-83e3-eaaabbe9358f.tmp</t>
  </si>
  <si>
    <t>01/14/2020 11:01:34</t>
  </si>
  <si>
    <t>2268c7b4-66d6-4a3d-9d20-2201e8c082ed.tmp</t>
  </si>
  <si>
    <t>\\acsfs\profiles$\quindaizaagds\Downloads\2268c7b4-66d6-4a3d-9d20-2201e8c082ed.tmp</t>
  </si>
  <si>
    <t>01/14/2020 11:03:34</t>
  </si>
  <si>
    <t>3440a874-eb75-4cd9-bc54-cdb412fc8270.tmp</t>
  </si>
  <si>
    <t>\\acsfs\profiles$\quindaizaagds\Downloads\3440a874-eb75-4cd9-bc54-cdb412fc8270.tmp</t>
  </si>
  <si>
    <t>01/14/2020 11:02:20</t>
  </si>
  <si>
    <t>01/14/2020 11:06:36</t>
  </si>
  <si>
    <t>01/14/2020 11:02:17</t>
  </si>
  <si>
    <t>\\acsfs\Deptos\Operacao\Banco_Votorantim\Supervisao\Maristela\CRBV vendas\</t>
  </si>
  <si>
    <t>Dados associados.xlsx</t>
  </si>
  <si>
    <t>\\acsfs\Deptos\Operacao\Banco_Votorantim\Supervisao\Maristela\CRBV vendas\Dados associados.xlsx</t>
  </si>
  <si>
    <t>01/14/2020 11:08:36</t>
  </si>
  <si>
    <t>01/14/2020 11:06:57</t>
  </si>
  <si>
    <t>59f88545-4493-4129-96e5-a829efab0367.tmp</t>
  </si>
  <si>
    <t>\\acsfs\profiles$\gabrielhca\Downloads\59f88545-4493-4129-96e5-a829efab0367.tmp</t>
  </si>
  <si>
    <t>01/14/2020 11:06:12</t>
  </si>
  <si>
    <t>cd142f21-93d3-403f-9ece-70d888fdda4a.tmp</t>
  </si>
  <si>
    <t>\\acsfs\profiles$\ERICALSR\Downloads\cd142f21-93d3-403f-9ece-70d888fdda4a.tmp</t>
  </si>
  <si>
    <t>01/14/2020 11:04:18</t>
  </si>
  <si>
    <t>01/14/2020 11:09:36</t>
  </si>
  <si>
    <t>\\acsfs\profiles$\alinesv\My Documents\My Videos\</t>
  </si>
  <si>
    <t>\\acsfs\profiles$\alinesv\My Documents\My Videos\desktop.ini</t>
  </si>
  <si>
    <t>01/14/2020 11:04:19</t>
  </si>
  <si>
    <t>01/14/2020 11:04:20</t>
  </si>
  <si>
    <t>\\acsfs\profiles$\alinesv\My Documents\My Pictures\</t>
  </si>
  <si>
    <t>\\acsfs\profiles$\alinesv\My Documents\My Pictures\desktop.ini</t>
  </si>
  <si>
    <t>01/14/2020 11:04:21</t>
  </si>
  <si>
    <t>01/14/2020 11:04:22</t>
  </si>
  <si>
    <t>\\acsfs\profiles$\alinesv\Contacts\desktop.ini</t>
  </si>
  <si>
    <t>01/14/2020 11:04:23</t>
  </si>
  <si>
    <t>01/14/2020 11:04:24</t>
  </si>
  <si>
    <t>\\acsfs\profiles$\alinesv\Favorites\</t>
  </si>
  <si>
    <t>\\acsfs\profiles$\alinesv\Favorites\desktop.ini</t>
  </si>
  <si>
    <t>01/14/2020 11:04:25</t>
  </si>
  <si>
    <t>01/14/2020 11:04:26</t>
  </si>
  <si>
    <t>\\acsfs\profiles$\alinesv\My Documents\My Music\</t>
  </si>
  <si>
    <t>\\acsfs\profiles$\alinesv\My Documents\My Music\desktop.ini</t>
  </si>
  <si>
    <t>01/14/2020 11:04:27</t>
  </si>
  <si>
    <t>01/14/2020 11:04:28</t>
  </si>
  <si>
    <t>01/14/2020 11:04:30</t>
  </si>
  <si>
    <t>\\acsfs\profiles$\alinesv\Searches\</t>
  </si>
  <si>
    <t>\\acsfs\profiles$\alinesv\Searches\desktop.ini</t>
  </si>
  <si>
    <t>01/14/2020 11:04:31</t>
  </si>
  <si>
    <t>\\acsfs\profiles$\alinesv\Downloads\</t>
  </si>
  <si>
    <t>\\acsfs\profiles$\alinesv\Downloads\desktop.ini</t>
  </si>
  <si>
    <t>01/14/2020 11:04:32</t>
  </si>
  <si>
    <t>\\acsfs\profiles$\alinesv\My Documents\</t>
  </si>
  <si>
    <t>\\acsfs\profiles$\alinesv\My Documents\desktop.ini</t>
  </si>
  <si>
    <t>01/14/2020 11:04:33</t>
  </si>
  <si>
    <t>01/14/2020 11:04:34</t>
  </si>
  <si>
    <t>01/14/2020 11:04:35</t>
  </si>
  <si>
    <t>\\acsfs\profiles$\alinesv\Saved Games\</t>
  </si>
  <si>
    <t>\\acsfs\profiles$\alinesv\Saved Games\desktop.ini</t>
  </si>
  <si>
    <t>01/14/2020 11:05:04</t>
  </si>
  <si>
    <t>\\acsfs\profiles$\alinesv\Favorites\Links for Brasil\</t>
  </si>
  <si>
    <t>\\acsfs\profiles$\alinesv\Favorites\Links for Brasil\desktop.ini</t>
  </si>
  <si>
    <t>01/14/2020 11:05:06</t>
  </si>
  <si>
    <t>\\acsfs\profiles$\alinesv\Favorites\Links for Brasil\Microsoft Brasil.url</t>
  </si>
  <si>
    <t>01/14/2020 11:05:07</t>
  </si>
  <si>
    <t>\\acsfs\profiles$\alinesv\Favorites\Links for Brasil\Windows Brasil.url</t>
  </si>
  <si>
    <t>01/14/2020 11:05:08</t>
  </si>
  <si>
    <t>01/14/2020 11:05:09</t>
  </si>
  <si>
    <t>\\acsfs\profiles$\alinesv\Favorites\Links for Brasil\MSN Brasil.url</t>
  </si>
  <si>
    <t>01/14/2020 11:05:10</t>
  </si>
  <si>
    <t>01/14/2020 11:05:27</t>
  </si>
  <si>
    <t>01/14/2020 11:10:36</t>
  </si>
  <si>
    <t>angelica.santos@dxc.com;ctssuporteinfo@dxc.com;daniela.ribeiro@bv.com.br;fabio.ernest@bv.com.br;</t>
  </si>
  <si>
    <t>angelica.santos@dxc.com,ctssuporteinfo@dxc.com,daniela.ribeiro@bv.com.br,fabio.ernest@bv.com.br</t>
  </si>
  <si>
    <t>01/14/2020 11:08:57</t>
  </si>
  <si>
    <t>ancestorhasaugmentedpermissions;angelica.santos@dxc.com;containsunsubscribedchildren;ctssuporteinfo@dxc.com;daniela.ribeiro@bv.com.br;displayn;displayname;domain;emailaddress;fabio.ernest@bv.com.br;file(kind;fileid;filesize;hasthumbnail;hasvisitorpermissions;id;id);items(deleted;items(kind;ken;kind;lastmodifyinguse;lastmodifyinguser(kind;lastviewedbymedate;modifiedbymedate;modifieddate;ontainsunsubscribedchildren;owners(kind;per;permission;permissionid;picture;rpermissions;shared;sharedwithmedate;thumbnailversion;title;userpermission(role);workspaceids;</t>
  </si>
  <si>
    <t>ancestorhasaugmentedpermissions,angelica.santos@dxc.com,containsunsubscribedchildren,ctssuporteinfo@dxc.com,daniela.ribeiro@bv.com.br,displayn,displayname,domain,emailaddress,fabio.ernest@bv.com.br,file(kind,fileid,filesize,hasthumbnail,hasvisitorpermissions,id,id),items(deleted,items(kind,ken,kind,lastmodifyinguse,lastmodifyinguser(kind,lastviewedbymedate,modifiedbymedate,modifieddate,ontainsunsubscribedchildren,owners(kind,per,permission,permissionid,picture,rpermissions,shared,sharedwithmedate,thumbnailversion,title,userpermission(role),workspaceids</t>
  </si>
  <si>
    <t>01/14/2020 11:09:00</t>
  </si>
  <si>
    <t>01/14/2020 11:09:34</t>
  </si>
  <si>
    <t>01/14/2020 11:06:15</t>
  </si>
  <si>
    <t>01/14/2020 11:09:17</t>
  </si>
  <si>
    <t>https://katia.cardoso@bv.com.br</t>
  </si>
  <si>
    <t>01/14/2020 11:09:31</t>
  </si>
  <si>
    <t>01/14/2020 11:09:32</t>
  </si>
  <si>
    <t>01/14/2020 11:10:29</t>
  </si>
  <si>
    <t>01/14/2020 11:11:36</t>
  </si>
  <si>
    <t>e7574704-b987-4836-a12c-a924e1e3c73c.tmp</t>
  </si>
  <si>
    <t>\\acsfs\profiles$\RAFAELRF\Downloads\e7574704-b987-4836-a12c-a924e1e3c73c.tmp</t>
  </si>
  <si>
    <t>01/14/2020 11:10:22</t>
  </si>
  <si>
    <t>01/14/2020 11:09:23</t>
  </si>
  <si>
    <t>Informações - Terceiros.PNG</t>
  </si>
  <si>
    <t>\\acsfs\Deptos\EDUCACAO EMPRESARIAL\KÉSIA\Informações - Terceiros.PNG</t>
  </si>
  <si>
    <t>01/14/2020 11:13:36</t>
  </si>
  <si>
    <t>01/14/2020 11:12:24</t>
  </si>
  <si>
    <t>01/14/2020 11:12:32</t>
  </si>
  <si>
    <t>01/14/2020 11:12:36</t>
  </si>
  <si>
    <t>mail.google.com/sync/u/0/i/s?hl=pt-BR&amp;c=191</t>
  </si>
  <si>
    <t>01/14/2020 11:15:36</t>
  </si>
  <si>
    <t>01/14/2020 11:10:21</t>
  </si>
  <si>
    <t>01/14/2020 11:10:26</t>
  </si>
  <si>
    <t>01/14/2020 11:10:38</t>
  </si>
  <si>
    <t>01/14/2020 11:10:44</t>
  </si>
  <si>
    <t>01/14/2020 11:10:48</t>
  </si>
  <si>
    <t>01/14/2020 11:10:53</t>
  </si>
  <si>
    <t>01/14/2020 11:11:12</t>
  </si>
  <si>
    <t>01/14/2020 11:14:39</t>
  </si>
  <si>
    <t>01/14/2020 11:15:51</t>
  </si>
  <si>
    <t>01/14/2020 11:16:36</t>
  </si>
  <si>
    <t>3108ee42-6d21-4efb-ae11-ea491feef558.tmp</t>
  </si>
  <si>
    <t>\\acsfs\profiles$\gabriellalpr\Downloads\3108ee42-6d21-4efb-ae11-ea491feef558.tmp</t>
  </si>
  <si>
    <t>01/14/2020 11:13:07</t>
  </si>
  <si>
    <t>e3cf215e-71a2-4590-873b-5f1edaab8019.tmp</t>
  </si>
  <si>
    <t>\\acsfs\profiles$\joselrb\Downloads\e3cf215e-71a2-4590-873b-5f1edaab8019.tmp</t>
  </si>
  <si>
    <t>01/14/2020 11:13:37</t>
  </si>
  <si>
    <t>aec8dfae-bfce-40b8-beb3-28b48827ca4d.tmp</t>
  </si>
  <si>
    <t>\\acsfs\profiles$\joselrb\Downloads\aec8dfae-bfce-40b8-beb3-28b48827ca4d.tmp</t>
  </si>
  <si>
    <t>01/14/2020 11:14:01</t>
  </si>
  <si>
    <t>2f577cb0-7582-4c01-85f4-665c50bd30a5.tmp</t>
  </si>
  <si>
    <t>\\acsfs\profiles$\joselrb\Downloads\2f577cb0-7582-4c01-85f4-665c50bd30a5.tmp</t>
  </si>
  <si>
    <t>01/14/2020 11:13:33</t>
  </si>
  <si>
    <t>CINTIA DE JESUS LIMA_1_6777459106135488270_1_32.wav</t>
  </si>
  <si>
    <t>\\acsfs\Deptos\EDUCACAO EMPRESARIAL\KÉSIA\Ligações 2º ciclo - Janeiro 2020\CINTIA DE JESUS LIMA_1_6777459106135488270_1_32.wav</t>
  </si>
  <si>
    <t>01/14/2020 11:17:34</t>
  </si>
  <si>
    <t>01/14/2020 11:18:36</t>
  </si>
  <si>
    <t>01/14/2020 11:16:32</t>
  </si>
  <si>
    <t>01/14/2020 11:15:11</t>
  </si>
  <si>
    <t>01/14/2020 11:20:36</t>
  </si>
  <si>
    <t>01/14/2020 11:15:31</t>
  </si>
  <si>
    <t>01/14/2020 11:15:54</t>
  </si>
  <si>
    <t>01/14/2020 11:16:04</t>
  </si>
  <si>
    <t>0,0.668,0],1.054,1.054],1.557,1006.3100000006671,1017.055000000255,105.91999999996915,1062.0800000015151,1062.3150000010355,1070.2150000015536,1070.4349999996339,1077.0049999991897,1102.2550000016054,1125.3900000010617,1189.155000000028,119.90999999943597,12.854],12.870000000475557,1241.9100000006438,126.375,13.58,135.413,15.344,15.344],15.436,15.436],15.552,15.552],155.14000000075612,1585.943],173.60999999982596,186.01999999918917,2.510000000256696,21.464,21.464],21.7,21.740000000136206,21.7],2133.9400000015303,2192.4550000003364,2340.4150000005757,2346.2450000006356,253.53999999970256,3,3.777],33.212,33.212],34.445000001142034,354.0850000008504,354.3250000002445,36.79999999985739,378.2950000004348,378.94000000051165,379.1800000017247,379.3600000008155,379.43000000086613,38.438],380.78000000132306,384.5899999996618,4.843,442.611],49.399999999877764,490.6600000012986,5,50.970000000233995,506.83,51.0149999990972,546.8500000006316,547.5400000013906,547.9250000007596,548.2850000007602,548.9050000014686,56.249999</t>
  </si>
  <si>
    <t>01/14/2020 11:16:21</t>
  </si>
  <si>
    <t>0]4xb;1579006940260;2104726273;4;[];[]]];ancestorhasaugmentedpermissions;bvcartes-supervisores@algarnet.onmicrosoft.com;containsunsubscribedchildren;displayname;domain;emailaddress;false;file(kind;fileid;filesize;hasthumbnail;hasvisitorpermissions;id;id);items(deleted;ken;kind;lastmodifyinguser(kind;lastviewedbymedate;modifiedbymedate;modifieddate;null;ontainsunsubscribedchildren;owners(kind;per;permissionid;picture;shared;sharedwithmedate;thumbnailversion;title;true]";userpermission(role);workspaceids;x3uwmszta-6eoaufu_ruryo-cpfqmpbjbzt1tdc3slxxxnxps4iuazxegx0v0kgmkiwoilwscxys5jj6xjy655su7yklkl6seaqfdujs5pwhc7jqabe-f9vohggn05cucnuig2iovmi3e-pvx_ixavqgh-95py0ypbjsgavvtlpc6odbgaqnjywdpofc8-r1zy_i9slqdoovc17mqm0ns2dfgavqre3bpttw\";znymuj2x5crgq91mxkk6nlro3ij_aoq5bcd6g8xla3acpkpoh-woypkjcm7bw8jk1tkf64erbx5jwkobjwzchcvfbs8yb0pqv6eiu6wb9maud2ftox3uwmszta-6eoaufu_ruryo-cpfqmpbjbzt1tdc3slxxxnxps4iuazxegx0v0kgmkiwoilwscxys5jj6xjy655su7yklkl6seaqfdujs5pwhc7jqabe-f9vohggn05cucnuig2iovmi3e-pvx_ixavqgh-95py0ypbjsgavvtlpc</t>
  </si>
  <si>
    <t>0]4xb,1579006940260,2104726273,4,[],[]]],ancestorhasaugmentedpermissions,bvcartes-supervisores@algarnet.onmicrosoft.com,containsunsubscribedchildren,displayname,domain,emailaddress,false,file(kind,fileid,filesize,hasthumbnail,hasvisitorpermissions,id,id),items(deleted,ken,kind,lastmodifyinguser(kind,lastviewedbymedate,modifiedbymedate,modifieddate,null,ontainsunsubscribedchildren,owners(kind,per,permissionid,picture,shared,sharedwithmedate,thumbnailversion,title,true]",userpermission(role),workspaceids,x3uwmszta-6eoaufu_ruryo-cpfqmpbjbzt1tdc3slxxxnxps4iuazxegx0v0kgmkiwoilwscxys5jj6xjy655su7yklkl6seaqfdujs5pwhc7jqabe-f9vohggn05cucnuig2iovmi3e-pvx_ixavqgh-95py0ypbjsgavvtlpc6odbgaqnjywdpofc8-r1zy_i9slqdoovc17mqm0ns2dfgavqre3bpttw\",znymuj2x5crgq91mxkk6nlro3ij_aoq5bcd6g8xla3acpkpoh-woypkjcm7bw8jk1tkf64erbx5jwkobjwzchcvfbs8yb0pqv6eiu6wb9maud2ftox3uwmszta-6eoaufu_ruryo-cpfqmpbjbzt1tdc3slxxxnxps4iuazxegx0v0kgmkiwoilwscxys5jj6xjy655su7yklkl6seaqfdujs5pwhc7jqabe-f9vohggn05cucnuig2iovmi3e-pvx_ixavqgh-95py0ypbjsgavvtlpc</t>
  </si>
  <si>
    <t>angelica.santos@dxc.com;bvcartes-supervisores@algarnet.onmicrosoft.com;ctssuporteinfo@dxc.com;daniela.ribeiro@bv.com.br;fabio.ernest@bv.com.br;</t>
  </si>
  <si>
    <t>angelica.santos@dxc.com,bvcartes-supervisores@algarnet.onmicrosoft.com,ctssuporteinfo@dxc.com,daniela.ribeiro@bv.com.br,fabio.ernest@bv.com.br</t>
  </si>
  <si>
    <t>01/14/2020 11:16:45</t>
  </si>
  <si>
    <t>01/14/2020 11:19:52</t>
  </si>
  <si>
    <t>\\acsfs\DEPTOS\Operacao\Banco_Votorantim\Supervisao\SUPERS BV CARTÕES\ADILSON\Vendas\</t>
  </si>
  <si>
    <t>Controle Vendas Janeiro.xlsx</t>
  </si>
  <si>
    <t>\\acsfs\DEPTOS\Operacao\Banco_Votorantim\Supervisao\SUPERS BV CARTÕES\ADILSON\Vendas\Controle Vendas Janeiro.xlsx</t>
  </si>
  <si>
    <t>01/14/2020 11:17:31</t>
  </si>
  <si>
    <t>01/14/2020 11:21:36</t>
  </si>
  <si>
    <t>FABIANA FONTINELE VERAS_1_6777468739747121452_1_32.wav</t>
  </si>
  <si>
    <t>\\acsfs\Deptos\EDUCACAO EMPRESARIAL\KÉSIA\Ligações 2º ciclo - Janeiro 2020\FABIANA FONTINELE VERAS_1_6777468739747121452_1_32.wav</t>
  </si>
  <si>
    <t>01/14/2020 11:20:17</t>
  </si>
  <si>
    <t>01/14/2020 11:22:36</t>
  </si>
  <si>
    <t>01/14/2020 11:20:33</t>
  </si>
  <si>
    <t>01/14/2020 11:18:02</t>
  </si>
  <si>
    <t>01/14/2020 11:23:36</t>
  </si>
  <si>
    <t>01/14/2020 11:18:22</t>
  </si>
  <si>
    <t>01/14/2020 11:18:38</t>
  </si>
  <si>
    <t>01/14/2020 11:19:11</t>
  </si>
  <si>
    <t>01/14/2020 11:19:17</t>
  </si>
  <si>
    <t>01/14/2020 11:19:48</t>
  </si>
  <si>
    <t>01/14/2020 11:20:32</t>
  </si>
  <si>
    <t>mail.google.com/sync/u/0/i/s?hl=pt-BR&amp;c=217</t>
  </si>
  <si>
    <t>01/14/2020 11:20:40</t>
  </si>
  <si>
    <t>01/14/2020 11:20:46</t>
  </si>
  <si>
    <t>01/14/2020 11:21:13</t>
  </si>
  <si>
    <t>01/14/2020 11:22:16</t>
  </si>
  <si>
    <t>01/14/2020 11:22:26</t>
  </si>
  <si>
    <t>mail.google.com/sync/u/0/i/s?hl=pt-BR&amp;c=229</t>
  </si>
  <si>
    <t>01/14/2020 11:22:32</t>
  </si>
  <si>
    <t>01/14/2020 11:19:49</t>
  </si>
  <si>
    <t>01/14/2020 11:19:54</t>
  </si>
  <si>
    <t>https://csp.withgoogle.com/csp/apps-picker/v1</t>
  </si>
  <si>
    <t>01/14/2020 11:19:55</t>
  </si>
  <si>
    <t>01/14/2020 11:20:05</t>
  </si>
  <si>
    <t>01/14/2020 11:19:30</t>
  </si>
  <si>
    <t>lu11748c887.tmp</t>
  </si>
  <si>
    <t>\\acsfs\profiles$\BRUNAAR\Numero\lu11748c887.tmp</t>
  </si>
  <si>
    <t>01/14/2020 11:21:44</t>
  </si>
  <si>
    <t>d65c0292-0909-4540-9e86-c54b4a59a204.tmp</t>
  </si>
  <si>
    <t>\\acsfs\profiles$\rafaelamsv\Downloads\d65c0292-0909-4540-9e86-c54b4a59a204.tmp</t>
  </si>
  <si>
    <t>01/14/2020 11:22:06</t>
  </si>
  <si>
    <t>01/14/2020 11:24:36</t>
  </si>
  <si>
    <t>01/14/2020 11:22:13</t>
  </si>
  <si>
    <t>01/14/2020 11:22:31</t>
  </si>
  <si>
    <t>01/14/2020 11:25:37</t>
  </si>
  <si>
    <t>01/14/2020 11:20:28</t>
  </si>
  <si>
    <t>25b5b04d-876d-426f-9270-4a7448f34a60.tmp</t>
  </si>
  <si>
    <t>\\acsfs\profiles$\matheushds\Downloads\25b5b04d-876d-426f-9270-4a7448f34a60.tmp</t>
  </si>
  <si>
    <t>01/14/2020 11:21:21</t>
  </si>
  <si>
    <t>01/14/2020 11:21:42</t>
  </si>
  <si>
    <t>ancestorhasaugmentedpermissions;angelica.santos@dxc.com;containsunsubscribedchildren;ctssuporteinfo@dxc.com;daniela.ribeiro@bv.com.br;displayn;displayname;domain;emailaddress;fabio.ernest@bv.com.br;file(kind;fileid;filesize;hasthumbnail;hasvisitorpermissions;id;id);items(deleted;items(kind;ken;kind;lastmodifyinguse;lastmodifyinguser(kind;lastviewedbymedate;modifiedbymedate;modifieddate;ontainsunsubscribedchildren;owners(kind;per;permission;permissionid;picture;rpermissions;shared;sharedwithmedate;thiagordu@algartech.com;thumbnailversion;title;userpermission(role);workspaceids;</t>
  </si>
  <si>
    <t>ancestorhasaugmentedpermissions,angelica.santos@dxc.com,containsunsubscribedchildren,ctssuporteinfo@dxc.com,daniela.ribeiro@bv.com.br,displayn,displayname,domain,emailaddress,fabio.ernest@bv.com.br,file(kind,fileid,filesize,hasthumbnail,hasvisitorpermissions,id,id),items(deleted,items(kind,ken,kind,lastmodifyinguse,lastmodifyinguser(kind,lastviewedbymedate,modifiedbymedate,modifieddate,ontainsunsubscribedchildren,owners(kind,per,permission,permissionid,picture,rpermissions,shared,sharedwithmedate,thiagordu@algartech.com,thumbnailversion,title,userpermission(role),workspaceids</t>
  </si>
  <si>
    <t>01/14/2020 11:21:50</t>
  </si>
  <si>
    <t>01/14/2020 11:21:55</t>
  </si>
  <si>
    <t>01/14/2020 11:21:59</t>
  </si>
  <si>
    <t>01/14/2020 11:22:23</t>
  </si>
  <si>
    <t>01/14/2020 11:22:28</t>
  </si>
  <si>
    <t>mail.google.com/sync/u/0/i/s?hl=pt-BR&amp;c=200</t>
  </si>
  <si>
    <t>01/14/2020 11:22:42</t>
  </si>
  <si>
    <t>bvcartes-supervisores@algarnet.onmicrosoft.com;thiagordu@algartech.com;</t>
  </si>
  <si>
    <t>bvcartes-supervisores@algarnet.onmicrosoft.com,thiagordu@algartech.com</t>
  </si>
  <si>
    <t>01/14/2020 11:22:45</t>
  </si>
  <si>
    <t>01/14/2020 11:22:02</t>
  </si>
  <si>
    <t>100014122394468;andrelpsa@algartech.com;joaogvc@algartech.com;katia.cardoso@bv.com.br;leonardoao@algartech.com;marianadjc@algartech.com;maristelavodq@bv.algartech.com;paulacn@algartech.com;ricardodfm@algartech.com.br;taysdss@algartech.com;</t>
  </si>
  <si>
    <t>https://100014122394468,andrelpsa@algartech.com,joaogvc@algartech.com,katia.cardoso@bv.com.br,leonardoao@algartech.com,marianadjc@algartech.com,maristelavodq@bv.algartech.com,paulacn@algartech.com,ricardodfm@algartech.com.br,taysdss@algartech.com</t>
  </si>
  <si>
    <t>01/14/2020 11:25:16</t>
  </si>
  <si>
    <t>01/14/2020 11:26:36</t>
  </si>
  <si>
    <t>01/14/2020 11:25:17</t>
  </si>
  <si>
    <t>01/14/2020 11:25:18</t>
  </si>
  <si>
    <t>01/14/2020 11:25:19</t>
  </si>
  <si>
    <t>01/14/2020 11:25:20</t>
  </si>
  <si>
    <t>01/14/2020 11:25:21</t>
  </si>
  <si>
    <t>01/14/2020 11:25:22</t>
  </si>
  <si>
    <t>01/14/2020 11:25:23</t>
  </si>
  <si>
    <t>01/14/2020 11:25:24</t>
  </si>
  <si>
    <t>01/14/2020 11:25:25</t>
  </si>
  <si>
    <t>01/14/2020 11:25:26</t>
  </si>
  <si>
    <t>01/14/2020 11:25:27</t>
  </si>
  <si>
    <t>01/14/2020 11:25:34</t>
  </si>
  <si>
    <t>01/14/2020 11:27:37</t>
  </si>
  <si>
    <t>01/14/2020 11:22:51</t>
  </si>
  <si>
    <t>01/14/2020 11:28:36</t>
  </si>
  <si>
    <t>01/14/2020 11:22:56</t>
  </si>
  <si>
    <t>01/14/2020 11:22:59</t>
  </si>
  <si>
    <t>01/14/2020 11:23:33</t>
  </si>
  <si>
    <t>01/14/2020 11:25:00</t>
  </si>
  <si>
    <t>Novo Relatório de Vendas.xlsx</t>
  </si>
  <si>
    <t>\\acsfs\ACS\Gabriel da Silva\Contemporânea\VENDAS\Novo Relatório de Vendas.xlsx</t>
  </si>
  <si>
    <t>01/14/2020 11:24:27</t>
  </si>
  <si>
    <t>01/14/2020 11:29:37</t>
  </si>
  <si>
    <t>3c3eaf82-5221-4ba3-96f0-1e96d45a6567.tmp</t>
  </si>
  <si>
    <t>\\acsfs\profiles$\gabrielaff\Downloads\3c3eaf82-5221-4ba3-96f0-1e96d45a6567.tmp</t>
  </si>
  <si>
    <t>01/14/2020 11:28:06</t>
  </si>
  <si>
    <t>f5fcaa63-1fde-4489-99d0-aa29bc738401.tmp</t>
  </si>
  <si>
    <t>\\acsfs\profiles$\larissaad\Downloads\f5fcaa63-1fde-4489-99d0-aa29bc738401.tmp</t>
  </si>
  <si>
    <t>01/14/2020 11:28:33</t>
  </si>
  <si>
    <t>8904022c-4380-4de9-a8ae-36cf5ccca2e8.tmp</t>
  </si>
  <si>
    <t>\\acsfs\profiles$\larissaad\Downloads\8904022c-4380-4de9-a8ae-36cf5ccca2e8.tmp</t>
  </si>
  <si>
    <t>01/14/2020 11:29:16</t>
  </si>
  <si>
    <t>a39469bc-824c-43c6-85be-1eac1905b253.tmp</t>
  </si>
  <si>
    <t>\\acsfs\profiles$\lucasqdss\Downloads\a39469bc-824c-43c6-85be-1eac1905b253.tmp</t>
  </si>
  <si>
    <t>01/14/2020 11:30:36</t>
  </si>
  <si>
    <t>01/14/2020 11:26:33</t>
  </si>
  <si>
    <t>01/14/2020 11:26:49</t>
  </si>
  <si>
    <t>mail.google.com/sync/u/0/i/s?hl=pt-BR&amp;c=215</t>
  </si>
  <si>
    <t>01/14/2020 11:27:44</t>
  </si>
  <si>
    <t>mail.google.com/sync/u/0/i/s?hl=pt-BR&amp;c=218</t>
  </si>
  <si>
    <t>01/14/2020 11:27:45</t>
  </si>
  <si>
    <t>01/14/2020 11:27:46</t>
  </si>
  <si>
    <t>01/14/2020 11:28:00</t>
  </si>
  <si>
    <t>01/14/2020 11:29:43</t>
  </si>
  <si>
    <t>01/14/2020 11:29:44</t>
  </si>
  <si>
    <t>lu1000011qr54.tmp</t>
  </si>
  <si>
    <t>\\acsfs\profiles$\jonathanwap\lu1000011qr54.tmp</t>
  </si>
  <si>
    <t>\\acsfs\profiles$\jonathanwap\lu1000011qr54.tmp\</t>
  </si>
  <si>
    <t>\\acsfs\profiles$\jonathanwap\lu1000011qr54.tmp\META-INF\</t>
  </si>
  <si>
    <t>\\acsfs\profiles$\jonathanwap\lu1000011qr54.tmp\Thumbnails\</t>
  </si>
  <si>
    <t>01/14/2020 11:31:37</t>
  </si>
  <si>
    <t>01/14/2020 11:25:28</t>
  </si>
  <si>
    <t>01/14/2020 11:25:29</t>
  </si>
  <si>
    <t>01/14/2020 11:25:30</t>
  </si>
  <si>
    <t>01/14/2020 11:25:31</t>
  </si>
  <si>
    <t>01/14/2020 11:25:32</t>
  </si>
  <si>
    <t>01/14/2020 11:25:33</t>
  </si>
  <si>
    <t>01/14/2020 11:25:35</t>
  </si>
  <si>
    <t>01/14/2020 11:25:36</t>
  </si>
  <si>
    <t>01/14/2020 11:25:38</t>
  </si>
  <si>
    <t>01/14/2020 11:25:39</t>
  </si>
  <si>
    <t>01/14/2020 11:25:40</t>
  </si>
  <si>
    <t>01/14/2020 11:25:41</t>
  </si>
  <si>
    <t>01/14/2020 11:25:42</t>
  </si>
  <si>
    <t>01/14/2020 11:25:43</t>
  </si>
  <si>
    <t>01/14/2020 11:25:44</t>
  </si>
  <si>
    <t>01/14/2020 11:25:45</t>
  </si>
  <si>
    <t>01/14/2020 11:25:46</t>
  </si>
  <si>
    <t>01/14/2020 11:28:34</t>
  </si>
  <si>
    <t>01/14/2020 11:32:36</t>
  </si>
  <si>
    <t>01/14/2020 11:28:35</t>
  </si>
  <si>
    <t>01/14/2020 11:30:10</t>
  </si>
  <si>
    <t>01/14/2020 11:31:27</t>
  </si>
  <si>
    <t>01/14/2020 11:33:36</t>
  </si>
  <si>
    <t>e5fa6e48-f890-4d7c-9451-67908e12b9a1.tmp</t>
  </si>
  <si>
    <t>\\acsfs\profiles$\LUCASBS\Downloads\e5fa6e48-f890-4d7c-9451-67908e12b9a1.tmp</t>
  </si>
  <si>
    <t>01/14/2020 11:29:13</t>
  </si>
  <si>
    <t>01/14/2020 11:29:20</t>
  </si>
  <si>
    <t>01/14/2020 11:29:24</t>
  </si>
  <si>
    <t>01/14/2020 11:29:58</t>
  </si>
  <si>
    <t>01/14/2020 11:32:51</t>
  </si>
  <si>
    <t>22d57947-05b0-4371-8add-271b5766d6b6.tmp</t>
  </si>
  <si>
    <t>\\acsfs\profiles$\gabrielsma\Downloads\22d57947-05b0-4371-8add-271b5766d6b6.tmp</t>
  </si>
  <si>
    <t>01/14/2020 11:28:31</t>
  </si>
  <si>
    <t>a94801cd-f5c6-439f-b135-e1c430240776.tmp</t>
  </si>
  <si>
    <t>\\acsfs\profiles$\rafaelamsv\Downloads\a94801cd-f5c6-439f-b135-e1c430240776.tmp</t>
  </si>
  <si>
    <t>01/14/2020 11:28:58</t>
  </si>
  <si>
    <t>01/14/2020 11:34:36</t>
  </si>
  <si>
    <t>69124930-908b-47c6-9efd-90392558a386.tmp</t>
  </si>
  <si>
    <t>\\acsfs\profiles$\larissaad\Downloads\69124930-908b-47c6-9efd-90392558a386.tmp</t>
  </si>
  <si>
    <t>01/14/2020 11:30:26</t>
  </si>
  <si>
    <t>9215e349-e0f1-49cc-bc7b-b370ca8e5eb6.tmp</t>
  </si>
  <si>
    <t>\\acsfs\profiles$\larissaad\Downloads\9215e349-e0f1-49cc-bc7b-b370ca8e5eb6.tmp</t>
  </si>
  <si>
    <t>01/14/2020 11:31:39</t>
  </si>
  <si>
    <t>6fe6a13b-bdc5-4c7c-a39e-a923dea1b672.tmp</t>
  </si>
  <si>
    <t>\\acsfs\profiles$\larissaad\Downloads\6fe6a13b-bdc5-4c7c-a39e-a923dea1b672.tmp</t>
  </si>
  <si>
    <t>01/14/2020 11:31:42</t>
  </si>
  <si>
    <t>22b54937-1b35-438f-bfd2-f04413e3914a.tmp</t>
  </si>
  <si>
    <t>\\acsfs\profiles$\larissaad\Downloads\22b54937-1b35-438f-bfd2-f04413e3914a.tmp</t>
  </si>
  <si>
    <t>01/14/2020 11:32:00</t>
  </si>
  <si>
    <t>8a153fc6-e853-48f0-93e4-3ed7c26ee0e4.tmp</t>
  </si>
  <si>
    <t>\\acsfs\profiles$\larissaad\Downloads\8a153fc6-e853-48f0-93e4-3ed7c26ee0e4.tmp</t>
  </si>
  <si>
    <t>01/14/2020 11:32:26</t>
  </si>
  <si>
    <t>18a8ac7c-e7a0-48a1-8abf-aba7d3bce112.tmp</t>
  </si>
  <si>
    <t>\\acsfs\profiles$\larissaad\Downloads\18a8ac7c-e7a0-48a1-8abf-aba7d3bce112.tmp</t>
  </si>
  <si>
    <t>01/14/2020 11:32:47</t>
  </si>
  <si>
    <t>38ece8bc-53fb-4d53-8ea4-aa21c1c90b84.tmp</t>
  </si>
  <si>
    <t>\\acsfs\profiles$\larissaad\Downloads\38ece8bc-53fb-4d53-8ea4-aa21c1c90b84.tmp</t>
  </si>
  <si>
    <t>01/14/2020 11:29:19</t>
  </si>
  <si>
    <t>72c2fef4-8ec7-4912-8769-b5dc38935478.tmp</t>
  </si>
  <si>
    <t>\\acsfs\profiles$\leticiala\Downloads\72c2fef4-8ec7-4912-8769-b5dc38935478.tmp</t>
  </si>
  <si>
    <t>01/14/2020 11:35:36</t>
  </si>
  <si>
    <t>01/14/2020 11:31:49</t>
  </si>
  <si>
    <t>01/14/2020 11:32:48</t>
  </si>
  <si>
    <t>01/14/2020 11:34:50</t>
  </si>
  <si>
    <t>01/14/2020 11:36:36</t>
  </si>
  <si>
    <t>70790de5-eef5-4668-995c-dd53b3b6761c.tmp</t>
  </si>
  <si>
    <t>\\acsfs\profiles$\joselrb\Downloads\70790de5-eef5-4668-995c-dd53b3b6761c.tmp</t>
  </si>
  <si>
    <t>01/14/2020 11:34:56</t>
  </si>
  <si>
    <t>01/14/2020 11:37:36</t>
  </si>
  <si>
    <t>01/14/2020 11:38:36</t>
  </si>
  <si>
    <t>TALITA FERNANDES DA COSTA_1_6777316478861521149_1_32.wav</t>
  </si>
  <si>
    <t>\\acsfs\Deptos\EDUCACAO EMPRESARIAL\FERNANDA MONIT\Fernanda\MONITORIA JANEIRO\Ligação para MUTANT segundo ciclo janeiro\TALITA FERNANDES DA COSTA_1_6777316478861521149_1_32.wav</t>
  </si>
  <si>
    <t>01/14/2020 11:34:17</t>
  </si>
  <si>
    <t>01/14/2020 11:34:24</t>
  </si>
  <si>
    <t>01/14/2020 11:34:30</t>
  </si>
  <si>
    <t>mail.google.com/sync/u/0/i/s?hl=pt-BR&amp;c=260</t>
  </si>
  <si>
    <t>01/14/2020 11:33:18</t>
  </si>
  <si>
    <t>Não confirmado 131631.crdownload</t>
  </si>
  <si>
    <t>\\acsfs\ACS\Gabriel da Silva\Contemporânea\VENDAS\Não confirmado 131631.crdownload</t>
  </si>
  <si>
    <t>01/14/2020 11:33:19</t>
  </si>
  <si>
    <t>a356a4cc-5bf5-46c1-838c-d170e8a6d312.tmp</t>
  </si>
  <si>
    <t>\\acsfs\profiles$\gabrielsma\Downloads\a356a4cc-5bf5-46c1-838c-d170e8a6d312.tmp</t>
  </si>
  <si>
    <t>Não confirmado 410666.crdownload</t>
  </si>
  <si>
    <t>\\acsfs\ACS\Gabriel da Silva\Contemporânea\VENDAS\Não confirmado 410666.crdownload</t>
  </si>
  <si>
    <t>01/14/2020 11:34:10</t>
  </si>
  <si>
    <t>01/14/2020 11:35:13</t>
  </si>
  <si>
    <t>01/14/2020 11:35:01</t>
  </si>
  <si>
    <t>ab1ede4a-3c9f-4945-bef5-c489e52ee8d3.tmp</t>
  </si>
  <si>
    <t>\\acsfs\profiles$\ALYNYA\Downloads\ab1ede4a-3c9f-4945-bef5-c489e52ee8d3.tmp</t>
  </si>
  <si>
    <t>01/14/2020 11:39:36</t>
  </si>
  <si>
    <t>01/14/2020 11:36:05</t>
  </si>
  <si>
    <t>01/14/2020 11:37:58</t>
  </si>
  <si>
    <t>01/14/2020 11:41:36</t>
  </si>
  <si>
    <t>52a886f7-7801-489e-bd47-0511ac45ceb1.tmp</t>
  </si>
  <si>
    <t>\\acsfs\profiles$\joselrb\Downloads\52a886f7-7801-489e-bd47-0511ac45ceb1.tmp</t>
  </si>
  <si>
    <t>01/14/2020 11:38:03</t>
  </si>
  <si>
    <t>01/14/2020 11:42:36</t>
  </si>
  <si>
    <t>01/14/2020 11:43:36</t>
  </si>
  <si>
    <t>01/14/2020 11:41:35</t>
  </si>
  <si>
    <t>01/14/2020 11:41:47</t>
  </si>
  <si>
    <t>01/14/2020 11:42:04</t>
  </si>
  <si>
    <t>mail.google.com/sync/u/0/i/s?hl=pt-BR&amp;c=271</t>
  </si>
  <si>
    <t>01/14/2020 11:42:12</t>
  </si>
  <si>
    <t>mail.google.com/sync/u/0/i/s?hl=pt-BR&amp;c=273</t>
  </si>
  <si>
    <t>01/14/2020 11:43:40</t>
  </si>
  <si>
    <t>01/14/2020 11:44:36</t>
  </si>
  <si>
    <t>01/14/2020 11:40:09</t>
  </si>
  <si>
    <t>01/14/2020 11:45:36</t>
  </si>
  <si>
    <t>043ff3f3-f32d-4a9c-acdd-dc46251790d7.tmp</t>
  </si>
  <si>
    <t>\\acsfs\profiles$\victoriaksr\Downloads\043ff3f3-f32d-4a9c-acdd-dc46251790d7.tmp</t>
  </si>
  <si>
    <t>01/14/2020 11:41:56</t>
  </si>
  <si>
    <t>.~lock.Retratação Qualidade Janeiro.xlsx#</t>
  </si>
  <si>
    <t>\\acsfs\profiles$\victoriaksr\Downloads\.~lock.Retratação Qualidade Janeiro.xlsx#</t>
  </si>
  <si>
    <t>01/14/2020 11:42:49</t>
  </si>
  <si>
    <t>36d1e078-5af8-46ab-b614-f444e42a5c05.tmp</t>
  </si>
  <si>
    <t>\\acsfs\profiles$\quindaizaagds\Downloads\36d1e078-5af8-46ab-b614-f444e42a5c05.tmp</t>
  </si>
  <si>
    <t>01/14/2020 11:42:45</t>
  </si>
  <si>
    <t>01/14/2020 11:44:24</t>
  </si>
  <si>
    <t>01/14/2020 11:46:35</t>
  </si>
  <si>
    <t>\\acsfs\profiles$\Flaviojmm\My Documents\</t>
  </si>
  <si>
    <t>.~lock.Reneg Vcto 15-01 Flavio.ods#</t>
  </si>
  <si>
    <t>\\acsfs\profiles$\Flaviojmm\My Documents\.~lock.Reneg Vcto 15-01 Flavio.ods#</t>
  </si>
  <si>
    <t>01/14/2020 11:44:27</t>
  </si>
  <si>
    <t>lu236683kk5qb.tmp</t>
  </si>
  <si>
    <t>\\acsfs\profiles$\Flaviojmm\My Documents\lu236683kk5qb.tmp</t>
  </si>
  <si>
    <t>\\acsfs\profiles$\Flaviojmm\My Documents\lu236683kk5qb.tmp\</t>
  </si>
  <si>
    <t>\\acsfs\profiles$\Flaviojmm\My Documents\lu236683kk5qb.tmp\META-INF\</t>
  </si>
  <si>
    <t>\\acsfs\profiles$\Flaviojmm\My Documents\lu236683kk5qb.tmp\Thumbnails\</t>
  </si>
  <si>
    <t>01/14/2020 11:46:37</t>
  </si>
  <si>
    <t>01/14/2020 11:47:36</t>
  </si>
  <si>
    <t>ce4d0058-8ed2-4294-abe3-22243bc20d7b.tmp</t>
  </si>
  <si>
    <t>\\acsfs\profiles$\luanarda\Downloads\ce4d0058-8ed2-4294-abe3-22243bc20d7b.tmp</t>
  </si>
  <si>
    <t>01/14/2020 11:47:03</t>
  </si>
  <si>
    <t>977bfaea-a6ae-4e11-8487-4d297fc83e40.tmp</t>
  </si>
  <si>
    <t>\\acsfs\profiles$\jhonatadss\Downloads\977bfaea-a6ae-4e11-8487-4d297fc83e40.tmp</t>
  </si>
  <si>
    <t>01/14/2020 11:42:52</t>
  </si>
  <si>
    <t>01/14/2020 11:48:36</t>
  </si>
  <si>
    <t>\\acsfs\Deptos\Operacao\Banco_Votorantim\Supervisao\CAMILLA LIMA RODRIGUES\Medidas disciplinares\</t>
  </si>
  <si>
    <t>Advertência Cinthia.doc</t>
  </si>
  <si>
    <t>\\acsfs\Deptos\Operacao\Banco_Votorantim\Supervisao\CAMILLA LIMA RODRIGUES\Medidas disciplinares\Advertência Cinthia.doc</t>
  </si>
  <si>
    <t>01/14/2020 11:43:03</t>
  </si>
  <si>
    <t>\\acsfs\deptos\operacao\banco_votorantim\supervisao\camilla lima rodrigues\medidas disciplinares\</t>
  </si>
  <si>
    <t>advertência cinthia.doc</t>
  </si>
  <si>
    <t>01/14/2020 11:43:11</t>
  </si>
  <si>
    <t>01/14/2020 11:43:15</t>
  </si>
  <si>
    <t>01/14/2020 11:49:36</t>
  </si>
  <si>
    <t>01/14/2020 11:47:59</t>
  </si>
  <si>
    <t>01/14/2020 11:49:33</t>
  </si>
  <si>
    <t>01/14/2020 11:50:36</t>
  </si>
  <si>
    <t>lu7812bn99.tmp</t>
  </si>
  <si>
    <t>\\acsfs\profiles$\ALEXANDREMM\lu7812bn99.tmp</t>
  </si>
  <si>
    <t>\\acsfs\profiles$\ALEXANDREMM\lu7812bn99.tmp\</t>
  </si>
  <si>
    <t>\\acsfs\profiles$\ALEXANDREMM\lu7812bn99.tmp\META-INF\</t>
  </si>
  <si>
    <t>\\acsfs\profiles$\ALEXANDREMM\lu7812bn99.tmp\Thumbnails\</t>
  </si>
  <si>
    <t>01/14/2020 11:48:57</t>
  </si>
  <si>
    <t>01/14/2020 11:49:02</t>
  </si>
  <si>
    <t>01/14/2020 11:48:29</t>
  </si>
  <si>
    <t>01/14/2020 11:48:50</t>
  </si>
  <si>
    <t>01/14/2020 11:46:39</t>
  </si>
  <si>
    <t>01/14/2020 11:51:36</t>
  </si>
  <si>
    <t>\\acsfs\profiles$\ISABELLEGTDS\Nova pasta\</t>
  </si>
  <si>
    <t>.~lock.isabelle 14.01.2020.ods#</t>
  </si>
  <si>
    <t>\\acsfs\profiles$\ISABELLEGTDS\Nova pasta\.~lock.isabelle 14.01.2020.ods#</t>
  </si>
  <si>
    <t>01/14/2020 11:46:42</t>
  </si>
  <si>
    <t>lu232801kd0vg.tmp</t>
  </si>
  <si>
    <t>\\acsfs\profiles$\ISABELLEGTDS\Nova pasta\lu232801kd0vg.tmp</t>
  </si>
  <si>
    <t>\\acsfs\profiles$\ISABELLEGTDS\Nova pasta\lu232801kd0vg.tmp\</t>
  </si>
  <si>
    <t>\\acsfs\profiles$\ISABELLEGTDS\Nova pasta\lu232801kd0vg.tmp\META-INF\</t>
  </si>
  <si>
    <t>\\acsfs\profiles$\ISABELLEGTDS\Nova pasta\lu232801kd0vg.tmp\Thumbnails\</t>
  </si>
  <si>
    <t>01/14/2020 11:47:04</t>
  </si>
  <si>
    <t>21a3e0dc-9151-409c-b2ab-5bb4ddf94b75.tmp</t>
  </si>
  <si>
    <t>\\acsfs\profiles$\isabellegtds\Downloads\21a3e0dc-9151-409c-b2ab-5bb4ddf94b75.tmp</t>
  </si>
  <si>
    <t>01/14/2020 11:50:13</t>
  </si>
  <si>
    <t>01/14/2020 11:50:01</t>
  </si>
  <si>
    <t>01/14/2020 11:48:10</t>
  </si>
  <si>
    <t>01/14/2020 11:53:36</t>
  </si>
  <si>
    <t>01/14/2020 11:48:11</t>
  </si>
  <si>
    <t>lu11748c88b.tmp</t>
  </si>
  <si>
    <t>\\acsfs\profiles$\BRUNAAR\Numero\lu11748c88b.tmp</t>
  </si>
  <si>
    <t>01/14/2020 11:52:49</t>
  </si>
  <si>
    <t>42153ef5-52cd-4c6e-802d-0a56c1bc4aa6.tmp</t>
  </si>
  <si>
    <t>\\acsfs\profiles$\gabrielsma\Downloads\42153ef5-52cd-4c6e-802d-0a56c1bc4aa6.tmp</t>
  </si>
  <si>
    <t>01/14/2020 11:50:31</t>
  </si>
  <si>
    <t>01/14/2020 11:54:37</t>
  </si>
  <si>
    <t>01/14/2020 11:50:38</t>
  </si>
  <si>
    <t>01/14/2020 11:50:42</t>
  </si>
  <si>
    <t>https://udpwfmniceap02/web/guest/home?p_auth=50my22ct&amp;p_p_id=58&amp;p_p_lifecycle=1&amp;p_p_state=maximized&amp;p_p_mode=view&amp;savelastpath=0&amp;_58_struts_action=/login/forgot_password</t>
  </si>
  <si>
    <t>01/14/2020 11:55:36</t>
  </si>
  <si>
    <t>01/14/2020 11:52:04</t>
  </si>
  <si>
    <t>b204fa41-9dbd-408e-8313-fbe07766b9a5.tmp</t>
  </si>
  <si>
    <t>\\acsfs\profiles$\dhiulliananads\Downloads\b204fa41-9dbd-408e-8313-fbe07766b9a5.tmp</t>
  </si>
  <si>
    <t>01/14/2020 11:54:26</t>
  </si>
  <si>
    <t>\\acsfs\DEPTOS\Operacao\Banco_Votorantim\Comum\00 - COMUM - BV CARTÕES\EQUIPE ADILSON\Vendas\</t>
  </si>
  <si>
    <t>Valor Prêmio por Operador Janeiro - até 13.01.pdf</t>
  </si>
  <si>
    <t>\\acsfs\DEPTOS\Operacao\Banco_Votorantim\Comum\00 - COMUM - BV CARTÕES\EQUIPE ADILSON\Vendas\Valor Prêmio por Operador Janeiro - até 13.01.pdf</t>
  </si>
  <si>
    <t>01/14/2020 11:54:25</t>
  </si>
  <si>
    <t>01/14/2020 11:56:36</t>
  </si>
  <si>
    <t>01/14/2020 11:54:58</t>
  </si>
  <si>
    <t>77f2bff7-0e32-4e82-bd63-dac443f1e850.tmp</t>
  </si>
  <si>
    <t>\\acsfs\profiles$\sarahbal\Downloads\77f2bff7-0e32-4e82-bd63-dac443f1e850.tmp</t>
  </si>
  <si>
    <t>01/14/2020 11:57:36</t>
  </si>
  <si>
    <t>01/14/2020 11:54:38</t>
  </si>
  <si>
    <t>01/14/2020 11:54:55</t>
  </si>
  <si>
    <t>01/14/2020 11:54:56</t>
  </si>
  <si>
    <t>01/14/2020 11:55:34</t>
  </si>
  <si>
    <t>01/14/2020 11:58:36</t>
  </si>
  <si>
    <t>01/14/2020 11:53:04</t>
  </si>
  <si>
    <t>Q29udHJvbGxlci5JRS1Qb3J0YWw-.ica.crdownload</t>
  </si>
  <si>
    <t>\\acsfs\ACS\Gabriel da Silva\Contemporânea\VENDAS\Q29udHJvbGxlci5JRS1Qb3J0YWw-.ica.crdownload</t>
  </si>
  <si>
    <t>01/14/2020 11:54:33</t>
  </si>
  <si>
    <t>888cb3ff-1522-436a-87b2-7f69a3cf429b.tmp</t>
  </si>
  <si>
    <t>\\acsfs\profiles$\ALYNYA\Downloads\888cb3ff-1522-436a-87b2-7f69a3cf429b.tmp</t>
  </si>
  <si>
    <t>01/14/2020 11:59:35</t>
  </si>
  <si>
    <t>01/14/2020 11:55:38</t>
  </si>
  <si>
    <t>01/14/2020 11:56:58</t>
  </si>
  <si>
    <t>37db3b7f-9600-4549-9bb8-d7f3f44b8416.tmp</t>
  </si>
  <si>
    <t>\\acsfs\profiles$\claudiajca\Downloads\37db3b7f-9600-4549-9bb8-d7f3f44b8416.tmp</t>
  </si>
  <si>
    <t>01/14/2020 12:00:36</t>
  </si>
  <si>
    <t>01/14/2020 11:59:06</t>
  </si>
  <si>
    <t>01/14/2020 11:57:16</t>
  </si>
  <si>
    <t>01/14/2020 12:01:36</t>
  </si>
  <si>
    <t>.~lock.isabelle 14.01.20.ods#</t>
  </si>
  <si>
    <t>\\acsfs\profiles$\ISABELLEGTDS\Nova pasta\.~lock.isabelle 14.01.20.ods#</t>
  </si>
  <si>
    <t>01/14/2020 11:57:20</t>
  </si>
  <si>
    <t>lu240081mr3j2.tmp</t>
  </si>
  <si>
    <t>\\acsfs\profiles$\ISABELLEGTDS\Nova pasta\lu240081mr3j2.tmp</t>
  </si>
  <si>
    <t>\\acsfs\profiles$\ISABELLEGTDS\Nova pasta\lu240081mr3j2.tmp\</t>
  </si>
  <si>
    <t>\\acsfs\profiles$\ISABELLEGTDS\Nova pasta\lu240081mr3j2.tmp\META-INF\</t>
  </si>
  <si>
    <t>\\acsfs\profiles$\ISABELLEGTDS\Nova pasta\lu240081mr3j2.tmp\Thumbnails\</t>
  </si>
  <si>
    <t>01/14/2020 11:58:37</t>
  </si>
  <si>
    <t>.~lock.Reneg Vcto 15-01-20 Flavio.ods#</t>
  </si>
  <si>
    <t>\\acsfs\profiles$\Flaviojmm\My Documents\.~lock.Reneg Vcto 15-01-20 Flavio.ods#</t>
  </si>
  <si>
    <t>01/14/2020 11:58:40</t>
  </si>
  <si>
    <t>lu282843mxztu.tmp</t>
  </si>
  <si>
    <t>\\acsfs\profiles$\Flaviojmm\My Documents\lu282843mxztu.tmp</t>
  </si>
  <si>
    <t>\\acsfs\profiles$\Flaviojmm\My Documents\lu282843mxztu.tmp\</t>
  </si>
  <si>
    <t>\\acsfs\profiles$\Flaviojmm\My Documents\lu282843mxztu.tmp\META-INF\</t>
  </si>
  <si>
    <t>\\acsfs\profiles$\Flaviojmm\My Documents\lu282843mxztu.tmp\Thumbnails\</t>
  </si>
  <si>
    <t>01/14/2020 11:59:47</t>
  </si>
  <si>
    <t>01/14/2020 11:59:51</t>
  </si>
  <si>
    <t>lu282843mxzu0.tmp</t>
  </si>
  <si>
    <t>\\acsfs\profiles$\Flaviojmm\My Documents\lu282843mxzu0.tmp</t>
  </si>
  <si>
    <t>\\acsfs\profiles$\Flaviojmm\My Documents\lu282843mxzu0.tmp\</t>
  </si>
  <si>
    <t>\\acsfs\profiles$\Flaviojmm\My Documents\lu282843mxzu0.tmp\META-INF\</t>
  </si>
  <si>
    <t>\\acsfs\profiles$\Flaviojmm\My Documents\lu282843mxzu0.tmp\Thumbnails\</t>
  </si>
  <si>
    <t>01/14/2020 11:59:02</t>
  </si>
  <si>
    <t>01/14/2020 12:02:36</t>
  </si>
  <si>
    <t>b354ad5e-e6de-461e-bc23-5a29cddbf0b5.tmp</t>
  </si>
  <si>
    <t>\\acsfs\profiles$\lucasgpe\Downloads\b354ad5e-e6de-461e-bc23-5a29cddbf0b5.tmp</t>
  </si>
  <si>
    <t>01/14/2020 12:02:15</t>
  </si>
  <si>
    <t>01/14/2020 12:02:21</t>
  </si>
  <si>
    <t>01/14/2020 12:02:33</t>
  </si>
  <si>
    <t>01/14/2020 12:03:36</t>
  </si>
  <si>
    <t>lu11748c88f.tmp</t>
  </si>
  <si>
    <t>\\acsfs\profiles$\BRUNAAR\Numero\lu11748c88f.tmp</t>
  </si>
  <si>
    <t>01/14/2020 11:59:39</t>
  </si>
  <si>
    <t>Base de vendas.xlsm</t>
  </si>
  <si>
    <t>\\acsfs\ACS\Gabriel da Silva\Contemporânea\VENDAS\Base de vendas.xlsm</t>
  </si>
  <si>
    <t>01/14/2020 12:05:11</t>
  </si>
  <si>
    <t>01/14/2020 12:05:36</t>
  </si>
  <si>
    <t>01/14/2020 12:05:12</t>
  </si>
  <si>
    <t>lu1000011qr5h.tmp</t>
  </si>
  <si>
    <t>\\acsfs\profiles$\jonathanwap\lu1000011qr5h.tmp</t>
  </si>
  <si>
    <t>\\acsfs\profiles$\jonathanwap\lu1000011qr5h.tmp\</t>
  </si>
  <si>
    <t>\\acsfs\profiles$\jonathanwap\lu1000011qr5h.tmp\META-INF\</t>
  </si>
  <si>
    <t>\\acsfs\profiles$\jonathanwap\lu1000011qr5h.tmp\Thumbnails\</t>
  </si>
  <si>
    <t>01/14/2020 12:03:42</t>
  </si>
  <si>
    <t>\\acsfs\DEPTOS\Operacao\PCP\5 - Comum\PLANEJAMENTO BV\14 - ACOMPANHAMENTO\Report whatsapp\Vendas\2020\</t>
  </si>
  <si>
    <t>\\acsfs\DEPTOS\Operacao\PCP\5 - Comum\PLANEJAMENTO BV\14 - ACOMPANHAMENTO\Report whatsapp\Vendas\2020\Atualiza VENDAS_JANEIRO.xlsm</t>
  </si>
  <si>
    <t>01/14/2020 12:05:13</t>
  </si>
  <si>
    <t>01/14/2020 12:06:36</t>
  </si>
  <si>
    <t>01/14/2020 12:05:43</t>
  </si>
  <si>
    <t>01/14/2020 12:01:21</t>
  </si>
  <si>
    <t>01/14/2020 12:01:24</t>
  </si>
  <si>
    <t>lu282843mxzu6.tmp</t>
  </si>
  <si>
    <t>\\acsfs\profiles$\Flaviojmm\My Documents\lu282843mxzu6.tmp</t>
  </si>
  <si>
    <t>\\acsfs\profiles$\Flaviojmm\My Documents\lu282843mxzu6.tmp\</t>
  </si>
  <si>
    <t>\\acsfs\profiles$\Flaviojmm\My Documents\lu282843mxzu6.tmp\META-INF\</t>
  </si>
  <si>
    <t>\\acsfs\profiles$\Flaviojmm\My Documents\lu282843mxzu6.tmp\Thumbnails\</t>
  </si>
  <si>
    <t>01/14/2020 12:01:41</t>
  </si>
  <si>
    <t>01/14/2020 12:01:44</t>
  </si>
  <si>
    <t>lu282843mxzuc.tmp</t>
  </si>
  <si>
    <t>\\acsfs\profiles$\Flaviojmm\My Documents\lu282843mxzuc.tmp</t>
  </si>
  <si>
    <t>\\acsfs\profiles$\Flaviojmm\My Documents\lu282843mxzuc.tmp\</t>
  </si>
  <si>
    <t>\\acsfs\profiles$\Flaviojmm\My Documents\lu282843mxzuc.tmp\META-INF\</t>
  </si>
  <si>
    <t>\\acsfs\profiles$\Flaviojmm\My Documents\lu282843mxzuc.tmp\Thumbnails\</t>
  </si>
  <si>
    <t>01/14/2020 12:07:36</t>
  </si>
  <si>
    <t>01/14/2020 12:02:41</t>
  </si>
  <si>
    <t>01/14/2020 12:03:07</t>
  </si>
  <si>
    <t>01/14/2020 12:06:15</t>
  </si>
  <si>
    <t>01/14/2020 12:08:36</t>
  </si>
  <si>
    <t>mail.google.com/sync/u/0/i/s?hl=pt-BR&amp;c=296</t>
  </si>
  <si>
    <t>01/14/2020 12:06:40</t>
  </si>
  <si>
    <t>mail.google.com/sync/u/0/i/s?hl=pt-BR&amp;c=300</t>
  </si>
  <si>
    <t>01/14/2020 12:07:01</t>
  </si>
  <si>
    <t>mail.google.com/sync/u/0/i/s?hl=pt-BR&amp;c=302</t>
  </si>
  <si>
    <t>01/14/2020 12:07:24</t>
  </si>
  <si>
    <t>mail.google.com/sync/u/0/i/s?hl=pt-BR&amp;c=305</t>
  </si>
  <si>
    <t>01/14/2020 12:07:44</t>
  </si>
  <si>
    <t>mail.google.com/sync/u/0/i/s?hl=pt-BR&amp;c=307</t>
  </si>
  <si>
    <t>01/14/2020 12:06:47</t>
  </si>
  <si>
    <t>9833e68e-8d5b-4d34-85e1-ac672dd37d51.tmp</t>
  </si>
  <si>
    <t>\\acsfs\profiles$\thallitaqna\Downloads\9833e68e-8d5b-4d34-85e1-ac672dd37d51.tmp</t>
  </si>
  <si>
    <t>01/14/2020 12:07:08</t>
  </si>
  <si>
    <t>8e8bd9b2-529b-475f-b9f5-cb0de8601f88.tmp</t>
  </si>
  <si>
    <t>\\acsfs\profiles$\thallitaqna\Downloads\8e8bd9b2-529b-475f-b9f5-cb0de8601f88.tmp</t>
  </si>
  <si>
    <t>01/14/2020 12:07:23</t>
  </si>
  <si>
    <t>01/14/2020 12:09:36</t>
  </si>
  <si>
    <t>af7d0471-7625-4373-bcb6-c4e3e38141aa.tmp</t>
  </si>
  <si>
    <t>\\acsfs\profiles$\paulovadc\Downloads\af7d0471-7625-4373-bcb6-c4e3e38141aa.tmp</t>
  </si>
  <si>
    <t>01/14/2020 12:06:43</t>
  </si>
  <si>
    <t>01/14/2020 12:11:36</t>
  </si>
  <si>
    <t>01/14/2020 12:07:43</t>
  </si>
  <si>
    <t>01/14/2020 12:08:13</t>
  </si>
  <si>
    <t>01/14/2020 12:08:43</t>
  </si>
  <si>
    <t>01/14/2020 12:10:44</t>
  </si>
  <si>
    <t>01/14/2020 12:12:36</t>
  </si>
  <si>
    <t>01/14/2020 12:07:34</t>
  </si>
  <si>
    <t>8c28cf4c-fffc-47e3-9147-9c2c7c52de43.tmp</t>
  </si>
  <si>
    <t>\\acsfs\profiles$\lucasgpe\Downloads\8c28cf4c-fffc-47e3-9147-9c2c7c52de43.tmp</t>
  </si>
  <si>
    <t>01/14/2020 12:08:19</t>
  </si>
  <si>
    <t>312ddf02-9df6-40dc-8089-3bd3ebf1534b.tmp</t>
  </si>
  <si>
    <t>\\acsfs\profiles$\fernandofs\Downloads\312ddf02-9df6-40dc-8089-3bd3ebf1534b.tmp</t>
  </si>
  <si>
    <t>01/14/2020 12:08:25</t>
  </si>
  <si>
    <t>62265605-c2c6-4c64-afcd-b2bc8cb05c3b.tmp</t>
  </si>
  <si>
    <t>\\acsfs\profiles$\fernandofs\Downloads\62265605-c2c6-4c64-afcd-b2bc8cb05c3b.tmp</t>
  </si>
  <si>
    <t>01/14/2020 12:08:01</t>
  </si>
  <si>
    <t>01/14/2020 12:13:36</t>
  </si>
  <si>
    <t>01/14/2020 12:12:13</t>
  </si>
  <si>
    <t>01/14/2020 12:12:14</t>
  </si>
  <si>
    <t>lu11748c88j.tmp</t>
  </si>
  <si>
    <t>\\acsfs\profiles$\BRUNAAR\Numero\lu11748c88j.tmp</t>
  </si>
  <si>
    <t>01/14/2020 12:09:16</t>
  </si>
  <si>
    <t>mail.google.com/sync/u/0/i/s?hl=pt-BR&amp;c=1797</t>
  </si>
  <si>
    <t>_x0003_���_x001C_x�*x_x0006_��e`y_x000E_;"mozilla/5.0 (windows nt 6.1) applewebkit/537.36 (khtml;0;0];0]22] �_x0003_�_x0006_(�?_x0007_�=�_x0006_9995;0]l;0]ll;0]}ls;1;13;13700014;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882896000;1578915886959000;1578930052848000;1578930058554000;1578930666787;1578940598260;1579002887516;1579004392649;1579014326512;17;1ya5yrwelrso-yxib3ctz0mdjsqkh2uffmn2kfrmynlkfp2vhk5vxrjlyzc1nx1i8okgrxz4hh9fxnqqavexbjgszjfxng_3tikapcccza7s5nl0iiv528sipt3_n6smfvjyvnmz5gmbld86jsedcdqpnbowbtwaejdtwlwiwyazylw418myzkyijnlherxkuhkwirbqle</t>
  </si>
  <si>
    <t>_x0003_���_x001C_x�*x_x0006_��e`y_x000E_,"mozilla/5.0 (windows nt 6.1) applewebkit/537.36 (khtml,0,0],0]22] �_x0003_�_x0006_(�?_x0007_�=�_x0006_9995,0]l,0]ll,0]}ls,1,13,13700014,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882896000,1578915886959000,1578930052848000,1578930058554000,1578930666787,1578940598260,1579002887516,1579004392649,1579014326512,17,1ya5yrwelrso-yxib3ctz0mdjsqkh2uffmn2kfrmynlkfp2vhk5vxrjlyzc1nx1i8okgrxz4hh9fxnqqavexbjgszjfxng_3tikapcccza7s5nl0iiv528sipt3_n6smfvjyvnmz5gmbld86jsedcdqpnbowbtwaejdtwlwiwyazylw418myzkyijnlherxkuhkwirbqle</t>
  </si>
  <si>
    <t>01/14/2020 12:08:53</t>
  </si>
  <si>
    <t>f347901a-64b9-4cbd-b59a-a63d145d1cc3.tmp</t>
  </si>
  <si>
    <t>\\acsfs\profiles$\adelvinsonle\Downloads\f347901a-64b9-4cbd-b59a-a63d145d1cc3.tmp</t>
  </si>
  <si>
    <t>01/14/2020 12:09:57</t>
  </si>
  <si>
    <t>160c20f9-d5f4-4822-94f7-26d6385e66b1.tmp</t>
  </si>
  <si>
    <t>\\acsfs\profiles$\ERICALSR\Downloads\160c20f9-d5f4-4822-94f7-26d6385e66b1.tmp</t>
  </si>
  <si>
    <t>01/14/2020 12:13:51</t>
  </si>
  <si>
    <t>01/14/2020 12:14:36</t>
  </si>
  <si>
    <t>01/14/2020 12:12:54</t>
  </si>
  <si>
    <t>01/14/2020 12:15:37</t>
  </si>
  <si>
    <t>01/14/2020 12:12:59</t>
  </si>
  <si>
    <t>01/14/2020 12:16:36</t>
  </si>
  <si>
    <t>01/14/2020 12:14:53</t>
  </si>
  <si>
    <t>bb89ad11-0890-4161-b8b5-0027e6070173.tmp</t>
  </si>
  <si>
    <t>\\acsfs\profiles$\cintiadcf\Downloads\bb89ad11-0890-4161-b8b5-0027e6070173.tmp</t>
  </si>
  <si>
    <t>01/14/2020 12:13:13</t>
  </si>
  <si>
    <t>ada2281f-afb6-4c37-8457-f8fd3b2f896d.tmp</t>
  </si>
  <si>
    <t>\\acsfs\profiles$\monicargds\Downloads\ada2281f-afb6-4c37-8457-f8fd3b2f896d.tmp</t>
  </si>
  <si>
    <t>01/14/2020 12:11:14</t>
  </si>
  <si>
    <t>01/14/2020 12:12:44</t>
  </si>
  <si>
    <t>01/14/2020 12:13:14</t>
  </si>
  <si>
    <t>01/14/2020 12:14:00</t>
  </si>
  <si>
    <t>60922324-1eb3-4e00-b1b2-31215868a09c.tmp</t>
  </si>
  <si>
    <t>\\acsfs\profiles$\sarahbal\Downloads\60922324-1eb3-4e00-b1b2-31215868a09c.tmp</t>
  </si>
  <si>
    <t>01/14/2020 12:14:26</t>
  </si>
  <si>
    <t>01/14/2020 12:11:28</t>
  </si>
  <si>
    <t>mail.google.com/sync/u/0/i/s?hl=pt-BR&amp;c=56</t>
  </si>
  <si>
    <t>01/14/2020 12:12:08</t>
  </si>
  <si>
    <t>fernandaab@algartech.com;lilianls@algartech.com;suportebv@mutantbr.com;talmaiardo@algartech.com;tatiane.biassi@mutantbr.com;thiagordu@algartech.com;</t>
  </si>
  <si>
    <t>fernandaab@algartech.com,lilianls@algartech.com,suportebv@mutantbr.com,talmaiardo@algartech.com,tatiane.biassi@mutantbr.com,thiagordu@algartech.com</t>
  </si>
  <si>
    <t>01/14/2020 12:12:10</t>
  </si>
  <si>
    <t>fernandaab@algartech.com;lilianls@algartech.com;marianerdo@algartech.com;suportebv@mutantbr.com;talmaiardo@algartech.com;tatiane.biassi@mutantbr.com;thiagordu@algartech.com;</t>
  </si>
  <si>
    <t>fernandaab@algartech.com,lilianls@algartech.com,marianerdo@algartech.com,suportebv@mutantbr.com,talmaiardo@algartech.com,tatiane.biassi@mutantbr.com,thiagordu@algartech.com</t>
  </si>
  <si>
    <t>01/14/2020 12:12:12</t>
  </si>
  <si>
    <t>fernandaab@algartech.com;larisacc@algartech.com;lilianls@algartech.com;marianerdo@algartech.com;suportebv@mutantbr.com;talmaiardo@algartech.com;tatiane.biassi@mutantbr.com;thiagordu@algartech.com;</t>
  </si>
  <si>
    <t>fernandaab@algartech.com,larisacc@algartech.com,lilianls@algartech.com,marianerdo@algartech.com,suportebv@mutantbr.com,talmaiardo@algartech.com,tatiane.biassi@mutantbr.com,thiagordu@algartech.com</t>
  </si>
  <si>
    <t>01/14/2020 12:14:04</t>
  </si>
  <si>
    <t>01/14/2020 12:17:36</t>
  </si>
  <si>
    <t>\\acsfs\profiles$\thallitaqna\Contacts\</t>
  </si>
  <si>
    <t>THALLITA QUEREN NETO APARECIDO (37).contact</t>
  </si>
  <si>
    <t>\\acsfs\profiles$\thallitaqna\Contacts\THALLITA QUEREN NETO APARECIDO (37).contact</t>
  </si>
  <si>
    <t>\\acsfs\profiles$\thallitaqna\My Documents\My Videos\</t>
  </si>
  <si>
    <t>\\acsfs\profiles$\thallitaqna\My Documents\My Videos\desktop.ini</t>
  </si>
  <si>
    <t>\\acsfs\profiles$\thallitaqna\My Documents\My Pictures\</t>
  </si>
  <si>
    <t>\\acsfs\profiles$\thallitaqna\My Documents\My Pictures\desktop.ini</t>
  </si>
  <si>
    <t>01/14/2020 12:14:27</t>
  </si>
  <si>
    <t>\\acsfs\profiles$\thallitaqna\Contacts\desktop.ini</t>
  </si>
  <si>
    <t>01/14/2020 12:14:28</t>
  </si>
  <si>
    <t>\\acsfs\profiles$\thallitaqna\Favorites\</t>
  </si>
  <si>
    <t>\\acsfs\profiles$\thallitaqna\Favorites\desktop.ini</t>
  </si>
  <si>
    <t>\\acsfs\profiles$\thallitaqna\My Documents\My Music\</t>
  </si>
  <si>
    <t>\\acsfs\profiles$\thallitaqna\My Documents\My Music\desktop.ini</t>
  </si>
  <si>
    <t>01/14/2020 12:14:29</t>
  </si>
  <si>
    <t>01/14/2020 12:14:30</t>
  </si>
  <si>
    <t>\\acsfs\profiles$\thallitaqna\Searches\</t>
  </si>
  <si>
    <t>\\acsfs\profiles$\thallitaqna\Searches\desktop.ini</t>
  </si>
  <si>
    <t>01/14/2020 12:14:31</t>
  </si>
  <si>
    <t>\\acsfs\profiles$\thallitaqna\Downloads\desktop.ini</t>
  </si>
  <si>
    <t>01/14/2020 12:14:32</t>
  </si>
  <si>
    <t>\\acsfs\profiles$\thallitaqna\My Documents\</t>
  </si>
  <si>
    <t>\\acsfs\profiles$\thallitaqna\My Documents\desktop.ini</t>
  </si>
  <si>
    <t>01/14/2020 12:14:33</t>
  </si>
  <si>
    <t>\\acsfs\profiles$\thallitaqna\Saved Games\</t>
  </si>
  <si>
    <t>\\acsfs\profiles$\thallitaqna\Saved Games\desktop.ini</t>
  </si>
  <si>
    <t>01/14/2020 12:14:34</t>
  </si>
  <si>
    <t>01/14/2020 12:15:03</t>
  </si>
  <si>
    <t>\\acsfs\profiles$\thallitaqna\Favorites\Links for Brasil\</t>
  </si>
  <si>
    <t>\\acsfs\profiles$\thallitaqna\Favorites\Links for Brasil\desktop.ini</t>
  </si>
  <si>
    <t>\\acsfs\profiles$\thallitaqna\Favorites\Links for Brasil\Microsoft Brasil.url</t>
  </si>
  <si>
    <t>01/14/2020 12:15:04</t>
  </si>
  <si>
    <t>\\acsfs\profiles$\thallitaqna\Favorites\Links for Brasil\Windows Brasil.url</t>
  </si>
  <si>
    <t>\\acsfs\profiles$\thallitaqna\Favorites\Links for Brasil\MSN Brasil.url</t>
  </si>
  <si>
    <t>01/14/2020 12:15:05</t>
  </si>
  <si>
    <t>01/14/2020 12:18:36</t>
  </si>
  <si>
    <t>01/14/2020 12:14:07</t>
  </si>
  <si>
    <t>01/14/2020 12:14:14</t>
  </si>
  <si>
    <t>mail.google.com/sync/u/0/i/s?hl=pt-BR&amp;c=319</t>
  </si>
  <si>
    <t>01/14/2020 12:14:25</t>
  </si>
  <si>
    <t>01/14/2020 12:14:42</t>
  </si>
  <si>
    <t>mail.google.com/sync/u/0/i/s?hl=pt-BR&amp;c=325</t>
  </si>
  <si>
    <t>01/14/2020 12:14:44</t>
  </si>
  <si>
    <t>mail.google.com/sync/u/0/i/s?hl=pt-BR&amp;c=327</t>
  </si>
  <si>
    <t>01/14/2020 12:13:28</t>
  </si>
  <si>
    <t>01/14/2020 12:13:29</t>
  </si>
  <si>
    <t>lu11748c88n.tmp</t>
  </si>
  <si>
    <t>\\acsfs\profiles$\BRUNAAR\Numero\lu11748c88n.tmp</t>
  </si>
  <si>
    <t>01/14/2020 12:15:25</t>
  </si>
  <si>
    <t>mail.google.com/sync/u/0/i/s?hl=pt-BR&amp;c=1816</t>
  </si>
  <si>
    <t>"mozilla/5.0 (windows nt 6.1) applewebkit/537.36 (khtml;0] _x0018_�2_x0007_c-4e;0]0":;0]:0}:0})�� 66;0]\\\\\\\vt�_x000F_&lt;l;0]\\\\\\\ܪj &lt;l;0]\\\\\\�_x0010_� &lt;l;0]als;0]l;0]ll;0]thon-35.pyc;0]�lx��v�86u�{� �_x0007_�� �r;0]�� \\;1;13;131;13700014;13700109;13700185;13700451;13700951;13701207;13701298;13701422;13701430;13701450;13701506;13701537;13701573;13701577;13701625;13701657;13701693;13701693�;13701749;13701825;13701901;13701905;13701957;13701969;13702068;13702088;142961685;152;156;1578930052848000;1578930058554000;1578954746236;1578955047263;1578955950345;1578957154449;1578957455473;1578969194262;1578975661816;1578976865572;1578984390616;1578994625136;1578995528127;1578995829120;1578997033107;1579012219328;1579012520355;1579014627543;181;1ya5yrwelrso-yxib3ctz0mdjsqkh2uffmn2kfrmynlkfp2vhk5vxrjlyzc1nx1i8okgrxz4hh9fxnqqavexbjgszjfxng_3tikapcccza7s5nl0iiv528sipt3_n6smfvjyvnmz5gmbld86jsedcdqpnbowbtwaejdtwlwiwyazylw418myzkyijnlherxkuhkwira-leptxg0ukvt86f9johtnmgsqydxcl9if9g_6raikea\";1ya5yrwelrso-yxib3ctz0mdjsqkh2uffmn2kfrmynlkfp2vhk5vxrjlyzc</t>
  </si>
  <si>
    <t>"mozilla/5.0 (windows nt 6.1) applewebkit/537.36 (khtml,0] _x0018_�2_x0007_c-4e,0]0":,0]:0}:0})�� 66,0]\\\\\\\vt�_x000F_&lt;l,0]\\\\\\\ܪj &lt;l,0]\\\\\\�_x0010_� &lt;l,0]als,0]l,0]ll,0]thon-35.pyc,0]�lx��v�86u�{� �_x0007_�� �r,0]�� \\,1,13,131,13700014,13700109,13700185,13700451,13700951,13701207,13701298,13701422,13701430,13701450,13701506,13701537,13701573,13701577,13701625,13701657,13701693,13701693�,13701693�,13701749,13701825,13701901,13701905,13701957,13701969,13702068,13702088,142961685,152,156,1578930052848000,1578930058554000,1578954746236,1578955047263,1578955950345,1578957154449,1578957455473,1578969194262,1578975661816,1578976865572,1578984390616,1578994625136,1578995528127,1578995829120,1578997033107,1579012219328,1579012520355,1579014627543,181,1ya5yrwelrso-yxib3ctz0mdjsqkh2uffmn2kfrmynlkfp2vhk5vxrjlyzc1nx1i8okgrxz4hh9fxnqqavexbjgszjfxng_3tikapcccza7s5nl0iiv528sipt3_n6smfvjyvnmz5gmbld86jsedcdqpnbowbtwaejdtwlwiwyazylw418myzkyijnlherxkuhkwira-leptxg0ukvt86f9johtnmgsqydxcl9if9g_6raikea\",1ya5yrwelrso-yxib3ctz0mdjsqkh2uffmn2kfrmynlkfp2vh</t>
  </si>
  <si>
    <t>01/14/2020 12:15:52</t>
  </si>
  <si>
    <t>mail.google.com/sync/u/0/i/s?hl=pt-BR&amp;c=1819</t>
  </si>
  <si>
    <t>"mozilla/5.0 (windows nt 6.1) applewebkit/537.36 (khtml;0];0] _x0018_�2_x0007_c-4e;0]:0};0]\\\\\\\_�o &lt;l;0]\\\\\\\��1 &lt;l;0]\\\\\\l|{ &lt;l;0]\\��� &lt;l;0]ackages\tornado\platform\interface.py;0]als;0]ersion\&gt;\(ds��� 1.;0]l;0]ll;1;107;121;13;135;13700014;13700109;13700185;13700451;13700951;13701207;13701298;13701422;13701430;13701450;13701506;13701537;13701573;13701577;13701625;13701657;13701693�;13701749;13701825;13701901;13701905;13701957;13701969;13702068;13702088;142961685;147;151;1578930052848000;1578930058554000;1578942404414;1578946919315;1578952338029;1578959261631;1578961969976;1578966183923;1578970398365;1578974156685;1578975360790;1578978370554;1578987702036;1578991615377;1579004994697;161;192;1ya5yrwelrso-yxib3ctz0mdjsqkh2uffmn2kfrmynlkfp2vhk5vxrjlyzc1nx1i8okgrxz4hh9fxnqqavexbjgszjfxng_3tikapcccza7s5nl0iiv528sipt3_n6smfvjyvnmz5gmbld86jsedcdqpnbowbtwaejdtwlwiwyazylw418myzkyijnlherxkuhkwira1lepte7zdg9sclvmpo7jylbvlezgsriufy1njtv4nta\";1ya5yrwelrso-yxib3ctz0mdjsqkh2uffmn2kfrmynlkfp2vhk5vxrjlyzc1nx1i8okgrxz4hh9fxnqqave</t>
  </si>
  <si>
    <t>"mozilla/5.0 (windows nt 6.1) applewebkit/537.36 (khtml,0],0] _x0018_�2_x0007_c-4e,0]:0},0]\\\\\\\_�o &lt;l,0]\\\\\\\��1 &lt;l,0]\\\\\\l|{ &lt;l,0]\\��� &lt;l,0]ackages\tornado\platform\interface.py,0]als,0]ersion\&gt;\(ds��� 1.,0]l,0]ll,1,107,121,13,135,13700014,13700109,13700185,13700451,13700951,13701207,13701298,13701422,13701430,13701450,13701506,13701537,13701573,13701577,13701625,13701657,13701693�,13701749,13701825,13701901,13701905,13701957,13701969,13702068,13702088,142961685,147,151,1578930052848000,1578930058554000,1578942404414,1578946919315,1578952338029,1578959261631,1578961969976,1578966183923,1578970398365,1578974156685,1578975360790,1578978370554,1578987702036,1578991615377,1579004994697,161,192,1ya5yrwelrso-yxib3ctz0mdjsqkh2uffmn2kfrmynlkfp2vhk5vxrjlyzc1nx1i8okgrxz4hh9fxnqqavexbjgszjfxng_3tikapcccza7s5nl0iiv528sipt3_n6smfvjyvnmz5gmbld86jsedcdqpnbowbtwaejdtwlwiwyazylw418myzkyijnlherxkuhkwira1lepte7zdg9sclvmpo7jylbvlezgsriufy1njtv4nta\",1ya5yrwelrso-yxib3ctz0mdjsqkh2uffmn2kfrmynlkfp2vhk5vxrjlyzc1nx1i8okgrxz4hh9fxnqqave</t>
  </si>
  <si>
    <t>01/14/2020 12:16:06</t>
  </si>
  <si>
    <t>mail.google.com/sync/u/0/i/s?hl=pt-BR&amp;c=1821</t>
  </si>
  <si>
    <t>"mozilla/5.0 (windows nt 6.1) applewebkit/537.36 (khtml,&amp;_x001A_&amp;y(�_���*,&amp;_x001A_&amp;y(�_�z_x0010_^txl4l�v|�qa0�2�k�țtxl4l��|�qa0�2��'�_x0015__x0016__x0013_ _x0013_,&amp;_x001A_&amp;z;&gt;@���h�i�.`��_x0001_��f�wn�jfj �p]�_x001A_,&amp;_x001A_&amp;zi~b_x0017_b���h�i(�_x0002_��a�e��o�*,0] _x0018_�2_x0007_c-4e,0]\\\\\\\��� &lt;l,0]\\\\\\�*� &lt;l,0]l,0]thon-35.pyc,1,119,126,13,13700014,13700109,13700109�,13700185,13700451,13700951,13701207,13701298,13701422,13701430,13701450,13701506,13701537,13701573,13701577,13701625,13701657,13701693,13701693�,13701693�,13701749,13701825,13701901,13701905,13701957,13701969,13702068,13702088,138,142961685,153,155,1578930052848000,1578930058554000,1578958057528,1578965581932,1578967688903,1578971301444,1578975962847,1578976564592,1579001247369,1ya5yrwelrso-yxib3ctz0mdjsqkh2uffmn2kfrmynlkfp2vhk5vxrjlyzc1nx1i8okgrxz4hh9fxnqqavexbjgszjfxng_3tikapcccza7s5nl0iiv528sipt3_n6smfvjyvnmz5gmbld86jsedcdqpnbowbtwaejdtwlwiwyazylw418myzkyijnlherxkuhkwira5leptyvbqa_jzeya8qcole_gvg3bkvh4xosewrhwsbq\",1ya5yrwelrso-yxib3ctz0mdjsqkh2uffmn2kfrmynlkfp2vhk5vxrjlyzc1nx1i8okgrxz4hh9fxnqqavexbjgszjfxng_3tikapcccza7s5</t>
  </si>
  <si>
    <t>01/14/2020 12:16:09</t>
  </si>
  <si>
    <t>mail.google.com/sync/u/0/i/s?hl=pt-BR&amp;c=1824</t>
  </si>
  <si>
    <t>01/14/2020 12:16:10</t>
  </si>
  <si>
    <t>01/14/2020 12:18:05</t>
  </si>
  <si>
    <t>01/14/2020 12:19:36</t>
  </si>
  <si>
    <t>01/14/2020 12:16:30</t>
  </si>
  <si>
    <t>c68d93f3-d764-4bb1-8aa3-4372169b1ef2.tmp</t>
  </si>
  <si>
    <t>\\acsfs\profiles$\claudiajca\Downloads\c68d93f3-d764-4bb1-8aa3-4372169b1ef2.tmp</t>
  </si>
  <si>
    <t>01/14/2020 12:18:06</t>
  </si>
  <si>
    <t>f457a7e2-43ff-4341-aac7-e72505265631.tmp</t>
  </si>
  <si>
    <t>\\acsfs\profiles$\claudiajca\Downloads\f457a7e2-43ff-4341-aac7-e72505265631.tmp</t>
  </si>
  <si>
    <t>01/14/2020 12:17:06</t>
  </si>
  <si>
    <t>01/14/2020 12:20:36</t>
  </si>
  <si>
    <t>mail.google.com/sync/u/0/i/s?hl=pt-BR&amp;c=324</t>
  </si>
  <si>
    <t>01/14/2020 12:17:14</t>
  </si>
  <si>
    <t>01/14/2020 12:17:18</t>
  </si>
  <si>
    <t>mail.google.com/sync/u/0/i/s?hl=pt-BR&amp;c=329</t>
  </si>
  <si>
    <t>01/14/2020 12:17:37</t>
  </si>
  <si>
    <t>01/14/2020 12:17:59</t>
  </si>
  <si>
    <t>mail.google.com/sync/u/0/i/s?hl=pt-BR&amp;c=333</t>
  </si>
  <si>
    <t>01/14/2020 12:21:36</t>
  </si>
  <si>
    <t>01/14/2020 12:20:15</t>
  </si>
  <si>
    <t>1c7b20ae-16c7-4556-b08d-41453859e48d.tmp</t>
  </si>
  <si>
    <t>\\acsfs\profiles$\isabellegtds\Downloads\1c7b20ae-16c7-4556-b08d-41453859e48d.tmp</t>
  </si>
  <si>
    <t>01/14/2020 12:19:46</t>
  </si>
  <si>
    <t>01/14/2020 12:20:46</t>
  </si>
  <si>
    <t>01/14/2020 12:23:36</t>
  </si>
  <si>
    <t>01/14/2020 12:20:48</t>
  </si>
  <si>
    <t>04d76c1c-160e-4cd2-b7c0-79e7a7b361c9.tmp</t>
  </si>
  <si>
    <t>\\acsfs\profiles$\ALYNYA\Downloads\04d76c1c-160e-4cd2-b7c0-79e7a7b361c9.tmp</t>
  </si>
  <si>
    <t>01/14/2020 12:24:36</t>
  </si>
  <si>
    <t>01/14/2020 12:21:07</t>
  </si>
  <si>
    <t>dc189f9b-4e08-4498-83db-42cb3c7ded34.tmp</t>
  </si>
  <si>
    <t>\\acsfs\profiles$\claudiajca\Downloads\dc189f9b-4e08-4498-83db-42cb3c7ded34.tmp</t>
  </si>
  <si>
    <t>01/14/2020 12:21:16</t>
  </si>
  <si>
    <t>01/14/2020 12:26:36</t>
  </si>
  <si>
    <t>01/14/2020 12:23:17</t>
  </si>
  <si>
    <t>01/14/2020 12:23:47</t>
  </si>
  <si>
    <t>01/14/2020 12:24:17</t>
  </si>
  <si>
    <t>01/14/2020 12:25:48</t>
  </si>
  <si>
    <t>01/14/2020 12:27:36</t>
  </si>
  <si>
    <t>01/14/2020 12:25:07</t>
  </si>
  <si>
    <t>483bfa09-2553-42e3-b556-8fadc9014cbc.tmp</t>
  </si>
  <si>
    <t>\\acsfs\profiles$\inarajst\Downloads\483bfa09-2553-42e3-b556-8fadc9014cbc.tmp</t>
  </si>
  <si>
    <t>01/14/2020 12:28:36</t>
  </si>
  <si>
    <t>01/14/2020 12:23:18</t>
  </si>
  <si>
    <t>lu11748c88r.tmp</t>
  </si>
  <si>
    <t>\\acsfs\profiles$\BRUNAAR\Numero\lu11748c88r.tmp</t>
  </si>
  <si>
    <t>01/14/2020 12:27:13</t>
  </si>
  <si>
    <t>01/14/2020 12:27:18</t>
  </si>
  <si>
    <t>a8436c2c-2bfd-4491-9417-fca87fe84b8c.tmp</t>
  </si>
  <si>
    <t>\\acsfs\profiles$\vivianealda\Downloads\a8436c2c-2bfd-4491-9417-fca87fe84b8c.tmp</t>
  </si>
  <si>
    <t>01/14/2020 12:26:16</t>
  </si>
  <si>
    <t>01/14/2020 12:31:36</t>
  </si>
  <si>
    <t>8952ebea-3669-4845-a8c2-f28822922f50.tmp</t>
  </si>
  <si>
    <t>\\acsfs\profiles$\cintiadcf\Downloads\8952ebea-3669-4845-a8c2-f28822922f50.tmp</t>
  </si>
  <si>
    <t>01/14/2020 12:30:46</t>
  </si>
  <si>
    <t>04da584e-d9e6-47ed-a097-10ed3ac1f2bd.tmp</t>
  </si>
  <si>
    <t>\\acsfs\profiles$\cintiadcf\Downloads\04da584e-d9e6-47ed-a097-10ed3ac1f2bd.tmp</t>
  </si>
  <si>
    <t>01/14/2020 12:31:37</t>
  </si>
  <si>
    <t>01/14/2020 12:33:36</t>
  </si>
  <si>
    <t>01/14/2020 12:28:12</t>
  </si>
  <si>
    <t>a75aa9b9-b530-4ee0-95e9-21938286f62c.tmp</t>
  </si>
  <si>
    <t>\\acsfs\profiles$\BRUNAAR\Downloads\a75aa9b9-b530-4ee0-95e9-21938286f62c.tmp</t>
  </si>
  <si>
    <t>01/14/2020 12:33:03</t>
  </si>
  <si>
    <t>01/14/2020 12:34:36</t>
  </si>
  <si>
    <t>fe47b35c-95d1-42f6-949c-81dee8a79744;</t>
  </si>
  <si>
    <t>01/14/2020 12:33:05</t>
  </si>
  <si>
    <t>01/14/2020 12:33:07</t>
  </si>
  <si>
    <t>01/14/2020 12:33:08</t>
  </si>
  <si>
    <t>01/14/2020 12:33:09</t>
  </si>
  <si>
    <t>01/14/2020 12:33:10</t>
  </si>
  <si>
    <t>01/14/2020 12:33:16</t>
  </si>
  <si>
    <t>01/14/2020 12:33:23</t>
  </si>
  <si>
    <t>01/14/2020 12:33:28</t>
  </si>
  <si>
    <t>01/14/2020 12:33:31</t>
  </si>
  <si>
    <t>01/14/2020 12:33:32</t>
  </si>
  <si>
    <t>01/14/2020 12:33:33</t>
  </si>
  <si>
    <t>01/14/2020 12:33:34</t>
  </si>
  <si>
    <t>01/14/2020 12:33:46</t>
  </si>
  <si>
    <t>01/14/2020 12:33:49</t>
  </si>
  <si>
    <t>01/14/2020 12:33:50</t>
  </si>
  <si>
    <t>01/14/2020 12:33:51</t>
  </si>
  <si>
    <t>01/14/2020 12:33:52</t>
  </si>
  <si>
    <t>01/14/2020 12:32:47</t>
  </si>
  <si>
    <t>01/14/2020 12:35:36</t>
  </si>
  <si>
    <t>169f7e8b-c922-44ae-8e75-4e92f5128739.tmp</t>
  </si>
  <si>
    <t>\\acsfs\profiles$\victoriaksr\Downloads\169f7e8b-c922-44ae-8e75-4e92f5128739.tmp</t>
  </si>
  <si>
    <t>01/14/2020 12:31:25</t>
  </si>
  <si>
    <t>6d7dde96-1167-4773-beb2-f8f283c66412.tmp</t>
  </si>
  <si>
    <t>\\acsfs\profiles$\nataliacsl\Downloads\6d7dde96-1167-4773-beb2-f8f283c66412.tmp</t>
  </si>
  <si>
    <t>01/14/2020 12:31:45</t>
  </si>
  <si>
    <t>01/14/2020 12:31:46</t>
  </si>
  <si>
    <t>lu12468p6xko.tmp</t>
  </si>
  <si>
    <t>\\acsfs\profiles$\dhiulliananads\My Documents\lu12468p6xko.tmp</t>
  </si>
  <si>
    <t>\\acsfs\profiles$\dhiulliananads\My Documents\lu12468p6xko.tmp\</t>
  </si>
  <si>
    <t>\\acsfs\profiles$\dhiulliananads\My Documents\lu12468p6xko.tmp\META-INF\</t>
  </si>
  <si>
    <t>\\acsfs\profiles$\dhiulliananads\My Documents\lu12468p6xko.tmp\Thumbnails\</t>
  </si>
  <si>
    <t>01/14/2020 12:34:20</t>
  </si>
  <si>
    <t>01/14/2020 12:36:35</t>
  </si>
  <si>
    <t>01/14/2020 12:34:50</t>
  </si>
  <si>
    <t>01/14/2020 12:35:20</t>
  </si>
  <si>
    <t>01/14/2020 12:37:24</t>
  </si>
  <si>
    <t>01/14/2020 12:38:36</t>
  </si>
  <si>
    <t>\\acsfs\ACS\Gabriel da Silva\Contemporânea\8A45BF70.tmp\</t>
  </si>
  <si>
    <t>\\acsfs\ACS\Gabriel da Silva\Contemporânea\8A45BF70.tmp\:Zone.Identifier:$DATA</t>
  </si>
  <si>
    <t>01/14/2020 12:37:25</t>
  </si>
  <si>
    <t>\\acsfs\ACS\Gabriel da Silva\Contemporânea\Vendas ALGAR.xlsb\</t>
  </si>
  <si>
    <t>image3.svg</t>
  </si>
  <si>
    <t>\\acsfs\ACS\Gabriel da Silva\Contemporânea\Vendas ALGAR.xlsb</t>
  </si>
  <si>
    <t>image6.svg</t>
  </si>
  <si>
    <t>image8.svg</t>
  </si>
  <si>
    <t>Vendas ALGAR.xlsb</t>
  </si>
  <si>
    <t>01/14/2020 12:34:00</t>
  </si>
  <si>
    <t>01/14/2020 12:39:36</t>
  </si>
  <si>
    <t>01/14/2020 12:34:01</t>
  </si>
  <si>
    <t>01/14/2020 12:34:05</t>
  </si>
  <si>
    <t>01/14/2020 12:34:06</t>
  </si>
  <si>
    <t>01/14/2020 12:34:07</t>
  </si>
  <si>
    <t>01/14/2020 12:34:10</t>
  </si>
  <si>
    <t>01/14/2020 12:34:13</t>
  </si>
  <si>
    <t>01/14/2020 12:34:14</t>
  </si>
  <si>
    <t>01/14/2020 12:36:03</t>
  </si>
  <si>
    <t>01/14/2020 12:36:07</t>
  </si>
  <si>
    <t>01/14/2020 12:36:08</t>
  </si>
  <si>
    <t>01/14/2020 12:36:11</t>
  </si>
  <si>
    <t>01/14/2020 12:36:16</t>
  </si>
  <si>
    <t>01/14/2020 12:36:18</t>
  </si>
  <si>
    <t>01/14/2020 12:36:19</t>
  </si>
  <si>
    <t>01/14/2020 12:36:21</t>
  </si>
  <si>
    <t>01/14/2020 12:36:25</t>
  </si>
  <si>
    <t>01/14/2020 12:36:32</t>
  </si>
  <si>
    <t>"[[];"[\"1578938069213\";"mozilla/5.0 (windows nt 6.1; win64; x64) applewebkit/537.36 (khtml;0\;0]�nk�c��m�(��k��hy���t緳�?�]�l�'���ʱ�k�3'&amp;_x0019_rq�l]y~x��y�`��_x0001_(=� �����-o��}_x001E_o� e_x0016_^ ~q��[j�t��_`�_x000E_��ö_x0001_;1;13;13700109;13700167;13700235;13700951;13701078;13701207;13701214;13701235;13701239;13701458;13701486;13701506;13701510;13701534;13701573;13701577;13701613;13701625;13701653;13701693;13701709;13701901�;13701949;13701969;15;1578938074214;1578938589213;1578940723092000;1578940727411000;16;1\;25;285089911;4129063919656596672\;6929;7057;7332;7416;7433;7443;7462;7495;7500;7512;7567;7582;7634;7637;7];8200010;8202123;8202124;8202125;8202126;8202193;8202316;8202323;8202463;8202511;8202514;8202524;8202578;8202720];[1;[7591;[[13701450;[[null;[];[]];[]]"];[]]];[null;\"[[null;];adfn-cukavp_gzvgyovd4ezxa34ayzzyr-p2q7lkzwbbb3upbycht4niuwjbx-5yqdis7nlddfhi;false];fq2hjgod7i0d9g";gmail_fe_191205.12_p5\\\;ken=ac4w5vg9uknafdl_4gy7xugiocajkfmaxw:1578940723088&amp;buildlabel=drive.web-frontend_20200101.00_p42193;like gecko) chrome/79.0.3</t>
  </si>
  <si>
    <t>https://"[[],"[\"1578938069213\","mozilla/5.0 (windows nt 6.1; win64; x64) applewebkit/537.36 (khtml,0\,0]�nk�c��m�(��k��hy���t緳�?�]�l�'���ʱ�k�3'&amp;_x0019_rq�l]y~x��y�`��_x0001_(=� �����-o��}_x001E_o� e_x0016_^ ~q��[j�t��_`�_x000E_��ö_x0001_,1,13,13700109,13700167,13700235,13700951,13701078,13701207,13701214,13701235,13701239,13701458,13701486,13701506,13701510,13701534,13701573,13701577,13701613,13701625,13701653,13701693,13701709,13701901�,13701949,13701969,15,1578938074214,1578938589213,1578940723092000,1578940727411000,16,1\,25,285089911,4129063919656596672\,6929,7057,7332,7416,7433,7443,7462,7495,7500,7512,7567,7582,7634,7637,7],8200010,8202123,8202124,8202125,8202126,8202193,8202316,8202323,8202463,8202511,8202514,8202524,8202578,8202720],[1,[7591,[[13701450,[[null,[],[]],[]]"],[]]],[null,\"[[null,],adfn-cukavp_gzvgyovd4ezxa34ayzzyr-p2q7lkzwbbb3upbycht4niuwjbx-5yqdis7nlddfhi,false],fq2hjgod7i0d9g",gmail_fe_191205.12_p5\\\,ken=ac4w5vg9uknafdl_4gy7xugiocajkfmaxw:1578940723088&amp;buildlabel=drive.web-frontend_20200101.00_p42193,like gecko) chrom</t>
  </si>
  <si>
    <t>01/14/2020 12:36:34</t>
  </si>
  <si>
    <t>01/14/2020 12:36:37</t>
  </si>
  <si>
    <t>01/14/2020 12:36:39</t>
  </si>
  <si>
    <t>01/14/2020 12:36:40</t>
  </si>
  <si>
    <t>01/14/2020 12:36:41</t>
  </si>
  <si>
    <t>01/14/2020 12:36:42</t>
  </si>
  <si>
    <t>01/14/2020 12:36:43</t>
  </si>
  <si>
    <t>01/14/2020 12:36:49</t>
  </si>
  <si>
    <t>01/14/2020 12:36:50</t>
  </si>
  <si>
    <t>01/14/2020 12:36:53</t>
  </si>
  <si>
    <t>0]]0];0]]l;0]a_x0006__x001F_�;0]i;0]l;1578963302346;1578963603339;1578963904335;708385187;76;77;78;[];[]]];false;iwagbqyq5_cmqlzbanwpacqolgbymbrky1hyw9wzwbrqebiph8iqz-_-nea8ajk3cl1u6dhazrweuy4acpn1lbxov-fxfxs7u6fxlrrmewru5fr4fy8cuk8t73sxehkspjr8dpf1-v_6eyefdj_s5ctm3pd-_i4y3cnuoucl3oesbl-jzrepmleg33fjkfom_gv_oiymounmhepbtspoobkmjpnttr8idpe\";iwagbqyq5_cmqlzbanwpacqolgbymbrky1hyw9wzwbrqebiph8iqz-_-nea8ajk3cl1u6dhazrweuy4acpn1lbxov-fxfxs7u6fxlrrmewru5fr4fy8cuk8t73sxehkspjr8dpf1-v_6eyefdj_s5ctm3pd-_i4y3cnuoucl3oesbl-jzrepmleg3hfjkfpvwd4ugmnftsnmsfnubzryf9dpbtdcp9otuo4\";iwagbqyq5_cmqlzbanwpacqolgbymbrky1hyw9wzwbrqebiph8iqz-_-nea8ajk3cl1u6dhazrweuy4acpn1lbxov-fxfxs7u6fxlrrmewru5fr4fy8cuk8t73sxehkspjr8dpf1-v_6eyefdj_s5ctm3pd-_i4y3cnuoucl3oesbl-jzrepmleg3nfjkfp1ambimkcqo8fosskz1kkpco-yobwacpoffcg\";null;true]";</t>
  </si>
  <si>
    <t>https://0]]0],0]]l,0]a_x0006__x001F_�,0]i,0]l,1578963302346,1578963603339,1578963904335,708385187,76,77,78,[],[]]],false,iwagbqyq5_cmqlzbanwpacqolgbymbrky1hyw9wzwbrqebiph8iqz-_-nea8ajk3cl1u6dhazrweuy4acpn1lbxov-fxfxs7u6fxlrrmewru5fr4fy8cuk8t73sxehkspjr8dpf1-v_6eyefdj_s5ctm3pd-_i4y3cnuoucl3oesbl-jzrepmleg33fjkfom_gv_oiymounmhepbtspoobkmjpnttr8idpe\",iwagbqyq5_cmqlzbanwpacqolgbymbrky1hyw9wzwbrqebiph8iqz-_-nea8ajk3cl1u6dhazrweuy4acpn1lbxov-fxfxs7u6fxlrrmewru5fr4fy8cuk8t73sxehkspjr8dpf1-v_6eyefdj_s5ctm3pd-_i4y3cnuoucl3oesbl-jzrepmleg3hfjkfpvwd4ugmnftsnmsfnubzryf9dpbtdcp9otuo4\",iwagbqyq5_cmqlzbanwpacqolgbymbrky1hyw9wzwbrqebiph8iqz-_-nea8ajk3cl1u6dhazrweuy4acpn1lbxov-fxfxs7u6fxlrrmewru5fr4fy8cuk8t73sxehkspjr8dpf1-v_6eyefdj_s5ctm3pd-_i4y3cnuoucl3oesbl-jzrepmleg3nfjkfp1ambimkcqo8fosskz1kkpco-yobwacpoffcg\",null,true]"</t>
  </si>
  <si>
    <t>01/14/2020 12:36:55</t>
  </si>
  <si>
    <t>01/14/2020 12:37:00</t>
  </si>
  <si>
    <t>01/14/2020 12:37:11</t>
  </si>
  <si>
    <t>01/14/2020 12:37:12</t>
  </si>
  <si>
    <t>01/14/2020 12:37:15</t>
  </si>
  <si>
    <t>01/14/2020 12:37:16</t>
  </si>
  <si>
    <t>01/14/2020 12:37:17</t>
  </si>
  <si>
    <t>01/14/2020 12:37:29</t>
  </si>
  <si>
    <t>01/14/2020 12:37:36</t>
  </si>
  <si>
    <t>01/14/2020 12:37:53</t>
  </si>
  <si>
    <t>01/14/2020 12:37:54</t>
  </si>
  <si>
    <t>01/14/2020 12:37:56</t>
  </si>
  <si>
    <t>01/14/2020 12:37:57</t>
  </si>
  <si>
    <t>01/14/2020 12:37:59</t>
  </si>
  <si>
    <t>01/14/2020 12:38:04</t>
  </si>
  <si>
    <t>01/14/2020 12:38:10</t>
  </si>
  <si>
    <t>01/14/2020 12:41:36</t>
  </si>
  <si>
    <t>01/14/2020 12:37:21</t>
  </si>
  <si>
    <t>01/14/2020 12:37:51</t>
  </si>
  <si>
    <t>01/14/2020 12:38:21</t>
  </si>
  <si>
    <t>01/14/2020 12:38:51</t>
  </si>
  <si>
    <t>01/14/2020 12:39:21</t>
  </si>
  <si>
    <t>01/14/2020 12:39:51</t>
  </si>
  <si>
    <t>01/14/2020 12:40:22</t>
  </si>
  <si>
    <t>01/14/2020 12:38:28</t>
  </si>
  <si>
    <t>30f4fea6-7459-4d4d-85dc-eb434de8d008.tmp</t>
  </si>
  <si>
    <t>\\acsfs\profiles$\Flaviojmm\Downloads\30f4fea6-7459-4d4d-85dc-eb434de8d008.tmp</t>
  </si>
  <si>
    <t>01/14/2020 12:40:11</t>
  </si>
  <si>
    <t>2f0d8fdd-f59d-413f-96eb-9c388a6d375a.tmp</t>
  </si>
  <si>
    <t>\\acsfs\profiles$\LUISPLS\Downloads\2f0d8fdd-f59d-413f-96eb-9c388a6d375a.tmp</t>
  </si>
  <si>
    <t>01/13/2020 20:51:28</t>
  </si>
  <si>
    <t>01/14/2020 12:42:36</t>
  </si>
  <si>
    <t>01/13/2020 20:51:29</t>
  </si>
  <si>
    <t>lu13788c2ja.tmp</t>
  </si>
  <si>
    <t>\\acsfs\profiles$\regisedsj\My Documents\lu13788c2ja.tmp</t>
  </si>
  <si>
    <t>\\acsfs\profiles$\regisedsj\My Documents\lu13788c2ja.tmp\</t>
  </si>
  <si>
    <t>\\acsfs\profiles$\regisedsj\My Documents\lu13788c2ja.tmp\META-INF\</t>
  </si>
  <si>
    <t>\\acsfs\profiles$\regisedsj\My Documents\lu13788c2ja.tmp\Thumbnails\</t>
  </si>
  <si>
    <t>01/14/2020 12:41:33</t>
  </si>
  <si>
    <t>01/14/2020 12:41:26</t>
  </si>
  <si>
    <t>01/14/2020 12:43:36</t>
  </si>
  <si>
    <t>af842752-ae74-4efa-a647-6ab90eb8fb38.tmp</t>
  </si>
  <si>
    <t>\\acsfs\profiles$\maxmillianosv\Downloads\af842752-ae74-4efa-a647-6ab90eb8fb38.tmp</t>
  </si>
  <si>
    <t>01/14/2020 12:41:27</t>
  </si>
  <si>
    <t>5eeed10f-9103-4a38-b8bb-014d4d547882.tmp</t>
  </si>
  <si>
    <t>\\acsfs\profiles$\maxmillianosv\Downloads\5eeed10f-9103-4a38-b8bb-014d4d547882.tmp</t>
  </si>
  <si>
    <t>b8d781bd-7818-4e00-8a81-b29adb6abef9.tmp</t>
  </si>
  <si>
    <t>\\acsfs\profiles$\maxmillianosv\Downloads\b8d781bd-7818-4e00-8a81-b29adb6abef9.tmp</t>
  </si>
  <si>
    <t>01/14/2020 12:41:55</t>
  </si>
  <si>
    <t>abab25fc-6551-4a1c-bb87-d20c821939ab.tmp</t>
  </si>
  <si>
    <t>\\acsfs\profiles$\maxmillianosv\Downloads\abab25fc-6551-4a1c-bb87-d20c821939ab.tmp</t>
  </si>
  <si>
    <t>01/14/2020 12:42:18</t>
  </si>
  <si>
    <t>eefc2f30-fee5-458d-aebb-f10a13e7ed0f.tmp</t>
  </si>
  <si>
    <t>\\acsfs\profiles$\maxmillianosv\Downloads\eefc2f30-fee5-458d-aebb-f10a13e7ed0f.tmp</t>
  </si>
  <si>
    <t>01/14/2020 12:39:33</t>
  </si>
  <si>
    <t>1bb41202-7e1a-43ef-b122-af1ad9b59925.tmp</t>
  </si>
  <si>
    <t>\\acsfs\profiles$\gabrielsma\Downloads\1bb41202-7e1a-43ef-b122-af1ad9b59925.tmp</t>
  </si>
  <si>
    <t>01/14/2020 12:39:54</t>
  </si>
  <si>
    <t>Não confirmado 28942.crdownload</t>
  </si>
  <si>
    <t>\\acsfs\ACS\Gabriel da Silva\Contemporânea\VENDAS\Não confirmado 28942.crdownload</t>
  </si>
  <si>
    <t>01/14/2020 12:40:14</t>
  </si>
  <si>
    <t>cc08a442-2470-4247-8d10-23f96dc8abd0.tmp</t>
  </si>
  <si>
    <t>\\acsfs\profiles$\gabrielsma\Downloads\cc08a442-2470-4247-8d10-23f96dc8abd0.tmp</t>
  </si>
  <si>
    <t>01/14/2020 12:40:16</t>
  </si>
  <si>
    <t>Não confirmado 977482.crdownload</t>
  </si>
  <si>
    <t>\\acsfs\ACS\Gabriel da Silva\Contemporânea\VENDAS\Não confirmado 977482.crdownload</t>
  </si>
  <si>
    <t>01/14/2020 12:41:08</t>
  </si>
  <si>
    <t>01/14/2020 12:42:58</t>
  </si>
  <si>
    <t>01/14/2020 12:44:36</t>
  </si>
  <si>
    <t>01/14/2020 12:42:54</t>
  </si>
  <si>
    <t>1faf530d-6a27-4f0d-bbcb-252b98811d4a.tmp</t>
  </si>
  <si>
    <t>\\acsfs\profiles$\nathaliarmr\Downloads\1faf530d-6a27-4f0d-bbcb-252b98811d4a.tmp</t>
  </si>
  <si>
    <t>01/14/2020 12:42:27</t>
  </si>
  <si>
    <t>01/14/2020 12:42:30</t>
  </si>
  <si>
    <t>01/14/2020 12:42:52</t>
  </si>
  <si>
    <t>01/14/2020 12:42:53</t>
  </si>
  <si>
    <t>01/14/2020 12:41:52</t>
  </si>
  <si>
    <t>01/14/2020 12:46:36</t>
  </si>
  <si>
    <t>01/14/2020 12:42:22</t>
  </si>
  <si>
    <t>01/14/2020 12:42:35</t>
  </si>
  <si>
    <t>e43ecc39-9ec0-49e8-8518-d53e2df9bfea.tmp</t>
  </si>
  <si>
    <t>\\acsfs\profiles$\LUISPLS\Downloads\e43ecc39-9ec0-49e8-8518-d53e2df9bfea.tmp</t>
  </si>
  <si>
    <t>01/14/2020 12:47:36</t>
  </si>
  <si>
    <t>01/14/2020 12:44:22</t>
  </si>
  <si>
    <t>66e107a2-d4b0-4f08-a9e6-03a9d0a8e440.tmp</t>
  </si>
  <si>
    <t>\\acsfs\profiles$\regisedsj\Downloads\66e107a2-d4b0-4f08-a9e6-03a9d0a8e440.tmp</t>
  </si>
  <si>
    <t>01/14/2020 12:45:12</t>
  </si>
  <si>
    <t>01/14/2020 12:42:57</t>
  </si>
  <si>
    <t>01/14/2020 12:48:35</t>
  </si>
  <si>
    <t>68b43d94-d426-4ba0-bbc3-2eb260769e07.tmp</t>
  </si>
  <si>
    <t>\\acsfs\profiles$\maxmillianosv\Downloads\68b43d94-d426-4ba0-bbc3-2eb260769e07.tmp</t>
  </si>
  <si>
    <t>01/14/2020 12:43:57</t>
  </si>
  <si>
    <t>bb5ced4c-0d79-4a5c-aceb-93d4ae291f4e.tmp</t>
  </si>
  <si>
    <t>\\acsfs\profiles$\maxmillianosv\Downloads\bb5ced4c-0d79-4a5c-aceb-93d4ae291f4e.tmp</t>
  </si>
  <si>
    <t>01/14/2020 12:43:47</t>
  </si>
  <si>
    <t>lu11748c88v.tmp</t>
  </si>
  <si>
    <t>\\acsfs\profiles$\BRUNAAR\Numero\lu11748c88v.tmp</t>
  </si>
  <si>
    <t>01/14/2020 12:45:18</t>
  </si>
  <si>
    <t>01/14/2020 12:49:36</t>
  </si>
  <si>
    <t>01/14/2020 12:45:52</t>
  </si>
  <si>
    <t>01/14/2020 12:45:54</t>
  </si>
  <si>
    <t>01/14/2020 12:45:56</t>
  </si>
  <si>
    <t>01/14/2020 12:45:57</t>
  </si>
  <si>
    <t>01/14/2020 12:45:58</t>
  </si>
  <si>
    <t>01/14/2020 12:46:03</t>
  </si>
  <si>
    <t>01/14/2020 12:46:05</t>
  </si>
  <si>
    <t>01/14/2020 12:46:06</t>
  </si>
  <si>
    <t>01/14/2020 12:46:07</t>
  </si>
  <si>
    <t>01/14/2020 12:46:13</t>
  </si>
  <si>
    <t>01/14/2020 12:46:14</t>
  </si>
  <si>
    <t>01/14/2020 12:46:21</t>
  </si>
  <si>
    <t>01/14/2020 12:46:22</t>
  </si>
  <si>
    <t>01/14/2020 12:46:23</t>
  </si>
  <si>
    <t>01/14/2020 12:46:26</t>
  </si>
  <si>
    <t>01/14/2020 12:46:29</t>
  </si>
  <si>
    <t>1578940752363000]]]363000]]];gw5ndczmtg5odk4mdmreps2jpi7mr8ycw==";</t>
  </si>
  <si>
    <t>https://1578940752363000]]]363000]]] ,gw5ndczmtg5odk4mdmreps2jpi7mr8ycw=="</t>
  </si>
  <si>
    <t>01/14/2020 12:46:30</t>
  </si>
  <si>
    <t>01/14/2020 12:46:37</t>
  </si>
  <si>
    <t>01/14/2020 12:48:12</t>
  </si>
  <si>
    <t>01/14/2020 12:48:13</t>
  </si>
  <si>
    <t>01/14/2020 12:48:14</t>
  </si>
  <si>
    <t>01/14/2020 12:48:16</t>
  </si>
  <si>
    <t>01/14/2020 12:48:17</t>
  </si>
  <si>
    <t>01/14/2020 12:48:20</t>
  </si>
  <si>
    <t>01/14/2020 12:48:21</t>
  </si>
  <si>
    <t>"10":{"1":"caeqabgbigvwdc1cuigaoaa";"10":{"1":282;"12":"15789402012017b215e38e3c86680";"13":"pt-br";"14":"br";"14":"pt-br"};"17":{"1":["1578940207211";"2":"-03:00";"2":"1578940213656"};"2":"1578940213664"};"2":{"1":282}};"2":{"1":3;"21":"";"25":{"1":"1578940201201";"26":{"2":[{"1":{"1":"matricula";"27":[{"1":{"1":"13";"3":"gustavo damas silva";"3":{"2":"1578940213673"}};"4":"pr_1_0"}];"4":["equipecrbv1@bv.algartech.com"];"4":{"1":{"1":[{"1":"matrícula"}]}};"5":"msg-a:r-1400789227488206701";"7":"caeqabgbigvwdc1cuigaoaa"};"8":{"2":1};"mozilla/5.0 (windows nt 6.1; win64; x64) applewebkit/537.36 (khtml;1;12;13;13700109;13700167;13700235;13700951;13701078;13701207;13701214;13701235;13701239;13701458;13701486;13701506;13701510;13701534;13701573;13701577;13701613;13701625;13701653;13701693;13701709;13701901;13701949;13701969;15;1578940208163;1578940723092000;1578940727411000;16;2;22;22g \n80g \n34_x001C_"5":{"1":"";28;3;30;33g \n61g \n33g \n40g \n40g \n58g \n70g \n75g \n \n \n98805\n \n54\n \n9\n \n6\n \n39\n \n55;4;43g \</t>
  </si>
  <si>
    <t>https://"10":{"1":"caeqabgbigvwdc1cuigaoaa","10":{"1":282,"12":"15789402012017b215e38e3c86680","13":"pt-br","14":"br","14":"pt-br"},"17":{"1":["1578940207211","2":"-03:00","2":"1578940213656"},"2":"1578940213664"},"2":{"1":282}},"2":{"1":3,"21":"","25":{"1":"1578940201201","26":{"2":[{"1":{"1":"matricula","27":[{"1":{"1":"13","3":"gustavo damas silva","3":{"2":"1578940213673"}},"4":"pr_1_0"}],"4":["equipecrbv1@bv.algartech.com"],"4":{"1":{"1":[{"1":"matrícula"}]}},"5":"msg-a:r-1400789227488206701","7":"caeqabgbigvwdc1cuigaoaa"},"8":{"2":1},"mozilla/5.0 (windows nt 6.1; win64; x64) applewebkit/537.36 (khtml,1,12,13,13700109,13700167,13700235,13700951,13701078,13701207,13701214,13701235,13701239,13701458,13701486,13701506,13701510,13701534,13701573,13701577,13701613,13701625,13701653,13701693,13701709,13701901,13701949,13701969,15,1578940208163,1578940723092000,1578940727411000,16,2,22,22g \n80g \n34_x001C_"5":{"1":"",28,3,30,33g \n61g \n33g \n40g \n40g \n58g \n70g \n75g \n \n \n98805\n \n54\n \n9\n \n6\n \n39\n \n55</t>
  </si>
  <si>
    <t>01/14/2020 12:48:22</t>
  </si>
  <si>
    <t>01/14/2020 12:48:25</t>
  </si>
  <si>
    <t>01/14/2020 12:48:27</t>
  </si>
  <si>
    <t>01/14/2020 12:51:36</t>
  </si>
  <si>
    <t>01/14/2020 12:46:24</t>
  </si>
  <si>
    <t>01/14/2020 12:46:54</t>
  </si>
  <si>
    <t>01/14/2020 12:47:24</t>
  </si>
  <si>
    <t>01/14/2020 12:48:55</t>
  </si>
  <si>
    <t>01/14/2020 12:47:55</t>
  </si>
  <si>
    <t>.~lock.reorientação.ods#</t>
  </si>
  <si>
    <t>\\acsfs\profiles$\LUISPLS\My Documents\Nova pasta\.~lock.reorientação.ods#</t>
  </si>
  <si>
    <t>01/14/2020 12:52:15</t>
  </si>
  <si>
    <t>01/14/2020 12:52:35</t>
  </si>
  <si>
    <t>b8875dbc-a8ae-4e06-85d7-2bfb299fe5d7.tmp</t>
  </si>
  <si>
    <t>\\acsfs\profiles$\fernandofs\Downloads\b8875dbc-a8ae-4e06-85d7-2bfb299fe5d7.tmp</t>
  </si>
  <si>
    <t>01/14/2020 12:52:26</t>
  </si>
  <si>
    <t>01/14/2020 12:53:36</t>
  </si>
  <si>
    <t>.~lock.Vendas Janeiro.xlsx#</t>
  </si>
  <si>
    <t>\\acsfs\profiles$\LUCASBS\Planilhas\.~lock.Vendas Janeiro.xlsx#</t>
  </si>
  <si>
    <t>01/14/2020 12:48:52</t>
  </si>
  <si>
    <t>lu11748c88z.tmp</t>
  </si>
  <si>
    <t>\\acsfs\profiles$\BRUNAAR\Numero\lu11748c88z.tmp</t>
  </si>
  <si>
    <t>01/14/2020 12:50:15</t>
  </si>
  <si>
    <t>lu11748c893.tmp</t>
  </si>
  <si>
    <t>\\acsfs\profiles$\BRUNAAR\Numero\lu11748c893.tmp</t>
  </si>
  <si>
    <t>01/14/2020 12:54:04</t>
  </si>
  <si>
    <t>01/14/2020 12:54:35</t>
  </si>
  <si>
    <t>01/14/2020 12:55:36</t>
  </si>
  <si>
    <t>01/14/2020 12:51:23</t>
  </si>
  <si>
    <t>889b08c4-30c9-45a5-897d-520f18b882db.tmp</t>
  </si>
  <si>
    <t>\\acsfs\profiles$\mariajra\Downloads\889b08c4-30c9-45a5-897d-520f18b882db.tmp</t>
  </si>
  <si>
    <t>01/14/2020 12:51:12</t>
  </si>
  <si>
    <t>01/14/2020 12:56:35</t>
  </si>
  <si>
    <t>01/14/2020 12:51:14</t>
  </si>
  <si>
    <t>lu2733221pjqk.tmp</t>
  </si>
  <si>
    <t>\\acsfs\profiles$\RAFAELRF\meu\lu2733221pjqk.tmp</t>
  </si>
  <si>
    <t>01/14/2020 12:53:56</t>
  </si>
  <si>
    <t>01/14/2020 12:54:27</t>
  </si>
  <si>
    <t>01/14/2020 12:52:16</t>
  </si>
  <si>
    <t>626f07c5-f148-4fc3-95ad-fdfe1d340a7b.tmp</t>
  </si>
  <si>
    <t>\\acsfs\profiles$\PEDROHAB\Downloads\626f07c5-f148-4fc3-95ad-fdfe1d340a7b.tmp</t>
  </si>
  <si>
    <t>01/14/2020 12:53:13</t>
  </si>
  <si>
    <t>01/14/2020 12:57:36</t>
  </si>
  <si>
    <t>5ae7ab77-691b-4d44-8a03-880be564d002.tmp</t>
  </si>
  <si>
    <t>\\acsfs\profiles$\regisedsj\Downloads\5ae7ab77-691b-4d44-8a03-880be564d002.tmp</t>
  </si>
  <si>
    <t>01/14/2020 12:53:51</t>
  </si>
  <si>
    <t>01/14/2020 12:58:36</t>
  </si>
  <si>
    <t>outlook.office.com/owa/service.svc?action=CreateItem&amp;app=Mail&amp;n=129</t>
  </si>
  <si>
    <t>ricardodfm@algartech.com.br;</t>
  </si>
  <si>
    <t>ricardodfm@algartech.com.br</t>
  </si>
  <si>
    <t>01/14/2020 12:58:12</t>
  </si>
  <si>
    <t>01/14/2020 12:59:35</t>
  </si>
  <si>
    <t>01/14/2020 12:58:13</t>
  </si>
  <si>
    <t>01/14/2020 12:58:14</t>
  </si>
  <si>
    <t>01/14/2020 12:58:15</t>
  </si>
  <si>
    <t>01/14/2020 12:58:16</t>
  </si>
  <si>
    <t>01/14/2020 12:58:17</t>
  </si>
  <si>
    <t>01/14/2020 12:58:19</t>
  </si>
  <si>
    <t>01/14/2020 12:58:20</t>
  </si>
  <si>
    <t>01/14/2020 12:58:25</t>
  </si>
  <si>
    <t>01/14/2020 12:58:00</t>
  </si>
  <si>
    <t>e65c154d-cbed-4723-9322-d7c3ae959a58.tmp</t>
  </si>
  <si>
    <t>\\acsfs\profiles$\marcosvnds\Downloads\e65c154d-cbed-4723-9322-d7c3ae959a58.tmp</t>
  </si>
  <si>
    <t>01/14/2020 12:58:01</t>
  </si>
  <si>
    <t>cc19af4b-8ada-43d6-968e-0d206bfb20af.tmp</t>
  </si>
  <si>
    <t>\\acsfs\profiles$\marcosvnds\Downloads\cc19af4b-8ada-43d6-968e-0d206bfb20af.tmp</t>
  </si>
  <si>
    <t>01/14/2020 12:58:58</t>
  </si>
  <si>
    <t>01/14/2020 13:01:35</t>
  </si>
  <si>
    <t>01/14/2020 12:59:29</t>
  </si>
  <si>
    <t>01/14/2020 12:40:50</t>
  </si>
  <si>
    <t>01/14/2020 13:04:35</t>
  </si>
  <si>
    <t>01/14/2020 12:40:51</t>
  </si>
  <si>
    <t>lu277762cwz59.tmp</t>
  </si>
  <si>
    <t>\\acsfs\profiles$\ALYNYA\My Documents\lu277762cwz59.tmp</t>
  </si>
  <si>
    <t>\\acsfs\profiles$\ALYNYA\My Documents\lu277762cwz59.tmp\</t>
  </si>
  <si>
    <t>\\acsfs\profiles$\ALYNYA\My Documents\lu277762cwz59.tmp\META-INF\</t>
  </si>
  <si>
    <t>\\acsfs\profiles$\ALYNYA\My Documents\lu277762cwz59.tmp\Thumbnails\</t>
  </si>
  <si>
    <t>01/14/2020 13:00:53</t>
  </si>
  <si>
    <t>01/14/2020 13:00:56</t>
  </si>
  <si>
    <t>01/14/2020 13:00:59</t>
  </si>
  <si>
    <t>01/14/2020 13:01:00</t>
  </si>
  <si>
    <t>01/14/2020 13:01:01</t>
  </si>
  <si>
    <t>01/14/2020 13:01:07</t>
  </si>
  <si>
    <t>01/14/2020 13:01:15</t>
  </si>
  <si>
    <t>01/14/2020 13:02:40</t>
  </si>
  <si>
    <t>06a2ef79-8b6b-42d5-8933-6f44a7c07f54.tmp</t>
  </si>
  <si>
    <t>\\acsfs\profiles$\marcosvnds\Downloads\06a2ef79-8b6b-42d5-8933-6f44a7c07f54.tmp</t>
  </si>
  <si>
    <t>01/14/2020 13:02:56</t>
  </si>
  <si>
    <t>0106c549-7085-4d3e-8c23-c51ae6fa5330.tmp</t>
  </si>
  <si>
    <t>\\acsfs\profiles$\marcosvnds\Downloads\0106c549-7085-4d3e-8c23-c51ae6fa5330.tmp</t>
  </si>
  <si>
    <t>01/14/2020 13:03:26</t>
  </si>
  <si>
    <t>ac98438d-b7da-4f7c-87ff-cc3fd37bfe5b.tmp</t>
  </si>
  <si>
    <t>\\acsfs\profiles$\marcosvnds\Downloads\ac98438d-b7da-4f7c-87ff-cc3fd37bfe5b.tmp</t>
  </si>
  <si>
    <t>01/14/2020 13:03:52</t>
  </si>
  <si>
    <t>3b3a09fa-c012-4836-8686-7f4f7d91d6dc.tmp</t>
  </si>
  <si>
    <t>\\acsfs\profiles$\marcosvnds\Downloads\3b3a09fa-c012-4836-8686-7f4f7d91d6dc.tmp</t>
  </si>
  <si>
    <t>01/14/2020 12:59:58</t>
  </si>
  <si>
    <t>01/14/2020 13:04:26</t>
  </si>
  <si>
    <t>01/14/2020 13:06:36</t>
  </si>
  <si>
    <t>6ee1b3d9-a1c8-49ea-b647-ed43a961620b.tmp</t>
  </si>
  <si>
    <t>\\acsfs\profiles$\cintiadcf\Downloads\6ee1b3d9-a1c8-49ea-b647-ed43a961620b.tmp</t>
  </si>
  <si>
    <t>01/14/2020 13:03:00</t>
  </si>
  <si>
    <t>01/14/2020 13:03:30</t>
  </si>
  <si>
    <t>01/14/2020 13:04:30</t>
  </si>
  <si>
    <t>01/14/2020 13:04:57</t>
  </si>
  <si>
    <t>01/14/2020 13:07:36</t>
  </si>
  <si>
    <t>ea499914-74b6-410f-b086-cce705c008fc.tmp</t>
  </si>
  <si>
    <t>\\acsfs\profiles$\ayalabfi\Downloads\ea499914-74b6-410f-b086-cce705c008fc.tmp</t>
  </si>
  <si>
    <t>01/14/2020 13:03:46</t>
  </si>
  <si>
    <t>4bb7fd3d-f9bd-4caf-90e8-18d09a1151b2.tmp</t>
  </si>
  <si>
    <t>\\acsfs\profiles$\geovannasm\Downloads\4bb7fd3d-f9bd-4caf-90e8-18d09a1151b2.tmp</t>
  </si>
  <si>
    <t>01/14/2020 13:04:06</t>
  </si>
  <si>
    <t>01/14/2020 13:09:35</t>
  </si>
  <si>
    <t>7a906db3-a660-4177-9fe6-d6ea509e17b9.tmp</t>
  </si>
  <si>
    <t>\\acsfs\profiles$\laylaams\Downloads\7a906db3-a660-4177-9fe6-d6ea509e17b9.tmp</t>
  </si>
  <si>
    <t>01/14/2020 13:05:03</t>
  </si>
  <si>
    <t>3cfaeb38-0d42-4902-b7dd-11c3bc2a2bb2.tmp</t>
  </si>
  <si>
    <t>\\acsfs\profiles$\laylaams\Downloads\3cfaeb38-0d42-4902-b7dd-11c3bc2a2bb2.tmp</t>
  </si>
  <si>
    <t>01/14/2020 13:08:09</t>
  </si>
  <si>
    <t>THALLITA QUEREN NETO APARECIDO (38).contact</t>
  </si>
  <si>
    <t>\\acsfs\profiles$\thallitaqna\Contacts\THALLITA QUEREN NETO APARECIDO (38).contact</t>
  </si>
  <si>
    <t>01/14/2020 13:08:10</t>
  </si>
  <si>
    <t>01/14/2020 13:08:31</t>
  </si>
  <si>
    <t>01/14/2020 13:08:32</t>
  </si>
  <si>
    <t>01/14/2020 13:08:33</t>
  </si>
  <si>
    <t>01/14/2020 13:08:34</t>
  </si>
  <si>
    <t>01/14/2020 13:08:35</t>
  </si>
  <si>
    <t>01/14/2020 13:08:36</t>
  </si>
  <si>
    <t>01/14/2020 13:07:16</t>
  </si>
  <si>
    <t>01/14/2020 13:10:35</t>
  </si>
  <si>
    <t>005d60e6-1d09-4889-8159-693f2bb46cf8.tmp</t>
  </si>
  <si>
    <t>\\acsfs\profiles$\quindaizaagds\Downloads\005d60e6-1d09-4889-8159-693f2bb46cf8.tmp</t>
  </si>
  <si>
    <t>01/14/2020 13:09:04</t>
  </si>
  <si>
    <t>543f3561-bf15-4700-b2b7-1387975e7f91.tmp</t>
  </si>
  <si>
    <t>\\acsfs\profiles$\quindaizaagds\Downloads\543f3561-bf15-4700-b2b7-1387975e7f91.tmp</t>
  </si>
  <si>
    <t>01/14/2020 13:09:06</t>
  </si>
  <si>
    <t>679b3db5-3ca9-444a-84ab-c94f53b201fc.tmp</t>
  </si>
  <si>
    <t>\\acsfs\profiles$\quindaizaagds\Downloads\679b3db5-3ca9-444a-84ab-c94f53b201fc.tmp</t>
  </si>
  <si>
    <t>01/14/2020 13:06:17</t>
  </si>
  <si>
    <t>01/14/2020 13:06:59</t>
  </si>
  <si>
    <t>01/14/2020 13:07:10</t>
  </si>
  <si>
    <t>01/14/2020 13:07:50</t>
  </si>
  <si>
    <t>mail.google.com/sync/u/0/i/s?hl=pt-BR&amp;c=938</t>
  </si>
  <si>
    <t>01/14/2020 13:08:13</t>
  </si>
  <si>
    <t>01/14/2020 13:08:15</t>
  </si>
  <si>
    <t>mail.google.com/sync/u/0/i/s?hl=pt-BR&amp;c=945</t>
  </si>
  <si>
    <t>01/14/2020 13:08:21</t>
  </si>
  <si>
    <t>mail.google.com/sync/u/0/i/s?hl=pt-BR&amp;c=947</t>
  </si>
  <si>
    <t>01/14/2020 13:08:02</t>
  </si>
  <si>
    <t>01/14/2020 13:11:35</t>
  </si>
  <si>
    <t>01/14/2020 13:09:02</t>
  </si>
  <si>
    <t>01/14/2020 13:09:32</t>
  </si>
  <si>
    <t>01/14/2020 13:10:02</t>
  </si>
  <si>
    <t>01/14/2020 13:14:36</t>
  </si>
  <si>
    <t>01/14/2020 13:08:37</t>
  </si>
  <si>
    <t>01/14/2020 13:08:38</t>
  </si>
  <si>
    <t>01/14/2020 13:08:39</t>
  </si>
  <si>
    <t>01/14/2020 13:09:10</t>
  </si>
  <si>
    <t>01/14/2020 13:09:11</t>
  </si>
  <si>
    <t>01/14/2020 13:13:22</t>
  </si>
  <si>
    <t>01/14/2020 13:16:36</t>
  </si>
  <si>
    <t>mail.google.com/sync/u/0/i/s?hl=pt-BR&amp;c=957</t>
  </si>
  <si>
    <t>01/14/2020 13:13:28</t>
  </si>
  <si>
    <t>mail.google.com/sync/u/0/i/s?hl=pt-BR&amp;c=959</t>
  </si>
  <si>
    <t>01/14/2020 13:14:46</t>
  </si>
  <si>
    <t>mail.google.com/sync/u/0/i/s?hl=pt-BR&amp;c=963</t>
  </si>
  <si>
    <t>01/14/2020 13:15:05</t>
  </si>
  <si>
    <t>01/14/2020 13:15:08</t>
  </si>
  <si>
    <t>01/14/2020 13:15:16</t>
  </si>
  <si>
    <t>mail.google.com/sync/u/0/i/s?hl=pt-BR&amp;c=973</t>
  </si>
  <si>
    <t>01/14/2020 13:15:22</t>
  </si>
  <si>
    <t>01/14/2020 13:15:27</t>
  </si>
  <si>
    <t>01/14/2020 13:15:30</t>
  </si>
  <si>
    <t>01/14/2020 13:12:34</t>
  </si>
  <si>
    <t>01/14/2020 13:14:14</t>
  </si>
  <si>
    <t>lu8912g7tw.tmp</t>
  </si>
  <si>
    <t>\\acsfs\profiles$\LUISPLS\My Documents\Nova pasta\lu8912g7tw.tmp</t>
  </si>
  <si>
    <t>\\acsfs\profiles$\LUISPLS\My Documents\Nova pasta\lu8912g7tw.tmp\</t>
  </si>
  <si>
    <t>\\acsfs\profiles$\LUISPLS\My Documents\Nova pasta\lu8912g7tw.tmp\META-INF\</t>
  </si>
  <si>
    <t>\\acsfs\profiles$\LUISPLS\My Documents\Nova pasta\lu8912g7tw.tmp\Thumbnails\</t>
  </si>
  <si>
    <t>01/14/2020 13:14:22</t>
  </si>
  <si>
    <t>.~lock.1725- Analizar.ods#</t>
  </si>
  <si>
    <t>\\acsfs\profiles$\LUISPLS\My Documents\Nova pasta\.~lock.1725- Analizar.ods#</t>
  </si>
  <si>
    <t>01/14/2020 13:17:35</t>
  </si>
  <si>
    <t>01/14/2020 13:14:30</t>
  </si>
  <si>
    <t>01/14/2020 13:14:31</t>
  </si>
  <si>
    <t>01/14/2020 13:15:21</t>
  </si>
  <si>
    <t>01/14/2020 13:19:35</t>
  </si>
  <si>
    <t>e865e9de-ef07-4426-bef2-117fb65e2cee.tmp</t>
  </si>
  <si>
    <t>\\acsfs\profiles$\nathaliarmr\Downloads\e865e9de-ef07-4426-bef2-117fb65e2cee.tmp</t>
  </si>
  <si>
    <t>01/14/2020 13:16:53</t>
  </si>
  <si>
    <t>01/14/2020 13:20:36</t>
  </si>
  <si>
    <t>c:\users\adilsonloj\downloads\</t>
  </si>
  <si>
    <t>kit_pre_deslig_pedido_demissao_ausente_95303_beatriz batista martins.pdf</t>
  </si>
  <si>
    <t>01/14/2020 13:16:58</t>
  </si>
  <si>
    <t>01/14/2020 13:21:36</t>
  </si>
  <si>
    <t>01/14/2020 13:17:31</t>
  </si>
  <si>
    <t>https://bvcartes-supervisores@algarnet.onmicrosoft.com,joaogvc@algartech.com,leonardoao@algartech.com,marianadjc@algartech.com,paulacn@algartech.com,planejamentodeoperacoesetrafego@bv.com.br,raphaelmco@algartech.com.br,ricardodfm@algartech.com.br,robsonams@algartech.com,taysdss@algartech.com,viniciussg@algartech.com</t>
  </si>
  <si>
    <t>01/14/2020 13:19:59</t>
  </si>
  <si>
    <t>3ed93619-f9e6-42c2-bca7-2d2a1a7a4f60.tmp</t>
  </si>
  <si>
    <t>\\acsfs\profiles$\isabellegtds\Downloads\3ed93619-f9e6-42c2-bca7-2d2a1a7a4f60.tmp</t>
  </si>
  <si>
    <t>faf41ea7-3cb5-4ae5-9dec-5d0670029413.tmp</t>
  </si>
  <si>
    <t>\\acsfs\profiles$\cintiadcf\Downloads\faf41ea7-3cb5-4ae5-9dec-5d0670029413.tmp</t>
  </si>
  <si>
    <t>01/14/2020 13:16:35</t>
  </si>
  <si>
    <t>01/14/2020 13:20:37</t>
  </si>
  <si>
    <t>01/14/2020 13:22:35</t>
  </si>
  <si>
    <t>19c43535-30fe-4ff5-ad93-b6f0d667905d.tmp</t>
  </si>
  <si>
    <t>\\acsfs\profiles$\ayalabfi\Downloads\19c43535-30fe-4ff5-ad93-b6f0d667905d.tmp</t>
  </si>
  <si>
    <t>01/14/2020 13:20:02</t>
  </si>
  <si>
    <t>110857ea-e1dc-4098-acf6-ea29084f48d7.tmp</t>
  </si>
  <si>
    <t>\\acsfs\profiles$\ayalabfi\Downloads\110857ea-e1dc-4098-acf6-ea29084f48d7.tmp</t>
  </si>
  <si>
    <t>01/14/2020 13:23:36</t>
  </si>
  <si>
    <t>01/14/2020 13:22:39</t>
  </si>
  <si>
    <t>01/14/2020 13:22:48</t>
  </si>
  <si>
    <t>01/14/2020 13:19:54</t>
  </si>
  <si>
    <t>01/14/2020 13:24:35</t>
  </si>
  <si>
    <t>4fe68ee7-8d74-4504-84db-274c148a35a8.tmp</t>
  </si>
  <si>
    <t>\\acsfs\profiles$\larissaad\Downloads\4fe68ee7-8d74-4504-84db-274c148a35a8.tmp</t>
  </si>
  <si>
    <t>01/14/2020 13:23:13</t>
  </si>
  <si>
    <t>f3b318b7-1be4-4fba-b961-a3b977a48706.tmp</t>
  </si>
  <si>
    <t>\\acsfs\profiles$\larissaad\Downloads\f3b318b7-1be4-4fba-b961-a3b977a48706.tmp</t>
  </si>
  <si>
    <t>01/14/2020 13:18:55</t>
  </si>
  <si>
    <t>9c889a21-35d3-4bdc-b558-c09fc968e764.tmp</t>
  </si>
  <si>
    <t>\\acsfs\profiles$\eduardobb\Downloads\9c889a21-35d3-4bdc-b558-c09fc968e764.tmp</t>
  </si>
  <si>
    <t>01/14/2020 13:23:16</t>
  </si>
  <si>
    <t>01/14/2020 13:23:29</t>
  </si>
  <si>
    <t>01/14/2020 13:21:56</t>
  </si>
  <si>
    <t>d911b25f-bf45-4671-85bd-f2e352b04363.tmp</t>
  </si>
  <si>
    <t>\\acsfs\profiles$\henriquehmdo\Downloads\d911b25f-bf45-4671-85bd-f2e352b04363.tmp</t>
  </si>
  <si>
    <t>01/14/2020 13:19:41</t>
  </si>
  <si>
    <t>b62a2123-58f6-4abb-8227-6952d5e783b9.tmp</t>
  </si>
  <si>
    <t>\\acsfs\profiles$\paulovadc\Downloads\b62a2123-58f6-4abb-8227-6952d5e783b9.tmp</t>
  </si>
  <si>
    <t>01/14/2020 13:25:36</t>
  </si>
  <si>
    <t>01/14/2020 13:24:18</t>
  </si>
  <si>
    <t>dcc017e1-7c30-496d-a37d-87e1f36e021b.tmp</t>
  </si>
  <si>
    <t>\\acsfs\profiles$\mariagsg\Downloads\dcc017e1-7c30-496d-a37d-87e1f36e021b.tmp</t>
  </si>
  <si>
    <t>01/14/2020 13:25:17</t>
  </si>
  <si>
    <t>440b921c-0446-45a6-84f4-2c0c7a4ee89a.tmp</t>
  </si>
  <si>
    <t>\\acsfs\profiles$\mariagsg\Downloads\440b921c-0446-45a6-84f4-2c0c7a4ee89a.tmp</t>
  </si>
  <si>
    <t>01/14/2020 13:21:35</t>
  </si>
  <si>
    <t>01/14/2020 13:26:35</t>
  </si>
  <si>
    <t>lu2733221pjqv.tmp</t>
  </si>
  <si>
    <t>\\acsfs\profiles$\RAFAELRF\meu\lu2733221pjqv.tmp</t>
  </si>
  <si>
    <t>\\acsfs\profiles$\RAFAELRF\meu\lu2733221pjqv.tmp\</t>
  </si>
  <si>
    <t>\\acsfs\profiles$\RAFAELRF\meu\lu2733221pjqv.tmp\META-INF\</t>
  </si>
  <si>
    <t>\\acsfs\profiles$\RAFAELRF\meu\lu2733221pjqv.tmp\Thumbnails\</t>
  </si>
  <si>
    <t>01/14/2020 13:25:16</t>
  </si>
  <si>
    <t>01/14/2020 13:27:36</t>
  </si>
  <si>
    <t>5a24744c-f6bf-483c-8e76-59ebcf62407e.tmp</t>
  </si>
  <si>
    <t>\\acsfs\profiles$\geovannasm\Downloads\5a24744c-f6bf-483c-8e76-59ebcf62407e.tmp</t>
  </si>
  <si>
    <t>01/14/2020 13:22:51</t>
  </si>
  <si>
    <t>01/14/2020 13:28:35</t>
  </si>
  <si>
    <t>01/14/2020 13:22:59</t>
  </si>
  <si>
    <t>01/14/2020 13:23:34</t>
  </si>
  <si>
    <t>01/14/2020 13:23:50</t>
  </si>
  <si>
    <t>01/14/2020 13:24:05</t>
  </si>
  <si>
    <t>01/14/2020 13:24:11</t>
  </si>
  <si>
    <t>01/14/2020 13:24:15</t>
  </si>
  <si>
    <t>01/14/2020 13:24:37</t>
  </si>
  <si>
    <t>01/14/2020 13:24:42</t>
  </si>
  <si>
    <t>mail.google.com/sync/u/0/i/s?hl=pt-BR&amp;c=370</t>
  </si>
  <si>
    <t>01/14/2020 13:26:25</t>
  </si>
  <si>
    <t>01/14/2020 13:26:26</t>
  </si>
  <si>
    <t>01/14/2020 13:26:51</t>
  </si>
  <si>
    <t>01/14/2020 13:26:59</t>
  </si>
  <si>
    <t>01/14/2020 13:27:17</t>
  </si>
  <si>
    <t>01/14/2020 13:29:36</t>
  </si>
  <si>
    <t>lilianls@algartech.com;qualidadealgarbv@algartech.com;</t>
  </si>
  <si>
    <t>lilianls@algartech.com,qualidadealgarbv@algartech.com</t>
  </si>
  <si>
    <t>01/14/2020 13:25:35</t>
  </si>
  <si>
    <t>01/14/2020 13:26:14</t>
  </si>
  <si>
    <t>a9ea89be-af52-461b-a878-033e0750882a.tmp</t>
  </si>
  <si>
    <t>\\acsfs\profiles$\marcosvnds\Downloads\a9ea89be-af52-461b-a878-033e0750882a.tmp</t>
  </si>
  <si>
    <t>01/14/2020 13:24:40</t>
  </si>
  <si>
    <t>9277005c-0835-4313-908c-0084309abab3.tmp</t>
  </si>
  <si>
    <t>\\acsfs\profiles$\henriquehmdo\Downloads\9277005c-0835-4313-908c-0084309abab3.tmp</t>
  </si>
  <si>
    <t>01/14/2020 13:30:35</t>
  </si>
  <si>
    <t>vitorgmp@algartech.com;</t>
  </si>
  <si>
    <t>vitorgmp@algartech.com</t>
  </si>
  <si>
    <t>01/14/2020 13:29:39</t>
  </si>
  <si>
    <t>01/14/2020 13:30:05</t>
  </si>
  <si>
    <t>01/14/2020 13:30:08</t>
  </si>
  <si>
    <t>01/14/2020 13:31:36</t>
  </si>
  <si>
    <t>01/14/2020 13:26:40</t>
  </si>
  <si>
    <t>01/14/2020 13:28:41</t>
  </si>
  <si>
    <t>01/14/2020 13:30:42</t>
  </si>
  <si>
    <t>01/14/2020 13:29:13</t>
  </si>
  <si>
    <t>01/14/2020 13:32:35</t>
  </si>
  <si>
    <t>01/14/2020 13:29:14</t>
  </si>
  <si>
    <t>01/14/2020 13:31:00</t>
  </si>
  <si>
    <t>01/14/2020 13:36:36</t>
  </si>
  <si>
    <t>mail.google.com/sync/u/0/i/s?hl=pt-BR&amp;c=1006</t>
  </si>
  <si>
    <t>andrelpsa@algartech.com;joaogvc@algartech.com;leonardoao@algartech.com;paulacn@algartech.com;ricardodfm@algartech.com.br;robsonams@algartech.com;taysdss@algartech.com;viniciussg@algartech.com;</t>
  </si>
  <si>
    <t>andrelpsa@algartech.com,joaogvc@algartech.com,leonardoao@algartech.com,paulacn@algartech.com,ricardodfm@algartech.com.br,robsonams@algartech.com,taysdss@algartech.com,viniciussg@algartech.com</t>
  </si>
  <si>
    <t>01/14/2020 13:31:13</t>
  </si>
  <si>
    <t>andrelpsa@algartech.com;ricardodfm@algartech.com.br;viniciussg@algartech.com;</t>
  </si>
  <si>
    <t>andrelpsa@algartech.com,ricardodfm@algartech.com.br,viniciussg@algartech.com</t>
  </si>
  <si>
    <t>01/14/2020 13:31:32</t>
  </si>
  <si>
    <t>mail.google.com/sync/u/0/i/s?hl=pt-BR&amp;c=1012</t>
  </si>
  <si>
    <t>01/14/2020 13:31:40</t>
  </si>
  <si>
    <t>mail.google.com/sync/u/0/i/s?hl=pt-BR&amp;c=1014</t>
  </si>
  <si>
    <t>01/14/2020 13:31:56</t>
  </si>
  <si>
    <t>mail.google.com/sync/u/0/i/s?hl=pt-BR&amp;c=1016</t>
  </si>
  <si>
    <t>01/14/2020 13:31:57</t>
  </si>
  <si>
    <t>01/14/2020 13:32:18</t>
  </si>
  <si>
    <t>mail.google.com/sync/u/0/i/s?hl=pt-BR&amp;c=1019</t>
  </si>
  <si>
    <t>01/14/2020 13:33:06</t>
  </si>
  <si>
    <t>mail.google.com/sync/u/0/i/s?hl=pt-BR&amp;c=1022</t>
  </si>
  <si>
    <t>01/14/2020 13:33:15</t>
  </si>
  <si>
    <t>01/14/2020 13:31:42</t>
  </si>
  <si>
    <t>01/14/2020 13:32:13</t>
  </si>
  <si>
    <t>01/14/2020 13:32:43</t>
  </si>
  <si>
    <t>01/14/2020 13:33:13</t>
  </si>
  <si>
    <t>01/14/2020 13:33:43</t>
  </si>
  <si>
    <t>01/14/2020 13:34:13</t>
  </si>
  <si>
    <t>01/14/2020 13:34:44</t>
  </si>
  <si>
    <t>01/14/2020 13:33:37</t>
  </si>
  <si>
    <t>2ef50761-117c-4288-bd80-c33299209694.tmp</t>
  </si>
  <si>
    <t>\\acsfs\profiles$\joselrb\Downloads\2ef50761-117c-4288-bd80-c33299209694.tmp</t>
  </si>
  <si>
    <t>01/14/2020 13:37:35</t>
  </si>
  <si>
    <t>01/14/2020 13:35:30</t>
  </si>
  <si>
    <t>01/14/2020 13:35:32</t>
  </si>
  <si>
    <t>01/14/2020 13:38:36</t>
  </si>
  <si>
    <t>10.200.66.61</t>
  </si>
  <si>
    <t>01/14/2020 13:33:09</t>
  </si>
  <si>
    <t>01/14/2020 13:37:10</t>
  </si>
  <si>
    <t>01/14/2020 13:37:29</t>
  </si>
  <si>
    <t>\\acsfs\profiles$\thaianaads\My Documents\$RECYCLE.BIN\</t>
  </si>
  <si>
    <t>$I7PU409.txt</t>
  </si>
  <si>
    <t>\\acsfs\profiles$\thaianaads\My Documents\$RECYCLE.BIN\$I7PU409.txt</t>
  </si>
  <si>
    <t>01/14/2020 13:35:50</t>
  </si>
  <si>
    <t>jalilebds</t>
  </si>
  <si>
    <t>\\acsfs\profiles$\jalilebds\Downloads\</t>
  </si>
  <si>
    <t>7c89cc06-6f87-45c2-91a6-f003ff267bad.tmp</t>
  </si>
  <si>
    <t>\\acsfs\profiles$\jalilebds\Downloads\7c89cc06-6f87-45c2-91a6-f003ff267bad.tmp</t>
  </si>
  <si>
    <t>01/14/2020 13:37:15</t>
  </si>
  <si>
    <t>.~lock.filas 1721 1725 e 1724 a tratar (1) (1) (1).xlsx#</t>
  </si>
  <si>
    <t>\\acsfs\profiles$\jalilebds\Downloads\.~lock.filas 1721 1725 e 1724 a tratar (1) (1) (1).xlsx#</t>
  </si>
  <si>
    <t>01/14/2020 13:39:36</t>
  </si>
  <si>
    <t>01/14/2020 13:35:15</t>
  </si>
  <si>
    <t>01/14/2020 13:36:38</t>
  </si>
  <si>
    <t>lu96562f09g.tmp</t>
  </si>
  <si>
    <t>\\acsfs\profiles$\CLAUDIAJCA\lu96562f09g.tmp</t>
  </si>
  <si>
    <t>\\acsfs\profiles$\CLAUDIAJCA\lu96562f09g.tmp\</t>
  </si>
  <si>
    <t>\\acsfs\profiles$\CLAUDIAJCA\lu96562f09g.tmp\META-INF\</t>
  </si>
  <si>
    <t>\\acsfs\profiles$\CLAUDIAJCA\lu96562f09g.tmp\Thumbnails\</t>
  </si>
  <si>
    <t>01/14/2020 13:41:36</t>
  </si>
  <si>
    <t>01/14/2020 13:36:44</t>
  </si>
  <si>
    <t>01/14/2020 13:39:16</t>
  </si>
  <si>
    <t>01/14/2020 13:39:28</t>
  </si>
  <si>
    <t>01/14/2020 13:42:36</t>
  </si>
  <si>
    <t>30d78f9f-5dbc-46fa-b838-5d5eeeeff723.tmp</t>
  </si>
  <si>
    <t>\\acsfs\profiles$\regisedsj\Downloads\30d78f9f-5dbc-46fa-b838-5d5eeeeff723.tmp</t>
  </si>
  <si>
    <t>\\acsfs\profiles$\regisedsj\Downloads\30d78f9f-5dbc-46fa-b838-5d5eeeeff723.tmp\</t>
  </si>
  <si>
    <t>\\acsfs\profiles$\regisedsj\Downloads\30d78f9f-5dbc-46fa-b838-5d5eeeeff723.tmp\META-INF\</t>
  </si>
  <si>
    <t>\\acsfs\profiles$\regisedsj\Downloads\30d78f9f-5dbc-46fa-b838-5d5eeeeff723.tmp\Thumbnails\</t>
  </si>
  <si>
    <t>01/14/2020 13:39:33</t>
  </si>
  <si>
    <t>.~lock.Controle de vendas.ods#</t>
  </si>
  <si>
    <t>\\acsfs\profiles$\regisedsj\Downloads\.~lock.Controle de vendas.ods#</t>
  </si>
  <si>
    <t>01/14/2020 13:40:17</t>
  </si>
  <si>
    <t>.~lock.Controle de vendas Janeiro.ods#</t>
  </si>
  <si>
    <t>\\acsfs\profiles$\regisedsj\My Documents\.~lock.Controle de vendas Janeiro.ods#</t>
  </si>
  <si>
    <t>01/14/2020 13:40:18</t>
  </si>
  <si>
    <t>lu89641fqjc0.tmp</t>
  </si>
  <si>
    <t>\\acsfs\profiles$\regisedsj\My Documents\lu89641fqjc0.tmp</t>
  </si>
  <si>
    <t>\\acsfs\profiles$\regisedsj\My Documents\lu89641fqjc0.tmp\</t>
  </si>
  <si>
    <t>\\acsfs\profiles$\regisedsj\My Documents\lu89641fqjc0.tmp\META-INF\</t>
  </si>
  <si>
    <t>\\acsfs\profiles$\regisedsj\My Documents\lu89641fqjc0.tmp\Thumbnails\</t>
  </si>
  <si>
    <t>01/14/2020 13:38:33</t>
  </si>
  <si>
    <t>01/14/2020 13:43:35</t>
  </si>
  <si>
    <t>477be466-244f-4407-9fff-2de3b0378843.tmp</t>
  </si>
  <si>
    <t>\\acsfs\profiles$\nathaliaos\Downloads\477be466-244f-4407-9fff-2de3b0378843.tmp</t>
  </si>
  <si>
    <t>01/14/2020 13:40:15</t>
  </si>
  <si>
    <t>668175ee-3fe1-47c7-9b9e-8beb22aa4d30.tmp</t>
  </si>
  <si>
    <t>\\acsfs\profiles$\nathaliaos\Downloads\668175ee-3fe1-47c7-9b9e-8beb22aa4d30.tmp</t>
  </si>
  <si>
    <t>01/14/2020 13:40:28</t>
  </si>
  <si>
    <t>7e2bf420-fe3f-497a-93e1-b04d314ea7d2.tmp</t>
  </si>
  <si>
    <t>\\acsfs\profiles$\nathaliaos\Downloads\7e2bf420-fe3f-497a-93e1-b04d314ea7d2.tmp</t>
  </si>
  <si>
    <t>01/14/2020 13:41:49</t>
  </si>
  <si>
    <t>mail.google.com/sync/u/0/i/s?hl=pt-BR&amp;c=398</t>
  </si>
  <si>
    <t>01/14/2020 13:41:56</t>
  </si>
  <si>
    <t>01/14/2020 13:41:59</t>
  </si>
  <si>
    <t>01/14/2020 13:38:25</t>
  </si>
  <si>
    <t>\\acsfs\profiles$\thaianaads\Downloads\$RECYCLE.BIN\</t>
  </si>
  <si>
    <t>$IS42BMO.pptx</t>
  </si>
  <si>
    <t>\\acsfs\profiles$\thaianaads\Downloads\$RECYCLE.BIN\$IS42BMO.pptx</t>
  </si>
  <si>
    <t>01/14/2020 13:38:31</t>
  </si>
  <si>
    <t>$I48J7MM.pdf</t>
  </si>
  <si>
    <t>\\acsfs\profiles$\thaianaads\Downloads\$RECYCLE.BIN\$I48J7MM.pdf</t>
  </si>
  <si>
    <t>01/14/2020 13:38:35</t>
  </si>
  <si>
    <t>$IBRENMF.pdf</t>
  </si>
  <si>
    <t>\\acsfs\profiles$\thaianaads\Downloads\$RECYCLE.BIN\$IBRENMF.pdf</t>
  </si>
  <si>
    <t>01/14/2020 13:38:40</t>
  </si>
  <si>
    <t>$ICSG0G7.png</t>
  </si>
  <si>
    <t>\\acsfs\profiles$\thaianaads\Downloads\$RECYCLE.BIN\$ICSG0G7.png</t>
  </si>
  <si>
    <t>01/14/2020 13:38:45</t>
  </si>
  <si>
    <t>$IIJM7X1.jpg</t>
  </si>
  <si>
    <t>\\acsfs\profiles$\thaianaads\Downloads\$RECYCLE.BIN\$IIJM7X1.jpg</t>
  </si>
  <si>
    <t>01/14/2020 13:40:45</t>
  </si>
  <si>
    <t>01/14/2020 13:40:46</t>
  </si>
  <si>
    <t>lu314203qhuuh.tmp</t>
  </si>
  <si>
    <t>\\acsfs\profiles$\jalilebds\Downloads\lu314203qhuuh.tmp</t>
  </si>
  <si>
    <t>01/14/2020 13:40:23</t>
  </si>
  <si>
    <t>01/14/2020 13:44:36</t>
  </si>
  <si>
    <t>352e5671-285c-4ab1-9f96-b0d1b77fc4c1.tmp</t>
  </si>
  <si>
    <t>\\acsfs\profiles$\eduardobb\Downloads\352e5671-285c-4ab1-9f96-b0d1b77fc4c1.tmp</t>
  </si>
  <si>
    <t>01/14/2020 13:41:51</t>
  </si>
  <si>
    <t>adcd8d70-dc53-4304-8d2d-6719e85f71df.tmp</t>
  </si>
  <si>
    <t>\\acsfs\profiles$\brendadsl\Downloads\adcd8d70-dc53-4304-8d2d-6719e85f71df.tmp</t>
  </si>
  <si>
    <t>01/14/2020 13:41:53</t>
  </si>
  <si>
    <t>e546b642-bc1e-44d8-9d67-52f80c08141c.tmp</t>
  </si>
  <si>
    <t>\\acsfs\profiles$\brendadsl\Downloads\e546b642-bc1e-44d8-9d67-52f80c08141c.tmp</t>
  </si>
  <si>
    <t>01/14/2020 13:41:54</t>
  </si>
  <si>
    <t>bd3aaefd-17dd-4166-b3cc-f3b59e226116.tmp</t>
  </si>
  <si>
    <t>\\acsfs\profiles$\brendadsl\Downloads\bd3aaefd-17dd-4166-b3cc-f3b59e226116.tmp</t>
  </si>
  <si>
    <t>01/14/2020 13:41:55</t>
  </si>
  <si>
    <t>61bc78c0-e4cc-41b0-be5d-a81cf08563e0.tmp</t>
  </si>
  <si>
    <t>\\acsfs\profiles$\brendadsl\Downloads\61bc78c0-e4cc-41b0-be5d-a81cf08563e0.tmp</t>
  </si>
  <si>
    <t>f2b958bc-97b0-4f62-b2d5-4573a7e28071.tmp</t>
  </si>
  <si>
    <t>\\acsfs\profiles$\brendadsl\Downloads\f2b958bc-97b0-4f62-b2d5-4573a7e28071.tmp</t>
  </si>
  <si>
    <t>01/14/2020 13:42:34</t>
  </si>
  <si>
    <t>ce3daa7a-37a6-4b8d-b1f6-752ae975d41f.tmp</t>
  </si>
  <si>
    <t>\\acsfs\profiles$\brendadsl\Downloads\ce3daa7a-37a6-4b8d-b1f6-752ae975d41f.tmp</t>
  </si>
  <si>
    <t>01/14/2020 13:41:08</t>
  </si>
  <si>
    <t>01/14/2020 13:45:35</t>
  </si>
  <si>
    <t>0ca7af29-daf9-4c2e-b95b-bd816a1e8080.tmp</t>
  </si>
  <si>
    <t>\\acsfs\profiles$\georgendsq\Downloads\0ca7af29-daf9-4c2e-b95b-bd816a1e8080.tmp</t>
  </si>
  <si>
    <t>01/14/2020 13:44:18</t>
  </si>
  <si>
    <t>01/14/2020 13:46:36</t>
  </si>
  <si>
    <t>01/14/2020 13:44:48</t>
  </si>
  <si>
    <t>01/14/2020 13:45:19</t>
  </si>
  <si>
    <t>01/14/2020 13:45:44</t>
  </si>
  <si>
    <t>b7911690-95b7-4368-89e5-b3a07bb1e571.tmp</t>
  </si>
  <si>
    <t>\\acsfs\profiles$\andrezacapf\Downloads\b7911690-95b7-4368-89e5-b3a07bb1e571.tmp</t>
  </si>
  <si>
    <t>01/14/2020 13:45:48</t>
  </si>
  <si>
    <t>a4d3a06e-9b2b-40dd-a4f9-4a2e05487024.tmp</t>
  </si>
  <si>
    <t>\\acsfs\profiles$\andrezacapf\Downloads\a4d3a06e-9b2b-40dd-a4f9-4a2e05487024.tmp</t>
  </si>
  <si>
    <t>01/14/2020 13:45:52</t>
  </si>
  <si>
    <t>780c997a-9f3d-40b0-84e3-e272c7e91725.tmp</t>
  </si>
  <si>
    <t>\\acsfs\profiles$\andrezacapf\Downloads\780c997a-9f3d-40b0-84e3-e272c7e91725.tmp</t>
  </si>
  <si>
    <t>01/14/2020 13:45:55</t>
  </si>
  <si>
    <t>0d967dd7-feba-4048-85d1-5cf34f02bdf5.tmp</t>
  </si>
  <si>
    <t>\\acsfs\profiles$\andrezacapf\Downloads\0d967dd7-feba-4048-85d1-5cf34f02bdf5.tmp</t>
  </si>
  <si>
    <t>01/14/2020 13:42:56</t>
  </si>
  <si>
    <t>FABIANO BRUNO MENDES FILHO_1_6777413124215610174_1_32.wav</t>
  </si>
  <si>
    <t>\\acsfs\Deptos\EDUCACAO EMPRESARIAL\KÉSIA\Ligações 2º ciclo - Janeiro 2020\FABIANO BRUNO MENDES FILHO_1_6777413124215610174_1_32.wav</t>
  </si>
  <si>
    <t>01/14/2020 13:47:35</t>
  </si>
  <si>
    <t>01/14/2020 13:46:20</t>
  </si>
  <si>
    <t>ac6fcb0b-0455-4bd4-b8e5-801b8e62cdbb.tmp</t>
  </si>
  <si>
    <t>\\acsfs\profiles$\THYAGOSP\Downloads\ac6fcb0b-0455-4bd4-b8e5-801b8e62cdbb.tmp</t>
  </si>
  <si>
    <t>01/14/2020 13:46:02</t>
  </si>
  <si>
    <t>01/14/2020 13:48:36</t>
  </si>
  <si>
    <t>Jessica de Almeida Gomes_1_6778444509072130502_1_32.wav</t>
  </si>
  <si>
    <t>\\acsfs\Deptos\EDUCACAO EMPRESARIAL\FERNANDA MONIT\Fernanda\MONITORIA JANEIRO\Ligação para MUTANT segundo ciclo janeiro\Jessica de Almeida Gomes_1_6778444509072130502_1_32.wav</t>
  </si>
  <si>
    <t>01/14/2020 13:46:27</t>
  </si>
  <si>
    <t>mail.google.com/sync/u/0/i/s?hl=pt-BR&amp;c=409</t>
  </si>
  <si>
    <t>01/14/2020 13:46:57</t>
  </si>
  <si>
    <t>01/14/2020 13:47:00</t>
  </si>
  <si>
    <t>01/14/2020 13:47:15</t>
  </si>
  <si>
    <t>01/14/2020 13:47:29</t>
  </si>
  <si>
    <t>cac36a82-d981-471b-9e65-c6b5ed5e6d50.tmp</t>
  </si>
  <si>
    <t>\\acsfs\profiles$\victorgl\Downloads\cac36a82-d981-471b-9e65-c6b5ed5e6d50.tmp</t>
  </si>
  <si>
    <t>01/14/2020 13:45:27</t>
  </si>
  <si>
    <t>1a3f9dc4-03ce-411f-83bb-8ab539cea90c.tmp</t>
  </si>
  <si>
    <t>\\acsfs\profiles$\victorgl\Downloads\1a3f9dc4-03ce-411f-83bb-8ab539cea90c.tmp</t>
  </si>
  <si>
    <t>01/14/2020 13:45:28</t>
  </si>
  <si>
    <t>02ed4149-81ef-4d24-81a3-33692a210539.tmp</t>
  </si>
  <si>
    <t>\\acsfs\profiles$\victorgl\Downloads\02ed4149-81ef-4d24-81a3-33692a210539.tmp</t>
  </si>
  <si>
    <t>01/14/2020 13:47:23</t>
  </si>
  <si>
    <t>146c2ee2-bb1f-43ce-9a44-77b16342a396.tmp</t>
  </si>
  <si>
    <t>\\acsfs\profiles$\victorgl\Downloads\146c2ee2-bb1f-43ce-9a44-77b16342a396.tmp</t>
  </si>
  <si>
    <t>01/14/2020 13:48:02</t>
  </si>
  <si>
    <t>276432b1-714b-4c07-a26a-4aa55f914509.tmp</t>
  </si>
  <si>
    <t>\\acsfs\profiles$\victorgl\Downloads\276432b1-714b-4c07-a26a-4aa55f914509.tmp</t>
  </si>
  <si>
    <t>01/14/2020 13:49:35</t>
  </si>
  <si>
    <t>01/14/2020 13:47:05</t>
  </si>
  <si>
    <t>01/14/2020 13:47:44</t>
  </si>
  <si>
    <t>01/14/2020 13:46:10</t>
  </si>
  <si>
    <t>26f31504-b303-4357-9933-09a5dd98c74f.tmp</t>
  </si>
  <si>
    <t>\\acsfs\profiles$\gabrielafs\Downloads\26f31504-b303-4357-9933-09a5dd98c74f.tmp</t>
  </si>
  <si>
    <t>01/14/2020 13:47:33</t>
  </si>
  <si>
    <t>6437431e-61b8-433b-9d61-c8663786c861.tmp</t>
  </si>
  <si>
    <t>\\acsfs\profiles$\paulovadc\Downloads\6437431e-61b8-433b-9d61-c8663786c861.tmp</t>
  </si>
  <si>
    <t>01/14/2020 13:46:21</t>
  </si>
  <si>
    <t>01/14/2020 13:50:36</t>
  </si>
  <si>
    <t>deb9d0e1-e094-48a9-a9d2-39504019363f.tmp</t>
  </si>
  <si>
    <t>\\acsfs\profiles$\georgendsq\Downloads\deb9d0e1-e094-48a9-a9d2-39504019363f.tmp</t>
  </si>
  <si>
    <t>01/14/2020 13:46:41</t>
  </si>
  <si>
    <t>f788809e-fb04-44f9-8cd1-20a640541717.tmp</t>
  </si>
  <si>
    <t>\\acsfs\profiles$\georgendsq\Downloads\f788809e-fb04-44f9-8cd1-20a640541717.tmp</t>
  </si>
  <si>
    <t>01/14/2020 13:47:03</t>
  </si>
  <si>
    <t>c6350584-ca19-4ee6-a1b0-d4acc3f231ba.tmp</t>
  </si>
  <si>
    <t>\\acsfs\profiles$\georgendsq\Downloads\c6350584-ca19-4ee6-a1b0-d4acc3f231ba.tmp</t>
  </si>
  <si>
    <t>ce06971c-a360-46f2-9b91-f0c08c2ab9e9.tmp</t>
  </si>
  <si>
    <t>\\acsfs\profiles$\georgendsq\Downloads\ce06971c-a360-46f2-9b91-f0c08c2ab9e9.tmp</t>
  </si>
  <si>
    <t>01/14/2020 13:47:37</t>
  </si>
  <si>
    <t>a92a69e6-3ce6-42e9-9dd8-6b5eddb00953.tmp</t>
  </si>
  <si>
    <t>\\acsfs\profiles$\georgendsq\Downloads\a92a69e6-3ce6-42e9-9dd8-6b5eddb00953.tmp</t>
  </si>
  <si>
    <t>01/14/2020 13:48:34</t>
  </si>
  <si>
    <t>8400ea5e-e968-4ae6-bbcd-f4b9ba91cfa2.tmp</t>
  </si>
  <si>
    <t>\\acsfs\profiles$\mariajra\Downloads\8400ea5e-e968-4ae6-bbcd-f4b9ba91cfa2.tmp</t>
  </si>
  <si>
    <t>01/14/2020 13:47:50</t>
  </si>
  <si>
    <t>01/14/2020 13:51:35</t>
  </si>
  <si>
    <t>01/14/2020 13:48:20</t>
  </si>
  <si>
    <t>01/14/2020 13:46:22</t>
  </si>
  <si>
    <t>e8a4c3e2-8481-47cc-9682-068293cddf4a.tmp</t>
  </si>
  <si>
    <t>\\acsfs\profiles$\andrezacapf\Downloads\e8a4c3e2-8481-47cc-9682-068293cddf4a.tmp</t>
  </si>
  <si>
    <t>224f0a74-4faf-4f2c-92d5-a5deb3ebea01.tmp</t>
  </si>
  <si>
    <t>\\acsfs\profiles$\andrezacapf\Downloads\224f0a74-4faf-4f2c-92d5-a5deb3ebea01.tmp</t>
  </si>
  <si>
    <t>01/14/2020 13:46:48</t>
  </si>
  <si>
    <t>e6fb50c7-d340-4c0b-a487-6c504a54a46d.tmp</t>
  </si>
  <si>
    <t>\\acsfs\profiles$\andrezacapf\Downloads\e6fb50c7-d340-4c0b-a487-6c504a54a46d.tmp</t>
  </si>
  <si>
    <t>01/14/2020 13:46:52</t>
  </si>
  <si>
    <t>30be50c1-4eba-4e12-b7b1-0bd7efda7b3d.tmp</t>
  </si>
  <si>
    <t>\\acsfs\profiles$\andrezacapf\Downloads\30be50c1-4eba-4e12-b7b1-0bd7efda7b3d.tmp</t>
  </si>
  <si>
    <t>01/14/2020 13:47:55</t>
  </si>
  <si>
    <t>43aca856-307a-439f-ab2a-e1cf804f38ee.tmp</t>
  </si>
  <si>
    <t>\\acsfs\profiles$\andrezacapf\Downloads\43aca856-307a-439f-ab2a-e1cf804f38ee.tmp</t>
  </si>
  <si>
    <t>01/14/2020 13:49:07</t>
  </si>
  <si>
    <t>946ab977-868f-4893-9232-43a44727995e.tmp</t>
  </si>
  <si>
    <t>\\acsfs\profiles$\andrezacapf\Downloads\946ab977-868f-4893-9232-43a44727995e.tmp</t>
  </si>
  <si>
    <t>01/14/2020 13:49:33</t>
  </si>
  <si>
    <t>2c2ebac6-b061-4fae-a8f8-2663e232a67d.tmp</t>
  </si>
  <si>
    <t>\\acsfs\profiles$\andrezacapf\Downloads\2c2ebac6-b061-4fae-a8f8-2663e232a67d.tmp</t>
  </si>
  <si>
    <t>01/14/2020 13:49:48</t>
  </si>
  <si>
    <t>b65c20e3-1fdc-482b-a36e-fd18ae770a2b.tmp</t>
  </si>
  <si>
    <t>\\acsfs\profiles$\andrezacapf\Downloads\b65c20e3-1fdc-482b-a36e-fd18ae770a2b.tmp</t>
  </si>
  <si>
    <t>01/14/2020 13:50:12</t>
  </si>
  <si>
    <t>c2775bd4-788e-4554-89b2-9bb1db33f605.tmp</t>
  </si>
  <si>
    <t>\\acsfs\profiles$\andrezacapf\Downloads\c2775bd4-788e-4554-89b2-9bb1db33f605.tmp</t>
  </si>
  <si>
    <t>01/14/2020 13:50:15</t>
  </si>
  <si>
    <t>30504763-4e0d-4949-8a71-8cf12a066f93.tmp</t>
  </si>
  <si>
    <t>\\acsfs\profiles$\andrezacapf\Downloads\30504763-4e0d-4949-8a71-8cf12a066f93.tmp</t>
  </si>
  <si>
    <t>01/14/2020 13:50:07</t>
  </si>
  <si>
    <t>01/14/2020 13:53:36</t>
  </si>
  <si>
    <t>mail.google.com/sync/u/0/i/s?hl=pt-BR&amp;c=424</t>
  </si>
  <si>
    <t>01/14/2020 13:51:00</t>
  </si>
  <si>
    <t>mail.google.com/sync/u/0/i/s?hl=pt-BR&amp;c=429</t>
  </si>
  <si>
    <t>01/14/2020 13:50:43</t>
  </si>
  <si>
    <t>lu12468p6xkt.tmp</t>
  </si>
  <si>
    <t>\\acsfs\profiles$\dhiulliananads\My Documents\lu12468p6xkt.tmp</t>
  </si>
  <si>
    <t>\\acsfs\profiles$\dhiulliananads\My Documents\lu12468p6xkt.tmp\</t>
  </si>
  <si>
    <t>\\acsfs\profiles$\dhiulliananads\My Documents\lu12468p6xkt.tmp\META-INF\</t>
  </si>
  <si>
    <t>\\acsfs\profiles$\dhiulliananads\My Documents\lu12468p6xkt.tmp\Thumbnails\</t>
  </si>
  <si>
    <t>01/14/2020 13:50:56</t>
  </si>
  <si>
    <t>42508342-9c1c-4457-aa5b-eaa171184fec.tmp</t>
  </si>
  <si>
    <t>\\acsfs\profiles$\rafaelamsv\Downloads\42508342-9c1c-4457-aa5b-eaa171184fec.tmp</t>
  </si>
  <si>
    <t>01/14/2020 13:49:10</t>
  </si>
  <si>
    <t>78-2B-CB-C1-06-EA</t>
  </si>
  <si>
    <t>VOTORANT-GB020</t>
  </si>
  <si>
    <t>2c6853d1-62c8-4e21-9eaa-6e9a2ac36ff7.tmp</t>
  </si>
  <si>
    <t>\\acsfs\profiles$\KARENJSS\Downloads\2c6853d1-62c8-4e21-9eaa-6e9a2ac36ff7.tmp</t>
  </si>
  <si>
    <t>01/14/2020 13:50:40</t>
  </si>
  <si>
    <t>cfa30fe4-28a0-4aa6-b7d6-c1403578a146.tmp</t>
  </si>
  <si>
    <t>\\acsfs\profiles$\KARENJSS\Downloads\cfa30fe4-28a0-4aa6-b7d6-c1403578a146.tmp</t>
  </si>
  <si>
    <t>01/14/2020 13:51:06</t>
  </si>
  <si>
    <t>b550d211-8543-44ba-8f6b-d71f7a9d5349.tmp</t>
  </si>
  <si>
    <t>\\acsfs\profiles$\KARENJSS\Downloads\b550d211-8543-44ba-8f6b-d71f7a9d5349.tmp</t>
  </si>
  <si>
    <t>01/14/2020 13:53:44</t>
  </si>
  <si>
    <t>01/14/2020 13:54:36</t>
  </si>
  <si>
    <t>c39affe8-4b1b-41d9-90e1-a06d98c5e13b.tmp</t>
  </si>
  <si>
    <t>\\acsfs\profiles$\gabrielafs\Downloads\c39affe8-4b1b-41d9-90e1-a06d98c5e13b.tmp</t>
  </si>
  <si>
    <t>01/14/2020 13:49:30</t>
  </si>
  <si>
    <t>920d2e14-bb1d-43cd-b6da-e57fd0e80692.tmp</t>
  </si>
  <si>
    <t>\\acsfs\profiles$\victorgl\Downloads\920d2e14-bb1d-43cd-b6da-e57fd0e80692.tmp</t>
  </si>
  <si>
    <t>01/14/2020 13:51:27</t>
  </si>
  <si>
    <t>2fc8c901-75c1-4ba0-9e49-f3b1dd3295a5.tmp</t>
  </si>
  <si>
    <t>\\acsfs\profiles$\victorgl\Downloads\2fc8c901-75c1-4ba0-9e49-f3b1dd3295a5.tmp</t>
  </si>
  <si>
    <t>01/14/2020 13:52:02</t>
  </si>
  <si>
    <t>01/14/2020 13:55:36</t>
  </si>
  <si>
    <t>cb243d89-b998-4519-a061-f97e5e68719a.tmp</t>
  </si>
  <si>
    <t>\\acsfs\profiles$\gabrielamdp\Downloads\cb243d89-b998-4519-a061-f97e5e68719a.tmp</t>
  </si>
  <si>
    <t>01/14/2020 13:52:04</t>
  </si>
  <si>
    <t>2494b8fb-e543-4f3d-91e3-6e3cdd66d06c.tmp</t>
  </si>
  <si>
    <t>\\acsfs\profiles$\gabrielamdp\Downloads\2494b8fb-e543-4f3d-91e3-6e3cdd66d06c.tmp</t>
  </si>
  <si>
    <t>01/14/2020 13:52:05</t>
  </si>
  <si>
    <t>cf3f6c33-2ee2-4070-91f7-2688f2c23e84.tmp</t>
  </si>
  <si>
    <t>\\acsfs\profiles$\gabrielamdp\Downloads\cf3f6c33-2ee2-4070-91f7-2688f2c23e84.tmp</t>
  </si>
  <si>
    <t>01/14/2020 13:53:54</t>
  </si>
  <si>
    <t>6366a150-35c0-46f3-8099-e0e46d071121.tmp</t>
  </si>
  <si>
    <t>\\acsfs\profiles$\gabrielamdp\Downloads\6366a150-35c0-46f3-8099-e0e46d071121.tmp</t>
  </si>
  <si>
    <t>01/14/2020 13:52:58</t>
  </si>
  <si>
    <t>afee2fcf-814e-4953-b4c5-960536988fe7.tmp</t>
  </si>
  <si>
    <t>\\acsfs\profiles$\ingridsm\Downloads\afee2fcf-814e-4953-b4c5-960536988fe7.tmp</t>
  </si>
  <si>
    <t>01/14/2020 13:53:39</t>
  </si>
  <si>
    <t>27bc44ce-2570-47f5-b732-c8df79ae2101.tmp</t>
  </si>
  <si>
    <t>\\acsfs\profiles$\ingridsm\Downloads\27bc44ce-2570-47f5-b732-c8df79ae2101.tmp</t>
  </si>
  <si>
    <t>01/14/2020 13:54:34</t>
  </si>
  <si>
    <t>79a04de7-a1db-4d07-bb0f-218138c08ffe.tmp</t>
  </si>
  <si>
    <t>\\acsfs\profiles$\mariajra\Downloads\79a04de7-a1db-4d07-bb0f-218138c08ffe.tmp</t>
  </si>
  <si>
    <t>01/14/2020 13:53:32</t>
  </si>
  <si>
    <t>01/14/2020 13:51:36</t>
  </si>
  <si>
    <t>mail.google.com/sync/u/0/i/s?hl=pt-BR&amp;c=359</t>
  </si>
  <si>
    <t>01/14/2020 13:51:43</t>
  </si>
  <si>
    <t>01/14/2020 13:52:23</t>
  </si>
  <si>
    <t>01/14/2020 13:52:31</t>
  </si>
  <si>
    <t>01/14/2020 13:52:37</t>
  </si>
  <si>
    <t>01/14/2020 13:52:40</t>
  </si>
  <si>
    <t>01/14/2020 13:53:12</t>
  </si>
  <si>
    <t>01/14/2020 13:53:21</t>
  </si>
  <si>
    <t>mail.google.com/sync/u/0/i/s?hl=pt-BR&amp;c=375</t>
  </si>
  <si>
    <t>01/14/2020 13:53:26</t>
  </si>
  <si>
    <t>mail.google.com/sync/u/0/i/s?hl=pt-BR&amp;c=377</t>
  </si>
  <si>
    <t>01/14/2020 13:53:29</t>
  </si>
  <si>
    <t>mail.google.com/sync/u/0/i/s?hl=pt-BR&amp;c=379</t>
  </si>
  <si>
    <t>01/14/2020 13:53:53</t>
  </si>
  <si>
    <t>01/14/2020 13:54:02</t>
  </si>
  <si>
    <t>mail.google.com/sync/u/0/i/s?hl=pt-BR&amp;c=383</t>
  </si>
  <si>
    <t>01/14/2020 13:54:08</t>
  </si>
  <si>
    <t>01/14/2020 13:54:11</t>
  </si>
  <si>
    <t>01/14/2020 13:54:15</t>
  </si>
  <si>
    <t>mail.google.com/sync/u/0/i/s?hl=pt-BR&amp;c=390</t>
  </si>
  <si>
    <t>01/14/2020 13:54:21</t>
  </si>
  <si>
    <t>01/14/2020 13:54:26</t>
  </si>
  <si>
    <t>01/14/2020 13:54:30</t>
  </si>
  <si>
    <t>01/14/2020 13:54:44</t>
  </si>
  <si>
    <t>01/14/2020 13:54:53</t>
  </si>
  <si>
    <t>01/14/2020 13:55:00</t>
  </si>
  <si>
    <t>01/14/2020 13:55:16</t>
  </si>
  <si>
    <t>mail.google.com/sync/u/0/i/s?hl=pt-BR&amp;c=405</t>
  </si>
  <si>
    <t>01/14/2020 13:55:23</t>
  </si>
  <si>
    <t>mail.google.com/sync/u/0/i/s?hl=pt-BR&amp;c=407</t>
  </si>
  <si>
    <t>01/14/2020 13:51:14</t>
  </si>
  <si>
    <t>01/14/2020 13:56:36</t>
  </si>
  <si>
    <t>mail.google.com/sync/u/0/i/s?hl=pt-BR&amp;c=1052</t>
  </si>
  <si>
    <t>01/14/2020 13:55:51</t>
  </si>
  <si>
    <t>79fd1510-256f-4f36-a544-3b92d88529bc.tmp</t>
  </si>
  <si>
    <t>\\acsfs\profiles$\sarahbal\Downloads\79fd1510-256f-4f36-a544-3b92d88529bc.tmp</t>
  </si>
  <si>
    <t>01/14/2020 13:51:52</t>
  </si>
  <si>
    <t>01/14/2020 13:52:22</t>
  </si>
  <si>
    <t>01/14/2020 13:52:06</t>
  </si>
  <si>
    <t>cf6bdaa4-ad6f-4d8e-96b3-0cf37c1df394.tmp</t>
  </si>
  <si>
    <t>\\acsfs\profiles$\andrezacapf\Downloads\cf6bdaa4-ad6f-4d8e-96b3-0cf37c1df394.tmp</t>
  </si>
  <si>
    <t>01/14/2020 13:52:24</t>
  </si>
  <si>
    <t>01/14/2020 13:52:25</t>
  </si>
  <si>
    <t>01/14/2020 13:52:26</t>
  </si>
  <si>
    <t>01/14/2020 13:52:27</t>
  </si>
  <si>
    <t>01/14/2020 13:52:28</t>
  </si>
  <si>
    <t>01/14/2020 13:52:29</t>
  </si>
  <si>
    <t>01/14/2020 13:52:30</t>
  </si>
  <si>
    <t>01/14/2020 13:52:32</t>
  </si>
  <si>
    <t>01/14/2020 13:52:33</t>
  </si>
  <si>
    <t>01/14/2020 13:52:34</t>
  </si>
  <si>
    <t>01/14/2020 13:52:36</t>
  </si>
  <si>
    <t>01/14/2020 13:52:38</t>
  </si>
  <si>
    <t>01/14/2020 13:52:39</t>
  </si>
  <si>
    <t>01/14/2020 13:52:41</t>
  </si>
  <si>
    <t>01/14/2020 13:52:42</t>
  </si>
  <si>
    <t>01/14/2020 13:52:43</t>
  </si>
  <si>
    <t>01/14/2020 13:52:44</t>
  </si>
  <si>
    <t>01/14/2020 13:52:45</t>
  </si>
  <si>
    <t>01/14/2020 13:52:46</t>
  </si>
  <si>
    <t>01/14/2020 13:52:47</t>
  </si>
  <si>
    <t>01/14/2020 13:52:48</t>
  </si>
  <si>
    <t>01/14/2020 13:52:49</t>
  </si>
  <si>
    <t>01/14/2020 13:52:50</t>
  </si>
  <si>
    <t>01/14/2020 13:52:51</t>
  </si>
  <si>
    <t>01/14/2020 13:52:52</t>
  </si>
  <si>
    <t>01/14/2020 13:52:53</t>
  </si>
  <si>
    <t>01/14/2020 13:52:54</t>
  </si>
  <si>
    <t>01/14/2020 13:52:55</t>
  </si>
  <si>
    <t>01/14/2020 13:52:57</t>
  </si>
  <si>
    <t>01/14/2020 13:52:59</t>
  </si>
  <si>
    <t>01/14/2020 13:53:00</t>
  </si>
  <si>
    <t>01/14/2020 13:53:01</t>
  </si>
  <si>
    <t>01/14/2020 13:55:44</t>
  </si>
  <si>
    <t>a2e5da1f-de2a-45d1-9b42-33d08e5f46d6.tmp</t>
  </si>
  <si>
    <t>\\acsfs\profiles$\regisadsa\Downloads\a2e5da1f-de2a-45d1-9b42-33d08e5f46d6.tmp</t>
  </si>
  <si>
    <t>01/14/2020 13:58:36</t>
  </si>
  <si>
    <t>01/14/2020 13:54:56</t>
  </si>
  <si>
    <t>7090362f-0848-4890-aa48-3d0f868e21cd.tmp</t>
  </si>
  <si>
    <t>\\acsfs\profiles$\wenderbnm\Downloads\7090362f-0848-4890-aa48-3d0f868e21cd.tmp</t>
  </si>
  <si>
    <t>01/14/2020 13:56:31</t>
  </si>
  <si>
    <t>Daniel Marinho Lima_1_6778471365502633638_1_32.wav</t>
  </si>
  <si>
    <t>\\acsfs\Deptos\EDUCACAO EMPRESARIAL\FERNANDA MONIT\Fernanda\MONITORIA JANEIRO\Ligação para MUTANT segundo ciclo janeiro\Daniel Marinho Lima_1_6778471365502633638_1_32.wav</t>
  </si>
  <si>
    <t>3b07e84a-0ece-43b8-a736-8dbdcc29c20d.tmp</t>
  </si>
  <si>
    <t>\\acsfs\profiles$\KARENJSS\Downloads\3b07e84a-0ece-43b8-a736-8dbdcc29c20d.tmp</t>
  </si>
  <si>
    <t>01/14/2020 13:57:49</t>
  </si>
  <si>
    <t>01/14/2020 13:59:36</t>
  </si>
  <si>
    <t>dd3e41b9-10ef-462d-b200-495ff7aeab6a.tmp</t>
  </si>
  <si>
    <t>\\acsfs\profiles$\laylaams\Downloads\dd3e41b9-10ef-462d-b200-495ff7aeab6a.tmp</t>
  </si>
  <si>
    <t>01/14/2020 13:56:03</t>
  </si>
  <si>
    <t>01/14/2020 13:58:42</t>
  </si>
  <si>
    <t>741952b5-1f8b-41fc-926a-61a6828a690d.tmp</t>
  </si>
  <si>
    <t>\\acsfs\profiles$\matheusmax\Downloads\741952b5-1f8b-41fc-926a-61a6828a690d.tmp</t>
  </si>
  <si>
    <t>01/14/2020 13:59:15</t>
  </si>
  <si>
    <t>fbb9181f-654f-4c83-924a-8fa34964354f.tmp</t>
  </si>
  <si>
    <t>\\acsfs\profiles$\matheusmax\Downloads\fbb9181f-654f-4c83-924a-8fa34964354f.tmp</t>
  </si>
  <si>
    <t>01/14/2020 13:57:42</t>
  </si>
  <si>
    <t>9543f7a9-377a-428d-91fe-ec249c99facb.tmp</t>
  </si>
  <si>
    <t>\\acsfs\profiles$\henriquehmdo\Downloads\9543f7a9-377a-428d-91fe-ec249c99facb.tmp</t>
  </si>
  <si>
    <t>01/14/2020 13:56:56</t>
  </si>
  <si>
    <t>fee3eb04-e5e1-413d-88e5-e6c4947e32f0.tmp</t>
  </si>
  <si>
    <t>\\acsfs\profiles$\victorgl\Downloads\fee3eb04-e5e1-413d-88e5-e6c4947e32f0.tmp</t>
  </si>
  <si>
    <t>01/14/2020 13:57:01</t>
  </si>
  <si>
    <t>4dfaf620-fa54-4b9f-b881-a180fa9e041a.tmp</t>
  </si>
  <si>
    <t>\\acsfs\profiles$\victorgl\Downloads\4dfaf620-fa54-4b9f-b881-a180fa9e041a.tmp</t>
  </si>
  <si>
    <t>01/14/2020 13:57:10</t>
  </si>
  <si>
    <t>df6d5162-6c4b-4a75-9128-bfddd44cb831.tmp</t>
  </si>
  <si>
    <t>\\acsfs\profiles$\victorgl\Downloads\df6d5162-6c4b-4a75-9128-bfddd44cb831.tmp</t>
  </si>
  <si>
    <t>01/14/2020 13:58:06</t>
  </si>
  <si>
    <t>b0397ed5-79c6-4046-9682-6ffa6331c9a5.tmp</t>
  </si>
  <si>
    <t>\\acsfs\profiles$\victorgl\Downloads\b0397ed5-79c6-4046-9682-6ffa6331c9a5.tmp</t>
  </si>
  <si>
    <t>01/14/2020 13:58:43</t>
  </si>
  <si>
    <t>11a62994-4098-4149-89f8-6cd0262dc64b.tmp</t>
  </si>
  <si>
    <t>\\acsfs\profiles$\victorgl\Downloads\11a62994-4098-4149-89f8-6cd0262dc64b.tmp</t>
  </si>
  <si>
    <t>01/14/2020 13:59:08</t>
  </si>
  <si>
    <t>fd400ebe-ab08-4d8f-acf8-cc090b5a1d64.tmp</t>
  </si>
  <si>
    <t>\\acsfs\profiles$\victorgl\Downloads\fd400ebe-ab08-4d8f-acf8-cc090b5a1d64.tmp</t>
  </si>
  <si>
    <t>01/14/2020 13:56:26</t>
  </si>
  <si>
    <t>lu96562f09l.tmp</t>
  </si>
  <si>
    <t>\\acsfs\profiles$\CLAUDIAJCA\lu96562f09l.tmp</t>
  </si>
  <si>
    <t>\\acsfs\profiles$\CLAUDIAJCA\lu96562f09l.tmp\</t>
  </si>
  <si>
    <t>\\acsfs\profiles$\CLAUDIAJCA\lu96562f09l.tmp\META-INF\</t>
  </si>
  <si>
    <t>01/14/2020 14:00:36</t>
  </si>
  <si>
    <t>\\acsfs\profiles$\CLAUDIAJCA\lu96562f09l.tmp\Thumbnails\</t>
  </si>
  <si>
    <t>01/14/2020 13:55:52</t>
  </si>
  <si>
    <t>mail.google.com/sync/u/0/i/s?hl=pt-BR&amp;c=411</t>
  </si>
  <si>
    <t>01/14/2020 13:56:07</t>
  </si>
  <si>
    <t>01/14/2020 13:56:23</t>
  </si>
  <si>
    <t>mail.google.com/sync/u/0/i/s?hl=pt-BR&amp;c=418</t>
  </si>
  <si>
    <t>01/14/2020 13:56:33</t>
  </si>
  <si>
    <t>01/14/2020 13:56:34</t>
  </si>
  <si>
    <t>01/14/2020 13:56:46</t>
  </si>
  <si>
    <t>01/14/2020 13:57:12</t>
  </si>
  <si>
    <t>01/14/2020 13:58:33</t>
  </si>
  <si>
    <t>01/14/2020 14:01:36</t>
  </si>
  <si>
    <t>luizffn</t>
  </si>
  <si>
    <t>https://algar.folhasinergyrh.com.br/dependente/upload?id=0&amp;idsolicitacao=20859&amp;nomedependente=izabella maria ferreira diniz</t>
  </si>
  <si>
    <t>C:\Users\luizffn\Downloads\DOCUMENTOS INGRID\</t>
  </si>
  <si>
    <t>DOCUMENTOS.zip</t>
  </si>
  <si>
    <t>C:\Users\luizffn\Downloads\DOCUMENTOS INGRID\DOCUMENTOS.zip\</t>
  </si>
  <si>
    <t>FORMULARIO INGRID.pdf</t>
  </si>
  <si>
    <t>image2020-01-03-175417.pdf</t>
  </si>
  <si>
    <t>01/14/2020 13:58:45</t>
  </si>
  <si>
    <t>\\acsfs\profiles$\RAFAELRF\meu\.~lock.BANCO DE DADOS - OPERAÇÃO.xlsx#</t>
  </si>
  <si>
    <t>01/14/2020 13:58:48</t>
  </si>
  <si>
    <t>.~lock.Status Filas.xlsx#</t>
  </si>
  <si>
    <t>\\acsfs\profiles$\RAFAELRF\meu\.~lock.Status Filas.xlsx#</t>
  </si>
  <si>
    <t>c8ac393e-04fb-4a81-a676-bd75fb7865fe.tmp</t>
  </si>
  <si>
    <t>\\acsfs\profiles$\regisadsa\Downloads\c8ac393e-04fb-4a81-a676-bd75fb7865fe.tmp</t>
  </si>
  <si>
    <t>01/14/2020 13:57:31</t>
  </si>
  <si>
    <t>e8b65979-ce27-4ae0-8b9a-a6522c262739.tmp</t>
  </si>
  <si>
    <t>\\acsfs\profiles$\regisadsa\Downloads\e8b65979-ce27-4ae0-8b9a-a6522c262739.tmp</t>
  </si>
  <si>
    <t>01/14/2020 13:57:43</t>
  </si>
  <si>
    <t>5a8ec5ad-6065-4e4e-bf45-ee1a8fefbb3f.tmp</t>
  </si>
  <si>
    <t>\\acsfs\profiles$\regisadsa\Downloads\5a8ec5ad-6065-4e4e-bf45-ee1a8fefbb3f.tmp</t>
  </si>
  <si>
    <t>01/14/2020 14:02:36</t>
  </si>
  <si>
    <t>01/14/2020 14:00:38</t>
  </si>
  <si>
    <t>cd75beda-7325-4d87-8211-b38fa16e64df.tmp</t>
  </si>
  <si>
    <t>\\acsfs\profiles$\geovannasm\Downloads\cd75beda-7325-4d87-8211-b38fa16e64df.tmp</t>
  </si>
  <si>
    <t>01/14/2020 14:00:52</t>
  </si>
  <si>
    <t>01/14/2020 14:03:36</t>
  </si>
  <si>
    <t>b43c8247-bf40-4cec-a7bd-c97536c54c10.tmp</t>
  </si>
  <si>
    <t>\\acsfs\profiles$\wenderbnm\Downloads\b43c8247-bf40-4cec-a7bd-c97536c54c10.tmp</t>
  </si>
  <si>
    <t>01/14/2020 13:58:32</t>
  </si>
  <si>
    <t>mail.google.com/sync/u/0/i/s?hl=pt-BR&amp;c=440</t>
  </si>
  <si>
    <t>01/14/2020 14:02:09</t>
  </si>
  <si>
    <t>Lais Ribeiro_1_6777339242188187926_1_32_1_6777339242188187926_1_32.wav</t>
  </si>
  <si>
    <t>\\acsfs\Deptos\EDUCACAO EMPRESARIAL\FERNANDA MONIT\Fernanda\MONITORIA JANEIRO\Ligação para MUTANT segundo ciclo janeiro\Lais Ribeiro_1_6777339242188187926_1_32_1_6777339242188187926_1_32.wav</t>
  </si>
  <si>
    <t>01/14/2020 14:04:36</t>
  </si>
  <si>
    <t>01/14/2020 13:59:54</t>
  </si>
  <si>
    <t>fbf685b0-5f9a-4a12-a83a-60e7e7e2f7bf.tmp</t>
  </si>
  <si>
    <t>\\acsfs\profiles$\gabrielafs\Downloads\fbf685b0-5f9a-4a12-a83a-60e7e7e2f7bf.tmp</t>
  </si>
  <si>
    <t>01/14/2020 14:04:00</t>
  </si>
  <si>
    <t>2553e573-a209-47ae-9a28-8e2173e264ba.tmp</t>
  </si>
  <si>
    <t>\\acsfs\profiles$\gustavoab\Downloads\2553e573-a209-47ae-9a28-8e2173e264ba.tmp</t>
  </si>
  <si>
    <t>01/14/2020 14:00:14</t>
  </si>
  <si>
    <t>01/14/2020 14:05:36</t>
  </si>
  <si>
    <t>ef262333-45fa-4138-8517-6f24298fbc80.tmp</t>
  </si>
  <si>
    <t>\\acsfs\profiles$\gabrielamdp\Downloads\ef262333-45fa-4138-8517-6f24298fbc80.tmp</t>
  </si>
  <si>
    <t>01/14/2020 14:01:59</t>
  </si>
  <si>
    <t>3c207ca2-900e-4200-803f-4b20ebe23dcb.tmp</t>
  </si>
  <si>
    <t>\\acsfs\profiles$\gabrielamdp\Downloads\3c207ca2-900e-4200-803f-4b20ebe23dcb.tmp</t>
  </si>
  <si>
    <t>01/14/2020 14:00:30</t>
  </si>
  <si>
    <t>7b00114e-7f29-4494-8544-a07817c6af6b.tmp</t>
  </si>
  <si>
    <t>\\acsfs\profiles$\ingridsm\Downloads\7b00114e-7f29-4494-8544-a07817c6af6b.tmp</t>
  </si>
  <si>
    <t>01/14/2020 14:01:11</t>
  </si>
  <si>
    <t>b9bdf57c-590b-4444-96ee-a747927897a5.tmp</t>
  </si>
  <si>
    <t>\\acsfs\profiles$\ingridsm\Downloads\b9bdf57c-590b-4444-96ee-a747927897a5.tmp</t>
  </si>
  <si>
    <t>01/14/2020 14:03:17</t>
  </si>
  <si>
    <t>\\acsfs\QLD\Gestão por Processos\Oficiais\Indicadores\Automação de Processos\01 - APLICAÇÕES\09 - POWERBI\03 - BV\BASES\</t>
  </si>
  <si>
    <t>PAUSAS INTERVALO 08.01(2).xlsx</t>
  </si>
  <si>
    <t>\\acsfs\QLD\Gestão por Processos\Oficiais\Indicadores\Automação de Processos\01 - APLICAÇÕES\09 - POWERBI\03 - BV\BASES\PAUSAS INTERVALO 08.01(2).xlsx</t>
  </si>
  <si>
    <t>01/14/2020 14:01:28</t>
  </si>
  <si>
    <t>01/14/2020 14:06:37</t>
  </si>
  <si>
    <t>NICE 14.csv</t>
  </si>
  <si>
    <t>\\acsfs\ACS\001 - Qualidade Lilian\PAULO\Pasta Tainara\NICE 14.csv</t>
  </si>
  <si>
    <t>01/14/2020 14:03:20</t>
  </si>
  <si>
    <t>01/14/2020 14:06:02</t>
  </si>
  <si>
    <t>NICE14.xls</t>
  </si>
  <si>
    <t>\\acsfs\ACS\001 - Qualidade Lilian\PAULO\Pasta Tainara\NICE14.xls</t>
  </si>
  <si>
    <t>01/14/2020 14:03:01</t>
  </si>
  <si>
    <t>01/14/2020 14:03:29</t>
  </si>
  <si>
    <t>01/14/2020 14:03:33</t>
  </si>
  <si>
    <t>01/14/2020 14:03:34</t>
  </si>
  <si>
    <t>01/14/2020 14:05:16</t>
  </si>
  <si>
    <t>HENRIQUE CASSIANO OLIVEIRA_1_6778217193633032631_1_32.wav</t>
  </si>
  <si>
    <t>\\acsfs\Deptos\EDUCACAO EMPRESARIAL\KÉSIA\Ligações 2º ciclo - Janeiro 2020\HENRIQUE CASSIANO OLIVEIRA_1_6778217193633032631_1_32.wav</t>
  </si>
  <si>
    <t>01/14/2020 14:04:24</t>
  </si>
  <si>
    <t>01/14/2020 14:07:36</t>
  </si>
  <si>
    <t>f0702a5b-7e6b-4750-9ff5-d4a446a9ba50.tmp</t>
  </si>
  <si>
    <t>\\acsfs\profiles$\vivianalds\Downloads\f0702a5b-7e6b-4750-9ff5-d4a446a9ba50.tmp</t>
  </si>
  <si>
    <t>01/14/2020 14:05:22</t>
  </si>
  <si>
    <t>01/14/2020 14:02:37</t>
  </si>
  <si>
    <t>b4fb74c0-3cc2-4f97-893f-2e244247e130.tmp</t>
  </si>
  <si>
    <t>\\acsfs\profiles$\geovannasm\Downloads\b4fb74c0-3cc2-4f97-893f-2e244247e130.tmp</t>
  </si>
  <si>
    <t>01/14/2020 14:07:39</t>
  </si>
  <si>
    <t>01/14/2020 14:08:37</t>
  </si>
  <si>
    <t>01/14/2020 14:07:40</t>
  </si>
  <si>
    <t>lu131528f2ib.tmp</t>
  </si>
  <si>
    <t>\\acsfs\profiles$\LUCASBS\Planilhas\lu131528f2ib.tmp</t>
  </si>
  <si>
    <t>01/14/2020 14:04:06</t>
  </si>
  <si>
    <t>Lucas Gubert Pereira_1_6777780786301054316_1_32.wav</t>
  </si>
  <si>
    <t>\\acsfs\Deptos\EDUCACAO EMPRESARIAL\FERNANDA MONIT\Fernanda\MONITORIA JANEIRO\Ligação para MUTANT segundo ciclo janeiro\Lucas Gubert Pereira_1_6777780786301054316_1_32.wav</t>
  </si>
  <si>
    <t>01/14/2020 14:05:49</t>
  </si>
  <si>
    <t>mail.google.com/sync/u/0/i/s?hl=pt-BR&amp;c=449</t>
  </si>
  <si>
    <t>01/14/2020 14:05:52</t>
  </si>
  <si>
    <t>mail.google.com/sync/u/0/i/s?hl=pt-BR&amp;c=451</t>
  </si>
  <si>
    <t>01/14/2020 14:05:57</t>
  </si>
  <si>
    <t>mail.google.com/sync/u/0/i/s?hl=pt-BR&amp;c=453</t>
  </si>
  <si>
    <t>01/14/2020 14:07:07</t>
  </si>
  <si>
    <t>01/14/2020 14:09:36</t>
  </si>
  <si>
    <t>b976555a-1f61-4dde-abaa-7676df7d30e9.tmp</t>
  </si>
  <si>
    <t>\\acsfs\profiles$\gustavoab\Downloads\b976555a-1f61-4dde-abaa-7676df7d30e9.tmp</t>
  </si>
  <si>
    <t>01/14/2020 14:06:18</t>
  </si>
  <si>
    <t>01/14/2020 14:10:36</t>
  </si>
  <si>
    <t>PAUSAS INTERVALO 09.01.xlsx</t>
  </si>
  <si>
    <t>\\acsfs\QLD\Gestão por Processos\Oficiais\Indicadores\Automação de Processos\01 - APLICAÇÕES\09 - POWERBI\03 - BV\BASES\PAUSAS INTERVALO 09.01.xlsx</t>
  </si>
  <si>
    <t>01/14/2020 14:09:04</t>
  </si>
  <si>
    <t>PAUSAS INTERVALO 10.01.xlsx</t>
  </si>
  <si>
    <t>\\acsfs\QLD\Gestão por Processos\Oficiais\Indicadores\Automação de Processos\01 - APLICAÇÕES\09 - POWERBI\03 - BV\BASES\PAUSAS INTERVALO 10.01.xlsx</t>
  </si>
  <si>
    <t>01/14/2020 14:11:36</t>
  </si>
  <si>
    <t>01/14/2020 14:08:01</t>
  </si>
  <si>
    <t>01/14/2020 14:08:31</t>
  </si>
  <si>
    <t>01/14/2020 14:09:02</t>
  </si>
  <si>
    <t>01/14/2020 14:12:36</t>
  </si>
  <si>
    <t>01/14/2020 14:12:17</t>
  </si>
  <si>
    <t>01/14/2020 14:13:36</t>
  </si>
  <si>
    <t>35c469c7-1caa-496c-ba7d-a230df9382f5.tmp</t>
  </si>
  <si>
    <t>\\acsfs\profiles$\layonmof\Downloads\35c469c7-1caa-496c-ba7d-a230df9382f5.tmp</t>
  </si>
  <si>
    <t>01/14/2020 14:11:10</t>
  </si>
  <si>
    <t>mail.google.com/sync/u/0/i/s?hl=pt-BR&amp;c=458</t>
  </si>
  <si>
    <t>01/14/2020 14:11:14</t>
  </si>
  <si>
    <t>mail.google.com/sync/u/0/i/s?hl=pt-BR&amp;c=460</t>
  </si>
  <si>
    <t>01/14/2020 14:11:31</t>
  </si>
  <si>
    <t>mail.google.com/sync/u/0/i/s?hl=pt-BR&amp;c=462</t>
  </si>
  <si>
    <t>01/14/2020 14:12:35</t>
  </si>
  <si>
    <t>mail.google.com/sync/u/0/i/s?hl=pt-BR&amp;c=466</t>
  </si>
  <si>
    <t>01/14/2020 14:12:54</t>
  </si>
  <si>
    <t>mail.google.com/sync/u/0/i/s?hl=pt-BR&amp;c=469</t>
  </si>
  <si>
    <t>01/14/2020 14:12:57</t>
  </si>
  <si>
    <t>mail.google.com/sync/u/0/i/s?hl=pt-BR&amp;c=471</t>
  </si>
  <si>
    <t>01/14/2020 14:12:20</t>
  </si>
  <si>
    <t>01/14/2020 14:15:37</t>
  </si>
  <si>
    <t>922b54f8-8148-4cdb-afdb-55bf6718303a.tmp</t>
  </si>
  <si>
    <t>\\acsfs\profiles$\gabrielamdp\Downloads\922b54f8-8148-4cdb-afdb-55bf6718303a.tmp</t>
  </si>
  <si>
    <t>01/14/2020 14:12:05</t>
  </si>
  <si>
    <t>PAINEL DE CONTROLE 07.01(2).xlsx</t>
  </si>
  <si>
    <t>\\acsfs\QLD\Gestão por Processos\Oficiais\Indicadores\Automação de Processos\01 - APLICAÇÕES\09 - POWERBI\03 - BV\BASES\PAINEL DE CONTROLE 07.01(2).xlsx</t>
  </si>
  <si>
    <t>01/14/2020 14:11:18</t>
  </si>
  <si>
    <t>01/14/2020 14:16:37</t>
  </si>
  <si>
    <t>01/14/2020 14:13:34</t>
  </si>
  <si>
    <t>01/14/2020 14:16:05</t>
  </si>
  <si>
    <t>01/14/2020 14:14:58</t>
  </si>
  <si>
    <t>01/14/2020 14:17:38</t>
  </si>
  <si>
    <t>266f93da-d10b-47aa-a210-2dc425394c12.tmp</t>
  </si>
  <si>
    <t>\\acsfs\profiles$\JOAOVAL\Downloads\266f93da-d10b-47aa-a210-2dc425394c12.tmp</t>
  </si>
  <si>
    <t>01/14/2020 14:15:26</t>
  </si>
  <si>
    <t>Não confirmado 339620.crdownload</t>
  </si>
  <si>
    <t>\\acsfs\Deptos\Operacao\Banco_Votorantim\Supervisao\Maristela\CRBV vendas\Desligamento\Não confirmado 339620.crdownload</t>
  </si>
  <si>
    <t>01/14/2020 14:15:47</t>
  </si>
  <si>
    <t>Não confirmado 567041.crdownload</t>
  </si>
  <si>
    <t>\\acsfs\Deptos\Operacao\Banco_Votorantim\Supervisao\Maristela\CRBV vendas\Desligamento\Não confirmado 567041.crdownload</t>
  </si>
  <si>
    <t>\\acsfs\Deptos\Operacao\Banco_Votorantim\Supervisao\Maristela\CRBV vendas\Desligamento\Não confirmado 567041.crdownload\</t>
  </si>
  <si>
    <t>01/14/2020 14:13:07</t>
  </si>
  <si>
    <t>01/14/2020 14:18:37</t>
  </si>
  <si>
    <t>6914e6fb-e0f0-4fe6-8a1a-2e0d41bcf5c1.tmp</t>
  </si>
  <si>
    <t>\\acsfs\profiles$\layonmof\Downloads\6914e6fb-e0f0-4fe6-8a1a-2e0d41bcf5c1.tmp</t>
  </si>
  <si>
    <t>01/14/2020 14:13:19</t>
  </si>
  <si>
    <t>c923a638-6750-4a76-86f7-e1f00020a210.tmp</t>
  </si>
  <si>
    <t>\\acsfs\profiles$\layonmof\Downloads\c923a638-6750-4a76-86f7-e1f00020a210.tmp</t>
  </si>
  <si>
    <t>01/14/2020 14:14:17</t>
  </si>
  <si>
    <t>4367cc6e-3ec8-48f7-a91a-1060348fae46.tmp</t>
  </si>
  <si>
    <t>\\acsfs\profiles$\layonmof\Downloads\4367cc6e-3ec8-48f7-a91a-1060348fae46.tmp</t>
  </si>
  <si>
    <t>01/14/2020 14:17:31</t>
  </si>
  <si>
    <t>26a3878b-2830-42c2-ad4c-091e7b510b18.tmp</t>
  </si>
  <si>
    <t>\\acsfs\profiles$\layonmof\Downloads\26a3878b-2830-42c2-ad4c-091e7b510b18.tmp</t>
  </si>
  <si>
    <t>01/14/2020 14:17:08</t>
  </si>
  <si>
    <t>01/14/2020 14:13:01</t>
  </si>
  <si>
    <t>mail.google.com/sync/u/0/i/s?hl=pt-BR&amp;c=473</t>
  </si>
  <si>
    <t>01/14/2020 14:13:08</t>
  </si>
  <si>
    <t>mail.google.com/sync/u/0/i/s?hl=pt-BR&amp;c=475</t>
  </si>
  <si>
    <t>01/14/2020 14:13:41</t>
  </si>
  <si>
    <t>mail.google.com/sync/u/0/i/s?hl=pt-BR&amp;c=478</t>
  </si>
  <si>
    <t>01/14/2020 14:13:45</t>
  </si>
  <si>
    <t>mail.google.com/sync/u/0/i/s?hl=pt-BR&amp;c=481</t>
  </si>
  <si>
    <t>01/14/2020 14:13:56</t>
  </si>
  <si>
    <t>mail.google.com/sync/u/0/i/s?hl=pt-BR&amp;c=483</t>
  </si>
  <si>
    <t>01/14/2020 14:13:59</t>
  </si>
  <si>
    <t>mail.google.com/sync/u/0/i/s?hl=pt-BR&amp;c=485</t>
  </si>
  <si>
    <t>01/14/2020 14:14:02</t>
  </si>
  <si>
    <t>mail.google.com/sync/u/0/i/s?hl=pt-BR&amp;c=487</t>
  </si>
  <si>
    <t>01/14/2020 14:14:09</t>
  </si>
  <si>
    <t>01/14/2020 14:14:16</t>
  </si>
  <si>
    <t>01/14/2020 14:16:56</t>
  </si>
  <si>
    <t>mail.google.com/sync/u/0/i/s?hl=pt-BR&amp;c=496</t>
  </si>
  <si>
    <t>01/14/2020 14:17:04</t>
  </si>
  <si>
    <t>mail.google.com/sync/u/0/i/s?hl=pt-BR&amp;c=500</t>
  </si>
  <si>
    <t>01/14/2020 14:17:11</t>
  </si>
  <si>
    <t>mail.google.com/sync/u/0/i/s?hl=pt-BR&amp;c=502</t>
  </si>
  <si>
    <t>01/14/2020 14:17:14</t>
  </si>
  <si>
    <t>01/14/2020 14:17:16</t>
  </si>
  <si>
    <t>01/14/2020 14:17:28</t>
  </si>
  <si>
    <t>01/14/2020 14:17:33</t>
  </si>
  <si>
    <t>01/14/2020 14:17:43</t>
  </si>
  <si>
    <t>01/14/2020 14:17:22</t>
  </si>
  <si>
    <t>9028f97f-027e-4fef-b490-64fc833fcfe3.tmp</t>
  </si>
  <si>
    <t>\\acsfs\profiles$\gabrielsma\Downloads\9028f97f-027e-4fef-b490-64fc833fcfe3.tmp</t>
  </si>
  <si>
    <t>01/14/2020 14:17:32</t>
  </si>
  <si>
    <t>rptEquipesAuditoria.csv.crdownload</t>
  </si>
  <si>
    <t>\\acsfs\ACS\Gabriel da Silva\Contemporânea\rptEquipesAuditoria.csv.crdownload</t>
  </si>
  <si>
    <t>01/14/2020 14:16:50</t>
  </si>
  <si>
    <t>82b55cf4-b063-43c0-9631-7524b3647645.tmp</t>
  </si>
  <si>
    <t>\\acsfs\profiles$\fabianafv\Downloads\82b55cf4-b063-43c0-9631-7524b3647645.tmp</t>
  </si>
  <si>
    <t>01/14/2020 14:16:04</t>
  </si>
  <si>
    <t>lu314203qhuut.tmp</t>
  </si>
  <si>
    <t>\\acsfs\profiles$\jalilebds\Downloads\lu314203qhuut.tmp</t>
  </si>
  <si>
    <t>01/14/2020 14:19:37</t>
  </si>
  <si>
    <t>01/14/2020 14:18:56</t>
  </si>
  <si>
    <t>ed1afaaf-115b-4f99-86ef-673efbf69280.tmp</t>
  </si>
  <si>
    <t>\\acsfs\profiles$\brendadsl\Downloads\ed1afaaf-115b-4f99-86ef-673efbf69280.tmp</t>
  </si>
  <si>
    <t>01/14/2020 14:15:49</t>
  </si>
  <si>
    <t>01/14/2020 14:16:18</t>
  </si>
  <si>
    <t>01/14/2020 14:16:19</t>
  </si>
  <si>
    <t>lu20184dh20a.tmp</t>
  </si>
  <si>
    <t>\\acsfs\profiles$\paulovadc\lu20184dh20a.tmp</t>
  </si>
  <si>
    <t>\\acsfs\profiles$\paulovadc\lu20184dh20a.tmp\</t>
  </si>
  <si>
    <t>\\acsfs\profiles$\paulovadc\lu20184dh20a.tmp\META-INF\</t>
  </si>
  <si>
    <t>\\acsfs\profiles$\paulovadc\lu20184dh20a.tmp\Thumbnails\</t>
  </si>
  <si>
    <t>01/14/2020 14:20:37</t>
  </si>
  <si>
    <t>01/14/2020 14:18:15</t>
  </si>
  <si>
    <t>lu1414411n7dw.tmp</t>
  </si>
  <si>
    <t>\\acsfs\profiles$\luanarda\lu1414411n7dw.tmp</t>
  </si>
  <si>
    <t>\\acsfs\profiles$\luanarda\lu1414411n7dw.tmp\</t>
  </si>
  <si>
    <t>\\acsfs\profiles$\luanarda\lu1414411n7dw.tmp\META-INF\</t>
  </si>
  <si>
    <t>01/14/2020 14:16:39</t>
  </si>
  <si>
    <t>INTRADIARIO 07.01(2).xlsx</t>
  </si>
  <si>
    <t>\\acsfs\QLD\Gestão por Processos\Oficiais\Indicadores\Automação de Processos\01 - APLICAÇÕES\09 - POWERBI\03 - BV\BASES\INTRADIARIO 07.01(2).xlsx</t>
  </si>
  <si>
    <t>01/14/2020 14:18:43</t>
  </si>
  <si>
    <t>INTRADIARIO 08.01 (2).xlsx</t>
  </si>
  <si>
    <t>\\acsfs\QLD\Gestão por Processos\Oficiais\Indicadores\Automação de Processos\01 - APLICAÇÕES\09 - POWERBI\03 - BV\BASES\INTRADIARIO 08.01 (2).xlsx</t>
  </si>
  <si>
    <t>\\acsfs\profiles$\luanarda\lu1414411n7dw.tmp\Thumbnails\</t>
  </si>
  <si>
    <t>01/14/2020 14:19:08</t>
  </si>
  <si>
    <t>01/14/2020 14:21:37</t>
  </si>
  <si>
    <t>01/14/2020 14:19:38</t>
  </si>
  <si>
    <t>01/14/2020 14:20:08</t>
  </si>
  <si>
    <t>01/14/2020 14:17:52</t>
  </si>
  <si>
    <t>KARLA BARBOSA DA SILVA_1_6778221059103599652_1_32.wav</t>
  </si>
  <si>
    <t>\\acsfs\Deptos\EDUCACAO EMPRESARIAL\KÉSIA\Ligações 2º ciclo - Janeiro 2020\KARLA BARBOSA DA SILVA_1_6778221059103599652_1_32.wav</t>
  </si>
  <si>
    <t>01/14/2020 14:17:57</t>
  </si>
  <si>
    <t>01/14/2020 14:22:37</t>
  </si>
  <si>
    <t>41c21c67-4b6b-40f6-adc4-cc94bef2d0bc.tmp</t>
  </si>
  <si>
    <t>\\acsfs\profiles$\JOAOVAL\Downloads\41c21c67-4b6b-40f6-adc4-cc94bef2d0bc.tmp</t>
  </si>
  <si>
    <t>01/14/2020 14:17:20</t>
  </si>
  <si>
    <t>Não confirmado 358891.crdownload</t>
  </si>
  <si>
    <t>\\acsfs\Deptos\Operacao\Banco_Votorantim\Supervisao\Maristela\CRBV vendas\Desligamento\Não confirmado 358891.crdownload</t>
  </si>
  <si>
    <t>Formulario Carla 1.zip</t>
  </si>
  <si>
    <t>\\acsfs\Deptos\Operacao\Banco_Votorantim\Supervisao\Maristela\CRBV vendas\Desligamento\Formulario Carla 1.zip</t>
  </si>
  <si>
    <t>\\acsfs\Deptos\Operacao\Banco_Votorantim\Supervisao\Maristela\CRBV vendas\Desligamento\Formulario Carla 1.zip\</t>
  </si>
  <si>
    <t>Formulario Carla 1.pdf</t>
  </si>
  <si>
    <t>Formulario Carla.pdf</t>
  </si>
  <si>
    <t>01/14/2020 14:21:14</t>
  </si>
  <si>
    <t>b6312a55-fd65-4e99-a5f9-d4b66716bbc3.tmp</t>
  </si>
  <si>
    <t>\\acsfs\profiles$\ayalabfi\Downloads\b6312a55-fd65-4e99-a5f9-d4b66716bbc3.tmp</t>
  </si>
  <si>
    <t>01/14/2020 14:23:37</t>
  </si>
  <si>
    <t>e605bc8f-f005-4ebf-975b-4b79c57f59cb.tmp</t>
  </si>
  <si>
    <t>\\acsfs\profiles$\philipegsf\Downloads\e605bc8f-f005-4ebf-975b-4b79c57f59cb.tmp</t>
  </si>
  <si>
    <t>01/14/2020 14:20:33</t>
  </si>
  <si>
    <t>3bc989c3-1162-410c-b3ae-83d35509f81d.tmp</t>
  </si>
  <si>
    <t>\\acsfs\profiles$\philipegsf\Downloads\3bc989c3-1162-410c-b3ae-83d35509f81d.tmp</t>
  </si>
  <si>
    <t>01/14/2020 14:20:24</t>
  </si>
  <si>
    <t>01/14/2020 14:21:46</t>
  </si>
  <si>
    <t>MARLYANNE GONCALVES DE LIMA SILVA_1_6777963073303027774_1_32.wav</t>
  </si>
  <si>
    <t>\\acsfs\Deptos\EDUCACAO EMPRESARIAL\FERNANDA MONIT\Fernanda\MONITORIA JANEIRO\Ligação para MUTANT segundo ciclo janeiro\MARLYANNE GONCALVES DE LIMA SILVA_1_6777963073303027774_1_32.wav</t>
  </si>
  <si>
    <t>01/14/2020 14:18:08</t>
  </si>
  <si>
    <t>f0fd1675-f01a-4d3e-8d29-378b6795dc03.tmp</t>
  </si>
  <si>
    <t>\\acsfs\profiles$\gabrielsma\Downloads\f0fd1675-f01a-4d3e-8d29-378b6795dc03.tmp</t>
  </si>
  <si>
    <t>01/14/2020 14:18:11</t>
  </si>
  <si>
    <t>\\acsfs\ACS\Gabriel da Silva\Contemporânea\Q29udHJvbGxlci5BQ09NLVNvdUJWXzE-.ica.crdownload</t>
  </si>
  <si>
    <t>01/14/2020 14:20:26</t>
  </si>
  <si>
    <t>\\acsfs\ACS\Gabriel da Silva\Contemporânea\4E6256C8.tmp\</t>
  </si>
  <si>
    <t>\\acsfs\ACS\Gabriel da Silva\Contemporânea\4E6256C8.tmp\:Zone.Identifier:$DATA</t>
  </si>
  <si>
    <t>01/14/2020 14:20:28</t>
  </si>
  <si>
    <t>01/14/2020 14:18:49</t>
  </si>
  <si>
    <t>07630912-b4f1-42cd-a074-bed17f27622b.tmp</t>
  </si>
  <si>
    <t>\\acsfs\profiles$\fabianafv\Downloads\07630912-b4f1-42cd-a074-bed17f27622b.tmp</t>
  </si>
  <si>
    <t>01/14/2020 14:21:48</t>
  </si>
  <si>
    <t>b483a6d4-59e5-4106-9f18-885ed2082df6.tmp</t>
  </si>
  <si>
    <t>\\acsfs\profiles$\fabianafv\Downloads\b483a6d4-59e5-4106-9f18-885ed2082df6.tmp</t>
  </si>
  <si>
    <t>01/14/2020 14:24:30</t>
  </si>
  <si>
    <t>01/14/2020 14:25:37</t>
  </si>
  <si>
    <t>PAUSAS INTERVALO 07.01(2).xlsx</t>
  </si>
  <si>
    <t>\\acsfs\QLD\Gestão por Processos\Oficiais\Indicadores\Automação de Processos\01 - APLICAÇÕES\09 - POWERBI\03 - BV\BASES\PAUSAS INTERVALO 07.01(2).xlsx</t>
  </si>
  <si>
    <t>01/14/2020 14:21:57</t>
  </si>
  <si>
    <t>01/14/2020 14:26:37</t>
  </si>
  <si>
    <t>mail.google.com/sync/u/0/i/s?hl=pt-BR&amp;c=1102</t>
  </si>
  <si>
    <t>andrelps@algartech.com;</t>
  </si>
  <si>
    <t>andrelps@algartech.com</t>
  </si>
  <si>
    <t>01/14/2020 14:22:04</t>
  </si>
  <si>
    <t>mail.google.com/sync/u/0/i/s?hl=pt-BR&amp;c=1104</t>
  </si>
  <si>
    <t>01/14/2020 14:24:41</t>
  </si>
  <si>
    <t>01/14/2020 14:25:11</t>
  </si>
  <si>
    <t>01/14/2020 14:27:37</t>
  </si>
  <si>
    <t>01/14/2020 14:26:19</t>
  </si>
  <si>
    <t>15281043-439b-4305-abe5-8eb91b1f1082.tmp</t>
  </si>
  <si>
    <t>\\acsfs\profiles$\geovannasm\Downloads\15281043-439b-4305-abe5-8eb91b1f1082.tmp</t>
  </si>
  <si>
    <t>01/14/2020 14:23:03</t>
  </si>
  <si>
    <t>01/14/2020 14:28:37</t>
  </si>
  <si>
    <t>01/14/2020 14:24:20</t>
  </si>
  <si>
    <t>mail.google.com/sync/u/0/i/s?hl=pt-BR&amp;c=532</t>
  </si>
  <si>
    <t>01/14/2020 14:24:22</t>
  </si>
  <si>
    <t>01/14/2020 14:24:27</t>
  </si>
  <si>
    <t>mail.google.com/sync/u/0/i/s?hl=pt-BR&amp;c=534</t>
  </si>
  <si>
    <t>01/14/2020 14:24:42</t>
  </si>
  <si>
    <t>01/14/2020 14:24:43</t>
  </si>
  <si>
    <t>01/14/2020 14:24:52</t>
  </si>
  <si>
    <t>mail.google.com/sync/u/0/i/s?hl=pt-BR&amp;c=539</t>
  </si>
  <si>
    <t>01/14/2020 14:24:57</t>
  </si>
  <si>
    <t>01/14/2020 14:24:59</t>
  </si>
  <si>
    <t>01/14/2020 14:25:05</t>
  </si>
  <si>
    <t>mail.google.com/sync/u/0/i/s?hl=pt-BR&amp;c=548</t>
  </si>
  <si>
    <t>01/14/2020 14:25:24</t>
  </si>
  <si>
    <t>mail.google.com/sync/u/0/i/s?hl=pt-BR&amp;c=550</t>
  </si>
  <si>
    <t>01/14/2020 14:25:34</t>
  </si>
  <si>
    <t>mail.google.com/sync/u/0/i/s?hl=pt-BR&amp;c=552</t>
  </si>
  <si>
    <t>01/14/2020 14:25:41</t>
  </si>
  <si>
    <t>01/14/2020 14:25:58</t>
  </si>
  <si>
    <t>01/14/2020 14:26:21</t>
  </si>
  <si>
    <t>01/14/2020 14:26:32</t>
  </si>
  <si>
    <t>01/14/2020 14:26:36</t>
  </si>
  <si>
    <t>01/14/2020 14:26:42</t>
  </si>
  <si>
    <t>01/14/2020 14:26:54</t>
  </si>
  <si>
    <t>01/14/2020 14:27:56</t>
  </si>
  <si>
    <t>01/14/2020 14:24:38</t>
  </si>
  <si>
    <t>791d6fdc-6bc8-4602-a63f-57916e149a03.tmp</t>
  </si>
  <si>
    <t>\\acsfs\profiles$\adelvinsonle\Downloads\791d6fdc-6bc8-4602-a63f-57916e149a03.tmp</t>
  </si>
  <si>
    <t>01/14/2020 14:28:31</t>
  </si>
  <si>
    <t>01/14/2020 14:29:37</t>
  </si>
  <si>
    <t>523952e2-3a42-46b1-9fae-20bac1a2e835.tmp</t>
  </si>
  <si>
    <t>\\acsfs\profiles$\leticiala\Downloads\523952e2-3a42-46b1-9fae-20bac1a2e835.tmp</t>
  </si>
  <si>
    <t>3b6fffca-11e8-408c-adee-416d6bb8b8b5.tmp</t>
  </si>
  <si>
    <t>\\acsfs\profiles$\victorgl\Downloads\3b6fffca-11e8-408c-adee-416d6bb8b8b5.tmp</t>
  </si>
  <si>
    <t>01/14/2020 14:25:31</t>
  </si>
  <si>
    <t>01/14/2020 14:25:32</t>
  </si>
  <si>
    <t>lu96562f09q.tmp</t>
  </si>
  <si>
    <t>\\acsfs\profiles$\CLAUDIAJCA\lu96562f09q.tmp</t>
  </si>
  <si>
    <t>\\acsfs\profiles$\CLAUDIAJCA\lu96562f09q.tmp\</t>
  </si>
  <si>
    <t>\\acsfs\profiles$\CLAUDIAJCA\lu96562f09q.tmp\META-INF\</t>
  </si>
  <si>
    <t>\\acsfs\profiles$\CLAUDIAJCA\lu96562f09q.tmp\Thumbnails\</t>
  </si>
  <si>
    <t>01/14/2020 14:26:02</t>
  </si>
  <si>
    <t>01/14/2020 14:30:38</t>
  </si>
  <si>
    <t>01/14/2020 14:27:21</t>
  </si>
  <si>
    <t>01/14/2020 14:30:12</t>
  </si>
  <si>
    <t>INTRADIARIO 09.01.xlsx</t>
  </si>
  <si>
    <t>\\acsfs\QLD\Gestão por Processos\Oficiais\Indicadores\Automação de Processos\01 - APLICAÇÕES\09 - POWERBI\03 - BV\BASES\INTRADIARIO 09.01.xlsx</t>
  </si>
  <si>
    <t>01/14/2020 14:28:13</t>
  </si>
  <si>
    <t>01/14/2020 14:31:37</t>
  </si>
  <si>
    <t>01/14/2020 14:28:43</t>
  </si>
  <si>
    <t>01/14/2020 14:29:13</t>
  </si>
  <si>
    <t>01/14/2020 14:26:30</t>
  </si>
  <si>
    <t>lu129401e8t5.tmp</t>
  </si>
  <si>
    <t>\\acsfs\profiles$\LUISPLS\My Documents\Nova pasta\lu129401e8t5.tmp</t>
  </si>
  <si>
    <t>\\acsfs\profiles$\LUISPLS\My Documents\Nova pasta\lu129401e8t5.tmp\</t>
  </si>
  <si>
    <t>\\acsfs\profiles$\LUISPLS\My Documents\Nova pasta\lu129401e8t5.tmp\META-INF\</t>
  </si>
  <si>
    <t>\\acsfs\profiles$\LUISPLS\My Documents\Nova pasta\lu129401e8t5.tmp\Thumbnails\</t>
  </si>
  <si>
    <t>01/14/2020 14:28:49</t>
  </si>
  <si>
    <t>MATHEUS MARTINS ANANIAS XAVIER_1_6777415413433181897_1_32.wav</t>
  </si>
  <si>
    <t>\\acsfs\Deptos\EDUCACAO EMPRESARIAL\KÉSIA\Ligações 2º ciclo - Janeiro 2020\MATHEUS MARTINS ANANIAS XAVIER_1_6777415413433181897_1_32.wav</t>
  </si>
  <si>
    <t>01/14/2020 14:32:38</t>
  </si>
  <si>
    <t>01/14/2020 14:28:08</t>
  </si>
  <si>
    <t>01/14/2020 14:33:37</t>
  </si>
  <si>
    <t>01/14/2020 14:30:26</t>
  </si>
  <si>
    <t>Base de Vendas_Novembro.19.xlsm</t>
  </si>
  <si>
    <t>\\acsfs\ACS\Gabriel da Silva\Contemporânea\Base de Vendas_Novembro.19.xlsm</t>
  </si>
  <si>
    <t>01/14/2020 14:29:12</t>
  </si>
  <si>
    <t>01/14/2020 14:29:31</t>
  </si>
  <si>
    <t>01/14/2020 14:29:44</t>
  </si>
  <si>
    <t>mail.google.com/sync/u/0/i/s?hl=pt-BR&amp;c=582</t>
  </si>
  <si>
    <t>01/14/2020 14:30:08</t>
  </si>
  <si>
    <t>mail.google.com/sync/u/0/i/s?hl=pt-BR&amp;c=587</t>
  </si>
  <si>
    <t>01/14/2020 14:30:24</t>
  </si>
  <si>
    <t>mail.google.com/sync/u/0/i/s?hl=pt-BR&amp;c=589</t>
  </si>
  <si>
    <t>01/14/2020 14:29:07</t>
  </si>
  <si>
    <t>01/14/2020 14:29:08</t>
  </si>
  <si>
    <t>lu314203qhuv0.tmp</t>
  </si>
  <si>
    <t>\\acsfs\profiles$\jalilebds\Downloads\lu314203qhuv0.tmp</t>
  </si>
  <si>
    <t>01/14/2020 14:30:15</t>
  </si>
  <si>
    <t>01/14/2020 14:34:38</t>
  </si>
  <si>
    <t>2ba70219-fa40-4eb4-a4f1-670aaf3ab043.tmp</t>
  </si>
  <si>
    <t>\\acsfs\profiles$\lorraynevam\Downloads\2ba70219-fa40-4eb4-a4f1-670aaf3ab043.tmp</t>
  </si>
  <si>
    <t>01/14/2020 14:32:36</t>
  </si>
  <si>
    <t>15ca64ae-9a2f-4201-9efc-7726abe58f44.tmp</t>
  </si>
  <si>
    <t>\\acsfs\profiles$\claudiajca\Downloads\15ca64ae-9a2f-4201-9efc-7726abe58f44.tmp</t>
  </si>
  <si>
    <t>01/14/2020 14:32:33</t>
  </si>
  <si>
    <t>01/14/2020 14:35:37</t>
  </si>
  <si>
    <t>01/14/2020 14:32:34</t>
  </si>
  <si>
    <t>lu10376xcz8i.tmp</t>
  </si>
  <si>
    <t>\\acsfs\profiles$\victoriaksr\Downloads\lu10376xcz8i.tmp</t>
  </si>
  <si>
    <t>01/14/2020 14:36:37</t>
  </si>
  <si>
    <t>01/14/2020 14:33:42</t>
  </si>
  <si>
    <t>cdc.PNG</t>
  </si>
  <si>
    <t>\\acsfs\ACS\001 - Qualidade Lilian\PAULO\Pasta Tainara\cdc.PNG</t>
  </si>
  <si>
    <t>01/14/2020 14:34:12</t>
  </si>
  <si>
    <t>sac.PNG</t>
  </si>
  <si>
    <t>\\acsfs\ACS\001 - Qualidade Lilian\PAULO\Pasta Tainara\sac.PNG</t>
  </si>
  <si>
    <t>01/14/2020 14:34:34</t>
  </si>
  <si>
    <t>consig.PNG</t>
  </si>
  <si>
    <t>\\acsfs\ACS\001 - Qualidade Lilian\PAULO\Pasta Tainara\consig.PNG</t>
  </si>
  <si>
    <t>01/14/2020 14:34:55</t>
  </si>
  <si>
    <t>chat.PNG</t>
  </si>
  <si>
    <t>\\acsfs\ACS\001 - Qualidade Lilian\PAULO\Pasta Tainara\chat.PNG</t>
  </si>
  <si>
    <t>01/14/2020 14:37:37</t>
  </si>
  <si>
    <t>01/14/2020 14:32:40</t>
  </si>
  <si>
    <t>01/14/2020 14:33:10</t>
  </si>
  <si>
    <t>01/14/2020 14:38:37</t>
  </si>
  <si>
    <t>03c576ff-d927-470d-939a-0c4d98ac74c4.tmp</t>
  </si>
  <si>
    <t>\\acsfs\profiles$\LUCASBS\Downloads\03c576ff-d927-470d-939a-0c4d98ac74c4.tmp</t>
  </si>
  <si>
    <t>01/14/2020 14:35:39</t>
  </si>
  <si>
    <t>36ec5c00-2ed8-4aaa-96f8-9b46b682a67c.tmp</t>
  </si>
  <si>
    <t>\\acsfs\profiles$\layonmof\Downloads\36ec5c00-2ed8-4aaa-96f8-9b46b682a67c.tmp</t>
  </si>
  <si>
    <t>01/14/2020 14:34:29</t>
  </si>
  <si>
    <t>C:\Users\gabrielsma\</t>
  </si>
  <si>
    <t>Pesquisa_Satisfação_1301.xlsx</t>
  </si>
  <si>
    <t>\\acsfs\ACS\Gabriel da Silva\Contemporânea\NPS\NPS_Voz\Janeiro.20\Pesquisa_Satisfação_1301.xlsx</t>
  </si>
  <si>
    <t>01/14/2020 14:34:05</t>
  </si>
  <si>
    <t>ROGERIO FONSECA DUARTE_1_6776860310385003521_1_32.wav</t>
  </si>
  <si>
    <t>\\acsfs\Deptos\EDUCACAO EMPRESARIAL\FERNANDA MONIT\Fernanda\MONITORIA JANEIRO\Ligação para MUTANT segundo ciclo janeiro\ROGERIO FONSECA DUARTE_1_6776860310385003521_1_32.wav</t>
  </si>
  <si>
    <t>01/14/2020 14:35:36</t>
  </si>
  <si>
    <t>01/14/2020 14:35:43</t>
  </si>
  <si>
    <t>mail.google.com/sync/u/0/i/s?hl=pt-BR&amp;c=599</t>
  </si>
  <si>
    <t>01/14/2020 14:35:50</t>
  </si>
  <si>
    <t>01/14/2020 14:36:07</t>
  </si>
  <si>
    <t>01/14/2020 14:38:26</t>
  </si>
  <si>
    <t>01/14/2020 14:38:27</t>
  </si>
  <si>
    <t>lu314203qhuv3.tmp</t>
  </si>
  <si>
    <t>\\acsfs\profiles$\jalilebds\Downloads\lu314203qhuv3.tmp</t>
  </si>
  <si>
    <t>01/14/2020 14:40:37</t>
  </si>
  <si>
    <t>01/14/2020 14:38:57</t>
  </si>
  <si>
    <t>d928a091-9fc1-42c5-a936-91934a0b71f9.tmp</t>
  </si>
  <si>
    <t>\\acsfs\profiles$\gabrielamdp\Downloads\d928a091-9fc1-42c5-a936-91934a0b71f9.tmp</t>
  </si>
  <si>
    <t>01/14/2020 14:41:37</t>
  </si>
  <si>
    <t>01/14/2020 14:37:19</t>
  </si>
  <si>
    <t>01/14/2020 14:38:20</t>
  </si>
  <si>
    <t>01/14/2020 14:36:09</t>
  </si>
  <si>
    <t>0fb4856a-2337-43d5-b5ed-768569aceb30.tmp</t>
  </si>
  <si>
    <t>\\acsfs\profiles$\erichds\Downloads\0fb4856a-2337-43d5-b5ed-768569aceb30.tmp</t>
  </si>
  <si>
    <t>01/14/2020 14:38:05</t>
  </si>
  <si>
    <t>ed54db63-e0f3-40b1-a0db-89855e7579db.tmp</t>
  </si>
  <si>
    <t>\\acsfs\profiles$\erichds\Downloads\ed54db63-e0f3-40b1-a0db-89855e7579db.tmp</t>
  </si>
  <si>
    <t>01/14/2020 14:39:38</t>
  </si>
  <si>
    <t>01/14/2020 14:42:37</t>
  </si>
  <si>
    <t>01/14/2020 14:42:59</t>
  </si>
  <si>
    <t>01/14/2020 14:43:37</t>
  </si>
  <si>
    <t>e2985f1d-49ba-419b-95ef-8dbefcf7fde9.tmp</t>
  </si>
  <si>
    <t>\\acsfs\profiles$\gabrielhca\Downloads\e2985f1d-49ba-419b-95ef-8dbefcf7fde9.tmp</t>
  </si>
  <si>
    <t>01/14/2020 14:44:37</t>
  </si>
  <si>
    <t>01/14/2020 14:43:12</t>
  </si>
  <si>
    <t>cd2669ee-7a80-4cec-85ca-bc60f962b642.tmp</t>
  </si>
  <si>
    <t>\\acsfs\profiles$\anafsb\Downloads\cd2669ee-7a80-4cec-85ca-bc60f962b642.tmp</t>
  </si>
  <si>
    <t>01/14/2020 14:41:01</t>
  </si>
  <si>
    <t>10.200.66.94</t>
  </si>
  <si>
    <t>34-E6-D7-FC-BF-1F</t>
  </si>
  <si>
    <t>VOTORANT-ZB004</t>
  </si>
  <si>
    <t>\\acsfs\profiles$\websondsa\Contacts\</t>
  </si>
  <si>
    <t>WEBSON DA SILVA ARAUJO (3052).contact</t>
  </si>
  <si>
    <t>\\acsfs\profiles$\websondsa\Contacts\WEBSON DA SILVA ARAUJO (3052).contact</t>
  </si>
  <si>
    <t>01/14/2020 14:43:21</t>
  </si>
  <si>
    <t>.bat.txt</t>
  </si>
  <si>
    <t>\\acsfs\profiles$\websondsa\Downloads\.bat.txt</t>
  </si>
  <si>
    <t>01/14/2020 14:43:07</t>
  </si>
  <si>
    <t>bee28738-4ce6-4e96-9581-0773725abcbe.tmp</t>
  </si>
  <si>
    <t>\\acsfs\profiles$\victorgl\Downloads\bee28738-4ce6-4e96-9581-0773725abcbe.tmp</t>
  </si>
  <si>
    <t>01/14/2020 14:41:03</t>
  </si>
  <si>
    <t>01/14/2020 14:45:37</t>
  </si>
  <si>
    <t>01/14/2020 14:41:08</t>
  </si>
  <si>
    <t>01/14/2020 14:41:14</t>
  </si>
  <si>
    <t>01/14/2020 14:41:16</t>
  </si>
  <si>
    <t>01/14/2020 14:41:39</t>
  </si>
  <si>
    <t>01/14/2020 14:46:37</t>
  </si>
  <si>
    <t>01/14/2020 14:44:35</t>
  </si>
  <si>
    <t>01/14/2020 14:42:47</t>
  </si>
  <si>
    <t>01/14/2020 14:47:37</t>
  </si>
  <si>
    <t>01/14/2020 14:42:46</t>
  </si>
  <si>
    <t>01/14/2020 14:45:08</t>
  </si>
  <si>
    <t>01/14/2020 14:48:37</t>
  </si>
  <si>
    <t>01/14/2020 14:46:57</t>
  </si>
  <si>
    <t>b7329da6-aa23-4d9f-8712-82dd459e88b4.tmp</t>
  </si>
  <si>
    <t>\\acsfs\profiles$\LUCASBS\Downloads\b7329da6-aa23-4d9f-8712-82dd459e88b4.tmp</t>
  </si>
  <si>
    <t>01/14/2020 14:46:38</t>
  </si>
  <si>
    <t>\\acsfs\ACS\Gabriel da Silva\Contemporânea\NPS\A3F9A678.tmp\</t>
  </si>
  <si>
    <t>\\acsfs\ACS\Gabriel da Silva\Contemporânea\NPS\A3F9A678.tmp\:Zone.Identifier:$DATA</t>
  </si>
  <si>
    <t>01/14/2020 14:46:44</t>
  </si>
  <si>
    <t>01/14/2020 14:46:55</t>
  </si>
  <si>
    <t>01/14/2020 14:43:36</t>
  </si>
  <si>
    <t>mail.google.com/sync/u/0/i/s?hl=pt-BR&amp;c=611</t>
  </si>
  <si>
    <t>01/14/2020 14:45:13</t>
  </si>
  <si>
    <t>01/14/2020 14:45:20</t>
  </si>
  <si>
    <t>01/14/2020 14:47:29</t>
  </si>
  <si>
    <t>mail.google.com/sync/u/0/i/s?hl=pt-BR&amp;c=622</t>
  </si>
  <si>
    <t>01/14/2020 14:47:34</t>
  </si>
  <si>
    <t>mail.google.com/sync/u/0/i/s?hl=pt-BR&amp;c=624</t>
  </si>
  <si>
    <t>mail.google.com/sync/u/0/i/s?hl=pt-BR&amp;c=626</t>
  </si>
  <si>
    <t>01/14/2020 14:47:50</t>
  </si>
  <si>
    <t>01/14/2020 14:47:53</t>
  </si>
  <si>
    <t>01/14/2020 14:48:16</t>
  </si>
  <si>
    <t>7b891afa-32cd-465a-854b-d95ab9819f88.tmp</t>
  </si>
  <si>
    <t>\\acsfs\profiles$\KARENJSS\Downloads\7b891afa-32cd-465a-854b-d95ab9819f88.tmp</t>
  </si>
  <si>
    <t>01/14/2020 14:48:14</t>
  </si>
  <si>
    <t>a6b5f531-6841-4eb8-8023-407550aa835e.tmp</t>
  </si>
  <si>
    <t>\\acsfs\profiles$\fabianobmf\Downloads\a6b5f531-6841-4eb8-8023-407550aa835e.tmp</t>
  </si>
  <si>
    <t>01/14/2020 14:49:37</t>
  </si>
  <si>
    <t>lu17060vsant.tmp</t>
  </si>
  <si>
    <t>\\acsfs\profiles$\rafaelacdoc\lu17060vsant.tmp</t>
  </si>
  <si>
    <t>\\acsfs\profiles$\rafaelacdoc\lu17060vsant.tmp\</t>
  </si>
  <si>
    <t>\\acsfs\profiles$\rafaelacdoc\lu17060vsant.tmp\META-INF\</t>
  </si>
  <si>
    <t>\\acsfs\profiles$\rafaelacdoc\lu17060vsant.tmp\Thumbnails\</t>
  </si>
  <si>
    <t>01/14/2020 14:44:12</t>
  </si>
  <si>
    <t>erro.bat</t>
  </si>
  <si>
    <t>\\acsfs\profiles$\websondsa\My Documents\erro.bat</t>
  </si>
  <si>
    <t>01/14/2020 14:48:09</t>
  </si>
  <si>
    <t>2435e69e-e082-4f3b-b690-5da72b3130ea.tmp</t>
  </si>
  <si>
    <t>\\acsfs\profiles$\brunalas\Downloads\2435e69e-e082-4f3b-b690-5da72b3130ea.tmp</t>
  </si>
  <si>
    <t>01/14/2020 14:45:16</t>
  </si>
  <si>
    <t>01/14/2020 14:50:38</t>
  </si>
  <si>
    <t>11251591-5dd9-4bf6-a9aa-80ecdaa4dcb8.tmp</t>
  </si>
  <si>
    <t>\\acsfs\profiles$\ingridsm\Downloads\11251591-5dd9-4bf6-a9aa-80ecdaa4dcb8.tmp</t>
  </si>
  <si>
    <t>01/14/2020 14:46:12</t>
  </si>
  <si>
    <t>mail.google.com/sync/u/0/i/s?hl=pt-BR&amp;c=450</t>
  </si>
  <si>
    <t>01/14/2020 14:47:04</t>
  </si>
  <si>
    <t>mail.google.com/sync/u/0/i/s?hl=pt-BR&amp;c=461</t>
  </si>
  <si>
    <t>01/14/2020 14:47:08</t>
  </si>
  <si>
    <t>01/14/2020 14:47:12</t>
  </si>
  <si>
    <t>mail.google.com/sync/u/0/i/s?hl=pt-BR&amp;c=465</t>
  </si>
  <si>
    <t>01/14/2020 14:47:18</t>
  </si>
  <si>
    <t>mail.google.com/sync/u/0/i/s?hl=pt-BR&amp;c=468</t>
  </si>
  <si>
    <t>01/14/2020 14:47:24</t>
  </si>
  <si>
    <t>mail.google.com/sync/u/0/i/s?hl=pt-BR&amp;c=470</t>
  </si>
  <si>
    <t>01/14/2020 14:47:28</t>
  </si>
  <si>
    <t>mail.google.com/sync/u/0/i/s?hl=pt-BR&amp;c=472</t>
  </si>
  <si>
    <t>01/14/2020 14:47:59</t>
  </si>
  <si>
    <t>01/14/2020 14:48:11</t>
  </si>
  <si>
    <t>01/14/2020 14:48:41</t>
  </si>
  <si>
    <t>mail.google.com/sync/u/0/i/s?hl=pt-BR&amp;c=479</t>
  </si>
  <si>
    <t>01/14/2020 14:51:37</t>
  </si>
  <si>
    <t>01/14/2020 14:48:53</t>
  </si>
  <si>
    <t>01/14/2020 14:49:04</t>
  </si>
  <si>
    <t>01/14/2020 14:49:07</t>
  </si>
  <si>
    <t>01/14/2020 14:49:12</t>
  </si>
  <si>
    <t>01/14/2020 14:49:14</t>
  </si>
  <si>
    <t>01/14/2020 14:49:54</t>
  </si>
  <si>
    <t>01/14/2020 14:48:58</t>
  </si>
  <si>
    <t>1215d8a0-f14a-4c71-a2fa-d429323f9fe3.tmp</t>
  </si>
  <si>
    <t>\\acsfs\profiles$\isabellegtds\Downloads\1215d8a0-f14a-4c71-a2fa-d429323f9fe3.tmp</t>
  </si>
  <si>
    <t>01/14/2020 14:46:25</t>
  </si>
  <si>
    <t>01/14/2020 14:49:27</t>
  </si>
  <si>
    <t>01/14/2020 14:50:28</t>
  </si>
  <si>
    <t>01/14/2020 14:48:56</t>
  </si>
  <si>
    <t>PHILIPE GONCALVES SANTOS FERREIRA_1_6777769567846478095_1_32.wav</t>
  </si>
  <si>
    <t>\\acsfs\Deptos\EDUCACAO EMPRESARIAL\KÉSIA\Ligações 2º ciclo - Janeiro 2020\PHILIPE GONCALVES SANTOS FERREIRA_1_6777769567846478095_1_32.wav</t>
  </si>
  <si>
    <t>01/14/2020 14:52:37</t>
  </si>
  <si>
    <t>01/14/2020 14:50:16</t>
  </si>
  <si>
    <t>ad66b57b-50e3-4f15-a4c3-54c136b61f9a.tmp</t>
  </si>
  <si>
    <t>\\acsfs\profiles$\cintiadjl\Downloads\ad66b57b-50e3-4f15-a4c3-54c136b61f9a.tmp</t>
  </si>
  <si>
    <t>01/14/2020 14:50:19</t>
  </si>
  <si>
    <t>4da41a02-5cfa-4e66-94d5-500ffa1273e9.tmp</t>
  </si>
  <si>
    <t>\\acsfs\profiles$\cintiadjl\Downloads\4da41a02-5cfa-4e66-94d5-500ffa1273e9.tmp</t>
  </si>
  <si>
    <t>01/14/2020 14:49:28</t>
  </si>
  <si>
    <t>5d4bb882-06d4-4ae4-8d20-179a1a8013ed.tmp</t>
  </si>
  <si>
    <t>\\acsfs\profiles$\lucasgpe\Downloads\5d4bb882-06d4-4ae4-8d20-179a1a8013ed.tmp</t>
  </si>
  <si>
    <t>091cb8b6-f39b-4e52-92b1-3690d5bb79dd.tmp</t>
  </si>
  <si>
    <t>\\acsfs\profiles$\geovannasm\Downloads\091cb8b6-f39b-4e52-92b1-3690d5bb79dd.tmp</t>
  </si>
  <si>
    <t>01/14/2020 14:51:31</t>
  </si>
  <si>
    <t>01/14/2020 14:53:37</t>
  </si>
  <si>
    <t>c20a190c-6338-47e3-af73-90387f078e5b.tmp</t>
  </si>
  <si>
    <t>\\acsfs\profiles$\layonmof\Downloads\c20a190c-6338-47e3-af73-90387f078e5b.tmp</t>
  </si>
  <si>
    <t>01/14/2020 14:51:07</t>
  </si>
  <si>
    <t>\\acsfs\ACS\Gabriel da Silva\Contemporânea\NPS\B172A18A.tmp\</t>
  </si>
  <si>
    <t>\\acsfs\ACS\Gabriel da Silva\Contemporânea\NPS\B172A18A.tmp\:Zone.Identifier:$DATA</t>
  </si>
  <si>
    <t>01/14/2020 14:51:10</t>
  </si>
  <si>
    <t>01/14/2020 14:51:23</t>
  </si>
  <si>
    <t>01/14/2020 14:48:08</t>
  </si>
  <si>
    <t>01/14/2020 14:49:24</t>
  </si>
  <si>
    <t>01/14/2020 14:52:46</t>
  </si>
  <si>
    <t>01/14/2020 14:50:37</t>
  </si>
  <si>
    <t>208c5dea-ee6b-497c-a439-f33dcfdeadab.tmp</t>
  </si>
  <si>
    <t>\\acsfs\profiles$\fabianobmf\Downloads\208c5dea-ee6b-497c-a439-f33dcfdeadab.tmp</t>
  </si>
  <si>
    <t>01/14/2020 14:54:37</t>
  </si>
  <si>
    <t>01/14/2020 14:53:48</t>
  </si>
  <si>
    <t>1fb05ea5-d3de-4742-82f6-eac40aebda55.tmp</t>
  </si>
  <si>
    <t>\\acsfs\profiles$\rafaelacdoc\Downloads\1fb05ea5-d3de-4742-82f6-eac40aebda55.tmp</t>
  </si>
  <si>
    <t>01/14/2020 14:52:40</t>
  </si>
  <si>
    <t>01/14/2020 14:52:59</t>
  </si>
  <si>
    <t>01/14/2020 14:53:30</t>
  </si>
  <si>
    <t>9c319083-ec58-408e-9e19-cfee60a1dc77.tmp</t>
  </si>
  <si>
    <t>\\acsfs\profiles$\gabrielafs\Downloads\9c319083-ec58-408e-9e19-cfee60a1dc77.tmp</t>
  </si>
  <si>
    <t>01/14/2020 14:53:07</t>
  </si>
  <si>
    <t>alefl</t>
  </si>
  <si>
    <t>01/14/2020 14:53:09</t>
  </si>
  <si>
    <t>C:\Users\alinegs\Contacts\</t>
  </si>
  <si>
    <t>C:\Users\alinegs\Documents\</t>
  </si>
  <si>
    <t>C:\Users\alinegs\Downloads\</t>
  </si>
  <si>
    <t>C:\Users\alinegs\Favorites\</t>
  </si>
  <si>
    <t>C:\Users\alinegs\Links\</t>
  </si>
  <si>
    <t>C:\Users\alinegs\Music\</t>
  </si>
  <si>
    <t>C:\Users\alinegs\Pictures\</t>
  </si>
  <si>
    <t>C:\Users\alinegs\Saved Games\</t>
  </si>
  <si>
    <t>C:\Users\alinegs\Searches\</t>
  </si>
  <si>
    <t>C:\Users\alinegs\Videos\</t>
  </si>
  <si>
    <t>01/14/2020 14:53:10</t>
  </si>
  <si>
    <t>C:\Users\alinegs\Favorites\Links for Brasil\</t>
  </si>
  <si>
    <t>C:\Users\ayalabfi\Links\</t>
  </si>
  <si>
    <t>01/14/2020 14:53:11</t>
  </si>
  <si>
    <t>C:\Users\it.manager\Contacts\</t>
  </si>
  <si>
    <t>C:\Users\it.manager\Desktop\</t>
  </si>
  <si>
    <t>C:\Users\it.manager\Documents\</t>
  </si>
  <si>
    <t>C:\Users\it.manager\Downloads\</t>
  </si>
  <si>
    <t>C:\Users\it.manager\Favorites\</t>
  </si>
  <si>
    <t>C:\Users\it.manager\Links\</t>
  </si>
  <si>
    <t>C:\Users\it.manager\Music\</t>
  </si>
  <si>
    <t>C:\Users\it.manager\Pictures\</t>
  </si>
  <si>
    <t>C:\Users\it.manager\Saved Games\</t>
  </si>
  <si>
    <t>C:\Users\it.manager\Searches\</t>
  </si>
  <si>
    <t>C:\Users\it.manager\Videos\</t>
  </si>
  <si>
    <t>C:\Users\it.manager\Favorites\Links\</t>
  </si>
  <si>
    <t>C:\Users\it.manager\Favorites\Links for Brasil\</t>
  </si>
  <si>
    <t>01/14/2020 14:53:20</t>
  </si>
  <si>
    <t>C:\Users\wedersonbadr\Links\</t>
  </si>
  <si>
    <t>01/14/2020 14:53:22</t>
  </si>
  <si>
    <t>C:\Users\websondsa\Links\</t>
  </si>
  <si>
    <t>01/14/2020 14:53:44</t>
  </si>
  <si>
    <t>C:\Users\websondsa\</t>
  </si>
  <si>
    <t>wrar580.exe</t>
  </si>
  <si>
    <t>01/14/2020 14:53:52</t>
  </si>
  <si>
    <t>C:\Users\websondsa\documents\</t>
  </si>
  <si>
    <t>Atualiza WFM.lnk</t>
  </si>
  <si>
    <t>01/14/2020 14:53:54</t>
  </si>
  <si>
    <t>01/14/2020 14:54:05</t>
  </si>
  <si>
    <t>Desktop.lnk</t>
  </si>
  <si>
    <t>Downloads.lnk</t>
  </si>
  <si>
    <t>RecentPlaces.lnk</t>
  </si>
  <si>
    <t>01/14/2020 14:51:02</t>
  </si>
  <si>
    <t>fdab4d33-4e8b-4b4d-9fa6-42e4aa86620e.tmp</t>
  </si>
  <si>
    <t>\\acsfs\profiles$\henriqueco\Downloads\fdab4d33-4e8b-4b4d-9fa6-42e4aa86620e.tmp</t>
  </si>
  <si>
    <t>01/14/2020 14:52:05</t>
  </si>
  <si>
    <t>14b4c51a-0385-43fe-8d8a-2dd45821ab80.tmp</t>
  </si>
  <si>
    <t>\\acsfs\profiles$\henriqueco\Downloads\14b4c51a-0385-43fe-8d8a-2dd45821ab80.tmp</t>
  </si>
  <si>
    <t>01/14/2020 14:50:46</t>
  </si>
  <si>
    <t>4fda2445-f712-466a-939b-5d6cd9ef16c0.tmp</t>
  </si>
  <si>
    <t>\\acsfs\profiles$\brunalas\Downloads\4fda2445-f712-466a-939b-5d6cd9ef16c0.tmp</t>
  </si>
  <si>
    <t>01/14/2020 14:52:27</t>
  </si>
  <si>
    <t>01/14/2020 14:55:38</t>
  </si>
  <si>
    <t>8f059478-c0a0-4c5e-a8a4-6f841d2f0a3a.tmp</t>
  </si>
  <si>
    <t>\\acsfs\profiles$\gabrielamdp\Downloads\8f059478-c0a0-4c5e-a8a4-6f841d2f0a3a.tmp</t>
  </si>
  <si>
    <t>01/14/2020 14:56:37</t>
  </si>
  <si>
    <t>01/14/2020 14:50:52</t>
  </si>
  <si>
    <t>mail.google.com/sync/u/0/i/s?hl=pt-BR&amp;c=490</t>
  </si>
  <si>
    <t>01/14/2020 14:51:00</t>
  </si>
  <si>
    <t>mail.google.com/sync/u/0/i/s?hl=pt-BR&amp;c=492</t>
  </si>
  <si>
    <t>100014122394468;andrelpsa@algartech.com;catianalv@algartech.com;cpc-controldeskavon@algartech.com;joaogvc@algartech.com;joseasn@algartech.com;josiascdsj@algartech.com;leonardoao@algartech.com;lucianarsantos@algartech.com;marianadjc@algartech.com;maristelavodq@bv.algartech.com;paulacn@algartech.com;qualidadealgarbv@algartech.com;senildapdo@algartecnologia.com.br;supervisaobancovotorantim@algartech.com;taysdss@algartech.com;thiagolrc@bv.algartech.com;</t>
  </si>
  <si>
    <t>100014122394468,andrelpsa@algartech.com,catianalv@algartech.com,cpc-controldeskavon@algartech.com,joaogvc@algartech.com,joseasn@algartech.com,josiascdsj@algartech.com,leonardoao@algartech.com,lucianarsantos@algartech.com,marianadjc@algartech.com,maristelavodq@bv.algartech.com,paulacn@algartech.com,qualidadealgarbv@algartech.com,senildapdo@algartecnologia.com.br,supervisaobancovotorantim@algartech.com,taysdss@algartech.com,thiagolrc@bv.algartech.com</t>
  </si>
  <si>
    <t>mail.google.com/sync/u/0/i/s?hl=pt-BR&amp;c=495</t>
  </si>
  <si>
    <t>01/14/2020 14:50:58</t>
  </si>
  <si>
    <t>01/14/2020 14:51:28</t>
  </si>
  <si>
    <t>01/14/2020 14:54:00</t>
  </si>
  <si>
    <t>01/14/2020 14:54:09</t>
  </si>
  <si>
    <t>ROSILEIA MARIA DA CRUZ_1_6777777290197670216_1_32.wav</t>
  </si>
  <si>
    <t>\\acsfs\Deptos\EDUCACAO EMPRESARIAL\KÉSIA\Ligações 2º ciclo - Janeiro 2020\ROSILEIA MARIA DA CRUZ_1_6777777290197670216_1_32.wav</t>
  </si>
  <si>
    <t>01/14/2020 14:57:37</t>
  </si>
  <si>
    <t>01/14/2020 14:54:18</t>
  </si>
  <si>
    <t>fabianacscg@algartech.com;lilianls@algartech.com;qualidadealgarbv@algartech.com;</t>
  </si>
  <si>
    <t>fabianacscg@algartech.com,lilianls@algartech.com,qualidadealgarbv@algartech.com</t>
  </si>
  <si>
    <t>01/14/2020 14:54:38</t>
  </si>
  <si>
    <t>01/14/2020 14:55:00</t>
  </si>
  <si>
    <t>01/14/2020 14:55:03</t>
  </si>
  <si>
    <t>01/14/2020 14:55:26</t>
  </si>
  <si>
    <t>01/14/2020 14:55:45</t>
  </si>
  <si>
    <t>01/14/2020 14:53:56</t>
  </si>
  <si>
    <t>01/14/2020 14:56:39</t>
  </si>
  <si>
    <t>01/14/2020 14:55:17</t>
  </si>
  <si>
    <t>01/14/2020 14:58:37</t>
  </si>
  <si>
    <t>948658a0-17bd-45e2-9f8e-30062bac971e.tmp</t>
  </si>
  <si>
    <t>\\acsfs\profiles$\websondsa\Downloads\948658a0-17bd-45e2-9f8e-30062bac971e.tmp</t>
  </si>
  <si>
    <t>01/14/2020 14:53:33</t>
  </si>
  <si>
    <t>01/14/2020 14:57:26</t>
  </si>
  <si>
    <t>\\acsfs\DEPTOS\Operacao\Banco_Votorantim\Qualidade\Anderson\Jose\Atualizado\Thumbs.db</t>
  </si>
  <si>
    <t>01/14/2020 14:54:22</t>
  </si>
  <si>
    <t>f0c5ec15-43fb-4e37-b071-afe6ed8c8a2b.tmp</t>
  </si>
  <si>
    <t>\\acsfs\profiles$\philipegsf\Downloads\f0c5ec15-43fb-4e37-b071-afe6ed8c8a2b.tmp</t>
  </si>
  <si>
    <t>01/14/2020 14:54:29</t>
  </si>
  <si>
    <t>0b6d2d7c-f4d2-4885-acd5-b496ef4c8d2b.tmp</t>
  </si>
  <si>
    <t>\\acsfs\profiles$\philipegsf\Downloads\0b6d2d7c-f4d2-4885-acd5-b496ef4c8d2b.tmp</t>
  </si>
  <si>
    <t>01/14/2020 14:53:12</t>
  </si>
  <si>
    <t>mail.google.com/sync/u/0/i/s?hl=pt-BR&amp;c=646</t>
  </si>
  <si>
    <t>01/14/2020 14:54:53</t>
  </si>
  <si>
    <t>01/14/2020 14:54:54</t>
  </si>
  <si>
    <t>lu314203qhuva.tmp</t>
  </si>
  <si>
    <t>\\acsfs\profiles$\jalilebds\Downloads\lu314203qhuva.tmp</t>
  </si>
  <si>
    <t>01/14/2020 14:59:37</t>
  </si>
  <si>
    <t>01/14/2020 14:54:16</t>
  </si>
  <si>
    <t>d3f9a522-2714-4114-9502-e28dea026df7.tmp</t>
  </si>
  <si>
    <t>\\acsfs\profiles$\rafaelacdoc\Downloads\d3f9a522-2714-4114-9502-e28dea026df7.tmp</t>
  </si>
  <si>
    <t>01/14/2020 14:56:26</t>
  </si>
  <si>
    <t>01/14/2020 14:55:07</t>
  </si>
  <si>
    <t>01/14/2020 14:55:08</t>
  </si>
  <si>
    <t>01/14/2020 14:58:32</t>
  </si>
  <si>
    <t>72c6098b-d2fa-4c7f-9383-cbfe1c0810da.tmp</t>
  </si>
  <si>
    <t>\\acsfs\profiles$\gabrielafs\Downloads\72c6098b-d2fa-4c7f-9383-cbfe1c0810da.tmp</t>
  </si>
  <si>
    <t>01/14/2020 14:56:20</t>
  </si>
  <si>
    <t>~ovo atalho.tmp</t>
  </si>
  <si>
    <t>\\acsfs\profiles$\websondsa\Downloads\~ovo atalho.tmp</t>
  </si>
  <si>
    <t>01/14/2020 14:56:28</t>
  </si>
  <si>
    <t>Disco Local (C).lnk</t>
  </si>
  <si>
    <t>\\acsfs\profiles$\websondsa\Downloads\Disco Local (C).lnk</t>
  </si>
  <si>
    <t>01/14/2020 14:59:28</t>
  </si>
  <si>
    <t>01/14/2020 15:01:37</t>
  </si>
  <si>
    <t>01/14/2020 14:59:45</t>
  </si>
  <si>
    <t>01/14/2020 14:59:14</t>
  </si>
  <si>
    <t>a570a3c5-2384-4104-ac3d-2c8ddd9b5354.tmp</t>
  </si>
  <si>
    <t>\\acsfs\profiles$\sarahbal\Downloads\a570a3c5-2384-4104-ac3d-2c8ddd9b5354.tmp</t>
  </si>
  <si>
    <t>01/14/2020 15:02:37</t>
  </si>
  <si>
    <t>01/14/2020 14:58:34</t>
  </si>
  <si>
    <t>01/14/2020 14:59:24</t>
  </si>
  <si>
    <t>fc126dcd-cfe2-46b7-b322-cfe27ed1637b.tmp</t>
  </si>
  <si>
    <t>\\acsfs\profiles$\lucasgpe\Downloads\fc126dcd-cfe2-46b7-b322-cfe27ed1637b.tmp</t>
  </si>
  <si>
    <t>01/14/2020 14:59:05</t>
  </si>
  <si>
    <t>01/14/2020 14:59:18</t>
  </si>
  <si>
    <t>01/14/2020 14:59:34</t>
  </si>
  <si>
    <t>01/14/2020 14:59:43</t>
  </si>
  <si>
    <t>01/14/2020 15:01:30</t>
  </si>
  <si>
    <t>01/14/2020 15:01:31</t>
  </si>
  <si>
    <t>01/14/2020 15:03:37</t>
  </si>
  <si>
    <t>01/14/2020 15:00:02</t>
  </si>
  <si>
    <t>01/14/2020 15:00:54</t>
  </si>
  <si>
    <t>01/14/2020 14:58:48</t>
  </si>
  <si>
    <t>01/14/2020 15:03:06</t>
  </si>
  <si>
    <t>ADRIELE DAS GRACAS CARVALHO_1_6777820987194935602_1_32.wav</t>
  </si>
  <si>
    <t>\\acsfs\Deptos\EDUCACAO EMPRESARIAL\FERNANDA MONIT\Fernanda\MONITORIA JANEIRO\Ligação para MUTANT segundo ciclo janeiro\ADRIELE DAS GRACAS CARVALHO_1_6777820987194935602_1_32.wav</t>
  </si>
  <si>
    <t>01/14/2020 15:04:37</t>
  </si>
  <si>
    <t>01/14/2020 15:02:54</t>
  </si>
  <si>
    <t>pausas.url:favicon</t>
  </si>
  <si>
    <t>\\acsfs\profiles$\vanessacgs\Favorites\pausas.url:favicon</t>
  </si>
  <si>
    <t>\\acsfs\profiles$\vanessacgs\Favorites\pausas.url\</t>
  </si>
  <si>
    <t>\\acsfs\profiles$\vanessacgs\Favorites\pausas.url\:favicon:$DATA</t>
  </si>
  <si>
    <t>pausas.url</t>
  </si>
  <si>
    <t>\\acsfs\profiles$\vanessacgs\Favorites\pausas.url</t>
  </si>
  <si>
    <t>01/14/2020 15:06:37</t>
  </si>
  <si>
    <t>01/14/2020 15:03:11</t>
  </si>
  <si>
    <t>01/14/2020 15:01:00</t>
  </si>
  <si>
    <t>https://udpmailboxap01.acs.com.br:8443/h/search?si=0&amp;so=0&amp;sc=73296&amp;st=conversation&amp;action=compose&amp;id=5452&amp;paction=view&amp;rf=html&amp;op=reply</t>
  </si>
  <si>
    <t>jessykacal@algartech.com.br;</t>
  </si>
  <si>
    <t>https://jessykacal@algartech.com.br</t>
  </si>
  <si>
    <t>01/14/2020 15:04:10</t>
  </si>
  <si>
    <t>https://udpmailboxap01.acs.com.br:8443/h/search?si=0&amp;so=0&amp;sc=73297&amp;sfi=2&amp;st=conversation&amp;action=compose&amp;paction=paneview</t>
  </si>
  <si>
    <t>01/14/2020 15:04:40</t>
  </si>
  <si>
    <t>01/14/2020 15:05:10</t>
  </si>
  <si>
    <t>01/14/2020 15:01:56</t>
  </si>
  <si>
    <t>\\acsfs\profiles$\fabianafv\Downloads\~ovo atalho.tmp</t>
  </si>
  <si>
    <t>01/14/2020 15:02:01</t>
  </si>
  <si>
    <t>OS (C).lnk</t>
  </si>
  <si>
    <t>\\acsfs\profiles$\fabianafv\Downloads\OS (C).lnk</t>
  </si>
  <si>
    <t>01/14/2020 15:02:53</t>
  </si>
  <si>
    <t>ERIC HENRIQUE DA SILVA_1_6777128750135976626_1_32.wav</t>
  </si>
  <si>
    <t>\\acsfs\Deptos\EDUCACAO EMPRESARIAL\KÉSIA\Ligações 2º ciclo - Janeiro 2020\ERIC HENRIQUE DA SILVA_1_6777128750135976626_1_32.wav</t>
  </si>
  <si>
    <t>01/14/2020 15:07:37</t>
  </si>
  <si>
    <t>01/14/2020 15:04:43</t>
  </si>
  <si>
    <t>a7d092f4-297d-4060-8b61-7f610139d71b.tmp</t>
  </si>
  <si>
    <t>\\acsfs\profiles$\lorrainerdl\Downloads\a7d092f4-297d-4060-8b61-7f610139d71b.tmp</t>
  </si>
  <si>
    <t>01/14/2020 15:08:37</t>
  </si>
  <si>
    <t>01/14/2020 15:07:33</t>
  </si>
  <si>
    <t>ef4695a5-4adf-4232-a2c2-ce49828ac35c.tmp</t>
  </si>
  <si>
    <t>\\acsfs\profiles$\laurandos\Downloads\ef4695a5-4adf-4232-a2c2-ce49828ac35c.tmp</t>
  </si>
  <si>
    <t>01/14/2020 15:03:58</t>
  </si>
  <si>
    <t>01/14/2020 15:04:53</t>
  </si>
  <si>
    <t>01/14/2020 15:05:52</t>
  </si>
  <si>
    <t>01/14/2020 15:03:46</t>
  </si>
  <si>
    <t>01/14/2020 15:03:48</t>
  </si>
  <si>
    <t>01/14/2020 15:06:02</t>
  </si>
  <si>
    <t>01/14/2020 15:06:03</t>
  </si>
  <si>
    <t>01/14/2020 15:06:19</t>
  </si>
  <si>
    <t>01/14/2020 15:06:45</t>
  </si>
  <si>
    <t>01/14/2020 15:06:50</t>
  </si>
  <si>
    <t>01/14/2020 15:06:59</t>
  </si>
  <si>
    <t>01/14/2020 15:07:09</t>
  </si>
  <si>
    <t>01/14/2020 15:07:12</t>
  </si>
  <si>
    <t>01/14/2020 15:07:21</t>
  </si>
  <si>
    <t>01/14/2020 15:07:32</t>
  </si>
  <si>
    <t>01/14/2020 15:07:41</t>
  </si>
  <si>
    <t>01/14/2020 15:07:51</t>
  </si>
  <si>
    <t>01/14/2020 15:07:54</t>
  </si>
  <si>
    <t>01/14/2020 15:07:58</t>
  </si>
  <si>
    <t>01/14/2020 15:08:04</t>
  </si>
  <si>
    <t>01/14/2020 15:08:09</t>
  </si>
  <si>
    <t>01/14/2020 15:07:00</t>
  </si>
  <si>
    <t>01/14/2020 15:07:01</t>
  </si>
  <si>
    <t>lu314203qhuvh.tmp</t>
  </si>
  <si>
    <t>\\acsfs\profiles$\jalilebds\Downloads\lu314203qhuvh.tmp</t>
  </si>
  <si>
    <t>01/14/2020 15:09:37</t>
  </si>
  <si>
    <t>01/14/2020 15:07:04</t>
  </si>
  <si>
    <t>4fbd5d70-050c-48ef-86a7-b6dfed528171.tmp</t>
  </si>
  <si>
    <t>\\acsfs\profiles$\leticiala\Downloads\4fbd5d70-050c-48ef-86a7-b6dfed528171.tmp</t>
  </si>
  <si>
    <t>01/14/2020 15:04:42</t>
  </si>
  <si>
    <t>01/14/2020 15:05:51</t>
  </si>
  <si>
    <t>01/14/2020 15:11:37</t>
  </si>
  <si>
    <t>01/14/2020 15:07:23</t>
  </si>
  <si>
    <t>01/14/2020 15:07:34</t>
  </si>
  <si>
    <t>01/14/2020 15:07:39</t>
  </si>
  <si>
    <t>01/14/2020 15:08:13</t>
  </si>
  <si>
    <t>01/14/2020 15:08:57</t>
  </si>
  <si>
    <t>01/14/2020 15:08:31</t>
  </si>
  <si>
    <t>18df1382-079c-4400-b4ef-06dac96a8cf2.tmp</t>
  </si>
  <si>
    <t>\\acsfs\profiles$\isabellegtds\Downloads\18df1382-079c-4400-b4ef-06dac96a8cf2.tmp</t>
  </si>
  <si>
    <t>01/14/2020 15:10:21</t>
  </si>
  <si>
    <t>01/14/2020 15:12:37</t>
  </si>
  <si>
    <t>01/14/2020 15:09:31</t>
  </si>
  <si>
    <t>19fc1850-ff9a-4e6f-9b37-1c1b4dfdcd78.tmp</t>
  </si>
  <si>
    <t>\\acsfs\profiles$\vivianalds\Downloads\19fc1850-ff9a-4e6f-9b37-1c1b4dfdcd78.tmp</t>
  </si>
  <si>
    <t>01/14/2020 15:09:50</t>
  </si>
  <si>
    <t>01/14/2020 15:07:08</t>
  </si>
  <si>
    <t>XLOG_tiagosno_14012020_065915.log</t>
  </si>
  <si>
    <t>\\acsfs\profiles$\tiagosno\My Documents\xworkcenter\logs\XLOG_tiagosno_14012020_065915.log</t>
  </si>
  <si>
    <t>01/14/2020 15:11:21</t>
  </si>
  <si>
    <t>e6c510da-714a-4d4b-9be3-60e8a05bfe5f.tmp</t>
  </si>
  <si>
    <t>\\acsfs\profiles$\inarajst\Downloads\e6c510da-714a-4d4b-9be3-60e8a05bfe5f.tmp</t>
  </si>
  <si>
    <t>01/14/2020 15:11:35</t>
  </si>
  <si>
    <t>11b885f9-6e8b-49a6-aeec-f4a77bba5c01.tmp</t>
  </si>
  <si>
    <t>\\acsfs\profiles$\inarajst\Downloads\11b885f9-6e8b-49a6-aeec-f4a77bba5c01.tmp</t>
  </si>
  <si>
    <t>01/14/2020 15:09:14</t>
  </si>
  <si>
    <t>01/14/2020 15:13:37</t>
  </si>
  <si>
    <t>2afc5830-3ea1-4697-87a1-5a47fd5a7970.tmp</t>
  </si>
  <si>
    <t>\\acsfs\profiles$\layonmof\Downloads\2afc5830-3ea1-4697-87a1-5a47fd5a7970.tmp</t>
  </si>
  <si>
    <t>01/14/2020 15:08:29</t>
  </si>
  <si>
    <t>c73e9a76-1d43-4a73-a605-11feefb6e1f2.tmp</t>
  </si>
  <si>
    <t>\\acsfs\profiles$\laurandos\Downloads\c73e9a76-1d43-4a73-a605-11feefb6e1f2.tmp</t>
  </si>
  <si>
    <t>01/14/2020 15:12:41</t>
  </si>
  <si>
    <t>f5030f80-c807-48c5-ae67-51933cfa7026.tmp</t>
  </si>
  <si>
    <t>\\acsfs\profiles$\rosileiam\Downloads\f5030f80-c807-48c5-ae67-51933cfa7026.tmp</t>
  </si>
  <si>
    <t>01/14/2020 15:08:15</t>
  </si>
  <si>
    <t>01/14/2020 15:08:28</t>
  </si>
  <si>
    <t>kesiadof@algartech.com;lilianls@algartech.com;</t>
  </si>
  <si>
    <t>kesiadof@algartech.com,lilianls@algartech.com</t>
  </si>
  <si>
    <t>01/14/2020 15:08:41</t>
  </si>
  <si>
    <t>01/14/2020 15:15:37</t>
  </si>
  <si>
    <t>01/14/2020 15:14:33</t>
  </si>
  <si>
    <t>scritpt.txt</t>
  </si>
  <si>
    <t>\\acsfs\profiles$\talitafdc\scritpt.txt</t>
  </si>
  <si>
    <t>01/14/2020 15:14:43</t>
  </si>
  <si>
    <t>01/14/2020 15:14:51</t>
  </si>
  <si>
    <t>01/14/2020 15:16:37</t>
  </si>
  <si>
    <t>01/14/2020 15:12:25</t>
  </si>
  <si>
    <t>123af704-145a-45cf-b59e-fdf5bbe0524b.tmp</t>
  </si>
  <si>
    <t>\\acsfs\profiles$\erichds\Downloads\123af704-145a-45cf-b59e-fdf5bbe0524b.tmp</t>
  </si>
  <si>
    <t>01/14/2020 15:17:37</t>
  </si>
  <si>
    <t>01/14/2020 15:13:46</t>
  </si>
  <si>
    <t>01/14/2020 15:17:07</t>
  </si>
  <si>
    <t>01/14/2020 15:18:38</t>
  </si>
  <si>
    <t>01/14/2020 15:17:08</t>
  </si>
  <si>
    <t>lu13252cg2cz.tmp</t>
  </si>
  <si>
    <t>\\acsfs\profiles$\LUCASBS\Planilhas\lu13252cg2cz.tmp</t>
  </si>
  <si>
    <t>01/14/2020 15:14:44</t>
  </si>
  <si>
    <t>a9a8711b-3048-450b-9ee8-c1c146e0866c.tmp</t>
  </si>
  <si>
    <t>\\acsfs\profiles$\rosileiam\Downloads\a9a8711b-3048-450b-9ee8-c1c146e0866c.tmp</t>
  </si>
  <si>
    <t>01/14/2020 15:14:27</t>
  </si>
  <si>
    <t>01/14/2020 15:14:52</t>
  </si>
  <si>
    <t>01/14/2020 15:16:24</t>
  </si>
  <si>
    <t>mail.google.com/sync/u/0/i/s?hl=pt-BR&amp;c=682</t>
  </si>
  <si>
    <t>01/14/2020 15:16:30</t>
  </si>
  <si>
    <t>mail.google.com/sync/u/0/i/s?hl=pt-BR&amp;c=684</t>
  </si>
  <si>
    <t>01/14/2020 15:16:50</t>
  </si>
  <si>
    <t>mail.google.com/sync/u/0/i/s?hl=pt-BR&amp;c=686</t>
  </si>
  <si>
    <t>01/14/2020 15:16:55</t>
  </si>
  <si>
    <t>mail.google.com/sync/u/0/i/s?hl=pt-BR&amp;c=691</t>
  </si>
  <si>
    <t>01/14/2020 15:17:13</t>
  </si>
  <si>
    <t>01/14/2020 15:17:18</t>
  </si>
  <si>
    <t>01/14/2020 15:17:19</t>
  </si>
  <si>
    <t>01/14/2020 15:17:35</t>
  </si>
  <si>
    <t>mail.google.com/sync/u/0/i/s?hl=pt-BR&amp;c=697</t>
  </si>
  <si>
    <t>01/14/2020 15:18:08</t>
  </si>
  <si>
    <t>01/14/2020 15:18:13</t>
  </si>
  <si>
    <t>01/14/2020 15:14:57</t>
  </si>
  <si>
    <t>01/14/2020 15:14:58</t>
  </si>
  <si>
    <t>lu314203qhuvk.tmp</t>
  </si>
  <si>
    <t>\\acsfs\profiles$\jalilebds\Downloads\lu314203qhuvk.tmp</t>
  </si>
  <si>
    <t>01/14/2020 15:18:33</t>
  </si>
  <si>
    <t>01/14/2020 15:19:37</t>
  </si>
  <si>
    <t>f590973e-1029-4ce8-9875-46655f8cf954.tmp</t>
  </si>
  <si>
    <t>\\acsfs\profiles$\henriqueco\Downloads\f590973e-1029-4ce8-9875-46655f8cf954.tmp</t>
  </si>
  <si>
    <t>01/14/2020 15:21:38</t>
  </si>
  <si>
    <t>01/14/2020 15:18:05</t>
  </si>
  <si>
    <t>01/14/2020 15:19:12</t>
  </si>
  <si>
    <t>01/14/2020 15:22:38</t>
  </si>
  <si>
    <t>01/14/2020 15:18:17</t>
  </si>
  <si>
    <t>58f30f12-816c-4dee-ac5c-ee4111e309df.tmp</t>
  </si>
  <si>
    <t>\\acsfs\profiles$\vivianalds\Downloads\58f30f12-816c-4dee-ac5c-ee4111e309df.tmp</t>
  </si>
  <si>
    <t>NetScaler Gateway.url:favicon</t>
  </si>
  <si>
    <t>\\acsfs\profiles$\flaviacdst\Favorites\NetScaler Gateway.url:favicon</t>
  </si>
  <si>
    <t>01/14/2020 15:23:38</t>
  </si>
  <si>
    <t>01/14/2020 15:18:15</t>
  </si>
  <si>
    <t>01/14/2020 15:18:42</t>
  </si>
  <si>
    <t>01/14/2020 15:19:01</t>
  </si>
  <si>
    <t>01/14/2020 15:18:22</t>
  </si>
  <si>
    <t>mail.google.com/sync/u/0/i/s?hl=pt-BR&amp;c=705</t>
  </si>
  <si>
    <t>01/14/2020 15:21:44</t>
  </si>
  <si>
    <t>01/14/2020 15:21:49</t>
  </si>
  <si>
    <t>01/14/2020 15:22:49</t>
  </si>
  <si>
    <t>01/14/2020 15:22:56</t>
  </si>
  <si>
    <t>mail.google.com/sync/u/0/i/s?hl=pt-BR&amp;c=720</t>
  </si>
  <si>
    <t>01/14/2020 15:22:59</t>
  </si>
  <si>
    <t>mail.google.com/sync/u/0/i/s?hl=pt-BR&amp;c=722</t>
  </si>
  <si>
    <t>cdeed546-5880-4eb3-a4f2-37e137360190.tmp</t>
  </si>
  <si>
    <t>\\acsfs\profiles$\fabianobmf\Downloads\cdeed546-5880-4eb3-a4f2-37e137360190.tmp</t>
  </si>
  <si>
    <t>01/14/2020 15:21:07</t>
  </si>
  <si>
    <t>01/14/2020 15:24:38</t>
  </si>
  <si>
    <t>32b93d1d-9bba-4ab7-87e2-f5c52c8ea8a4.tmp</t>
  </si>
  <si>
    <t>\\acsfs\profiles$\larissaad\Downloads\32b93d1d-9bba-4ab7-87e2-f5c52c8ea8a4.tmp</t>
  </si>
  <si>
    <t>01/14/2020 15:21:01</t>
  </si>
  <si>
    <t>627fb5a1-342a-4e29-b31b-351d2cd7c15c.tmp</t>
  </si>
  <si>
    <t>\\acsfs\profiles$\matheusmax\Downloads\627fb5a1-342a-4e29-b31b-351d2cd7c15c.tmp</t>
  </si>
  <si>
    <t>01/14/2020 15:22:00</t>
  </si>
  <si>
    <t>01/14/2020 15:25:37</t>
  </si>
  <si>
    <t>10.200.66.185</t>
  </si>
  <si>
    <t>cb9f2825-bd10-4e9e-b7bc-8b80be1e5532.tmp</t>
  </si>
  <si>
    <t>\\acsfs\profiles$\andreapdsg\Downloads\cb9f2825-bd10-4e9e-b7bc-8b80be1e5532.tmp</t>
  </si>
  <si>
    <t>01/14/2020 15:22:06</t>
  </si>
  <si>
    <t>7f54a1df-f8fa-4f60-b0ba-911ec64b8dd2.tmp</t>
  </si>
  <si>
    <t>\\acsfs\profiles$\andreapdsg\Downloads\7f54a1df-f8fa-4f60-b0ba-911ec64b8dd2.tmp</t>
  </si>
  <si>
    <t>01/14/2020 15:22:10</t>
  </si>
  <si>
    <t>Q29udHJvbGxlci5JRS1JbmZvQlY- (22).ica</t>
  </si>
  <si>
    <t>\\acsfs\profiles$\andreapdsg\Downloads\Q29udHJvbGxlci5JRS1JbmZvQlY- (22).ica</t>
  </si>
  <si>
    <t>01/14/2020 15:23:04</t>
  </si>
  <si>
    <t>04855405-0db4-4d19-845c-745c2ad3cb4b.tmp</t>
  </si>
  <si>
    <t>\\acsfs\profiles$\taylaedoa\Downloads\04855405-0db4-4d19-845c-745c2ad3cb4b.tmp</t>
  </si>
  <si>
    <t>01/14/2020 15:23:08</t>
  </si>
  <si>
    <t>0aeb2144-b4ad-4e89-95c9-4fec550cb1a7.tmp</t>
  </si>
  <si>
    <t>\\acsfs\profiles$\taylaedoa\Downloads\0aeb2144-b4ad-4e89-95c9-4fec550cb1a7.tmp</t>
  </si>
  <si>
    <t>01/14/2020 15:24:09</t>
  </si>
  <si>
    <t>6c808e46-7859-48f5-bd8b-a5fa7b94bf3a.tmp</t>
  </si>
  <si>
    <t>\\acsfs\profiles$\taylaedoa\Downloads\6c808e46-7859-48f5-bd8b-a5fa7b94bf3a.tmp</t>
  </si>
  <si>
    <t>01/14/2020 15:25:04</t>
  </si>
  <si>
    <t>5b5e0083-c6c6-45d9-af17-f0549ceece6b.tmp</t>
  </si>
  <si>
    <t>\\acsfs\profiles$\taylaedoa\Downloads\5b5e0083-c6c6-45d9-af17-f0549ceece6b.tmp</t>
  </si>
  <si>
    <t>01/14/2020 15:25:11</t>
  </si>
  <si>
    <t>01/14/2020 15:26:38</t>
  </si>
  <si>
    <t>01/14/2020 15:25:56</t>
  </si>
  <si>
    <t>01/14/2020 15:27:38</t>
  </si>
  <si>
    <t>01/14/2020 15:26:07</t>
  </si>
  <si>
    <t>d9d43d3e-5723-49ac-9ac9-a478480fc8c2.tmp</t>
  </si>
  <si>
    <t>\\acsfs\profiles$\nycolleemdj\Downloads\d9d43d3e-5723-49ac-9ac9-a478480fc8c2.tmp</t>
  </si>
  <si>
    <t>01/14/2020 15:24:14</t>
  </si>
  <si>
    <t>01/14/2020 15:24:05</t>
  </si>
  <si>
    <t>fac20665-e25c-47d0-a0e3-a443ec688ae0.tmp</t>
  </si>
  <si>
    <t>\\acsfs\profiles$\fernandofs\Downloads\fac20665-e25c-47d0-a0e3-a443ec688ae0.tmp</t>
  </si>
  <si>
    <t>01/14/2020 15:24:35</t>
  </si>
  <si>
    <t>c201d9a9-1d9f-449b-9b8a-5d55bfd7fc97.tmp</t>
  </si>
  <si>
    <t>\\acsfs\profiles$\fernandofs\Downloads\c201d9a9-1d9f-449b-9b8a-5d55bfd7fc97.tmp</t>
  </si>
  <si>
    <t>01/14/2020 15:28:38</t>
  </si>
  <si>
    <t>01/14/2020 15:26:54</t>
  </si>
  <si>
    <t>mail.google.com/sync/u/0/i/s?hl=pt-BR&amp;c=733</t>
  </si>
  <si>
    <t>01/14/2020 15:27:00</t>
  </si>
  <si>
    <t>mail.google.com/sync/u/0/i/s?hl=pt-BR&amp;c=735</t>
  </si>
  <si>
    <t>01/14/2020 15:27:05</t>
  </si>
  <si>
    <t>01/14/2020 15:24:15</t>
  </si>
  <si>
    <t>lu314203qhuvn.tmp</t>
  </si>
  <si>
    <t>\\acsfs\profiles$\jalilebds\Downloads\lu314203qhuvn.tmp</t>
  </si>
  <si>
    <t>01/14/2020 15:26:55</t>
  </si>
  <si>
    <t>0ff200cb-4806-4b50-9ff5-58bf07b213bc.tmp</t>
  </si>
  <si>
    <t>\\acsfs\profiles$\websondsa\Downloads\0ff200cb-4806-4b50-9ff5-58bf07b213bc.tmp</t>
  </si>
  <si>
    <t>01/14/2020 15:27:35</t>
  </si>
  <si>
    <t>857b4d06-f852-4bc3-a43f-c621821364dd.tmp</t>
  </si>
  <si>
    <t>\\acsfs\profiles$\websondsa\Downloads\857b4d06-f852-4bc3-a43f-c621821364dd.tmp</t>
  </si>
  <si>
    <t>01/14/2020 15:26:43</t>
  </si>
  <si>
    <t>01/14/2020 15:29:37</t>
  </si>
  <si>
    <t>8f55641c-a94e-4d95-a622-fba16e9d6b1a.tmp</t>
  </si>
  <si>
    <t>\\acsfs\profiles$\gabrielafs\Downloads\8f55641c-a94e-4d95-a622-fba16e9d6b1a.tmp</t>
  </si>
  <si>
    <t>01/14/2020 15:30:38</t>
  </si>
  <si>
    <t>XLOG_ellencds_14012020_072826.log</t>
  </si>
  <si>
    <t>\\acsfs\profiles$\ellencds\My Documents\xworkcenter\logs\XLOG_ellencds_14012020_072826.log</t>
  </si>
  <si>
    <t>01/14/2020 15:27:42</t>
  </si>
  <si>
    <t>01/14/2020 15:31:38</t>
  </si>
  <si>
    <t>XLOG_anacdos_14012020_071310.log</t>
  </si>
  <si>
    <t>\\acsfs\profiles$\anacdos\My Documents\xworkcenter\logs\XLOG_anacdos_14012020_071310.log</t>
  </si>
  <si>
    <t>01/14/2020 15:27:46</t>
  </si>
  <si>
    <t>XLOG_anacdos_14012020_071252.log</t>
  </si>
  <si>
    <t>\\acsfs\profiles$\anacdos\My Documents\xworkcenter\logs\XLOG_anacdos_14012020_071252.log</t>
  </si>
  <si>
    <t>01/14/2020 15:26:40</t>
  </si>
  <si>
    <t>01/14/2020 15:29:25</t>
  </si>
  <si>
    <t>https://excel.officeapps.live.com/x/_layouts/xlviewerinternal.aspx?unified=1&amp;ui=pt-br&amp;rs=pt-br&amp;wopisrc=https://algarnet-my.sharepoint.com/personal/josiascdsj_algartech_com/_vti_bin/wopi.ashx/files/69aca668fc0a42819068a83011a1d846&amp;wdenableroaming=1&amp;mscc=1&amp;wdodb=1&amp;hid=e1772b9f-20ac-0000-4915-bf895e72364e&amp;wdorigin=other&amp;jsapi=1&amp;newsession=1&amp;corrid=bd64ead9-3feb-4a31-b70c-d168bac4a706&amp;usid=bd64ead9-3feb-4a31-b70c-d168bac4a706&amp;wdredirectionreason=force_singlestepboot</t>
  </si>
  <si>
    <t>https://excel.officeapps.live.com/x/remoteuls.ashx?usid=bd64ead9-3feb-4a31-b70c-d168bac4a706</t>
  </si>
  <si>
    <t>01/14/2020 15:29:27</t>
  </si>
  <si>
    <t>https://excel.officeapps.live.com/x/_layouts/remotetelemetry.ashx</t>
  </si>
  <si>
    <t>01/14/2020 15:29:28</t>
  </si>
  <si>
    <t>01/14/2020 15:29:31</t>
  </si>
  <si>
    <t>https://excel.officeapps.live.com/x/_layouts/mruservicehandler.ashx?action=updatemruentry&amp;app=1&amp;lc=pt-br&amp;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uxnzcyyjlmlt</t>
  </si>
  <si>
    <t>https://excel.officeapps.live.com/x/remoteuls.ashx?waccluster=br2</t>
  </si>
  <si>
    <t>01/14/2020 15:29:32</t>
  </si>
  <si>
    <t>01/14/2020 15:29:33</t>
  </si>
  <si>
    <t>01/14/2020 15:29:36</t>
  </si>
  <si>
    <t>https://excel.officeapps.live.com/afhs/cloudpolicysettings.ashx?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uxnzcyyjlmltiwywmtmdawmc00ote1lwjmodk1ztcymzy0zsj9.l0</t>
  </si>
  <si>
    <t>https://excel.officeapps.live.com/afhs/applicationfeaturehelperhandler.ashx?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uxnzcyyjlmltiwywmtmdawmc00ote1lwjmodk1ztc</t>
  </si>
  <si>
    <t>01/14/2020 15:29:38</t>
  </si>
  <si>
    <t>01/14/2020 15:29:39</t>
  </si>
  <si>
    <t>01/14/2020 15:29:40</t>
  </si>
  <si>
    <t>01/14/2020 15:29:42</t>
  </si>
  <si>
    <t>01/14/2020 15:29:43</t>
  </si>
  <si>
    <t>01/14/2020 15:29:45</t>
  </si>
  <si>
    <t>01/14/2020 15:29:48</t>
  </si>
  <si>
    <t>https://excel.officeapps.live.com/x/_layouts/addinservicehandler.ashx?action=getaddins&amp;app=excel&amp;catalog=privatecatalog&amp;clientcode=wac_excel&amp;clientversion=16.0.0.0&amp;corr=7c4a155a-f61f-5f78-8e6d-e48f8d9f0adc&amp;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t>
  </si>
  <si>
    <t>01/14/2020 15:29:57</t>
  </si>
  <si>
    <t>https://excel.officeapps.live.com/x/_vti_bin/ewainternalwebservice.json/getautofilteritemlist?waccluster=br2</t>
  </si>
  <si>
    <t>01/14/2020 15:30:01</t>
  </si>
  <si>
    <t>01/14/2020 15:30:03</t>
  </si>
  <si>
    <t>01/14/2020 15:30:05</t>
  </si>
  <si>
    <t>01/14/2020 15:30:11</t>
  </si>
  <si>
    <t>01/14/2020 15:30:17</t>
  </si>
  <si>
    <t>01/14/2020 15:30:18</t>
  </si>
  <si>
    <t>01/14/2020 15:30:21</t>
  </si>
  <si>
    <t>01/14/2020 15:30:31</t>
  </si>
  <si>
    <t>01/14/2020 15:30:33</t>
  </si>
  <si>
    <t>01/14/2020 15:30:50</t>
  </si>
  <si>
    <t>01/14/2020 15:30:53</t>
  </si>
  <si>
    <t>https://excel.officeapps.live.com/x/_vti_bin/ewainternalwebservice.json/toggleautofilter?waccluster=br2</t>
  </si>
  <si>
    <t>01/14/2020 15:30:55</t>
  </si>
  <si>
    <t>01/14/2020 15:31:01</t>
  </si>
  <si>
    <t>01/14/2020 15:31:05</t>
  </si>
  <si>
    <t>01/14/2020 15:31:08</t>
  </si>
  <si>
    <t>01/14/2020 15:27:20</t>
  </si>
  <si>
    <t>GUSTAVO MOURA RODRIGUES_1_6777434740786018585_1_32.wav</t>
  </si>
  <si>
    <t>\\acsfs\Deptos\EDUCACAO EMPRESARIAL\KÉSIA\Ligações 2º ciclo - Janeiro 2020\GUSTAVO MOURA RODRIGUES_1_6777434740786018585_1_32.wav</t>
  </si>
  <si>
    <t>01/14/2020 15:27:28</t>
  </si>
  <si>
    <t>01/14/2020 15:32:38</t>
  </si>
  <si>
    <t>f8e5c6ee-d38c-450e-a72b-a9df19ac764c.tmp</t>
  </si>
  <si>
    <t>\\acsfs\profiles$\nycolleemdj\Downloads\f8e5c6ee-d38c-450e-a72b-a9df19ac764c.tmp</t>
  </si>
  <si>
    <t>XLOG_vanessacgs_14012020_091444.log</t>
  </si>
  <si>
    <t>\\acsfs\profiles$\vanessacgs\My Documents\xworkcenter\logs\XLOG_vanessacgs_14012020_091444.log</t>
  </si>
  <si>
    <t>01/14/2020 15:24:08</t>
  </si>
  <si>
    <t>01/14/2020 15:33:37</t>
  </si>
  <si>
    <t>01/14/2020 15:29:04</t>
  </si>
  <si>
    <t>mail.google.com/sync/u/0/i/s?hl=pt-BR&amp;c=742</t>
  </si>
  <si>
    <t>01/14/2020 15:29:16</t>
  </si>
  <si>
    <t>01/14/2020 15:29:44</t>
  </si>
  <si>
    <t>01/14/2020 15:30:08</t>
  </si>
  <si>
    <t>01/14/2020 15:34:38</t>
  </si>
  <si>
    <t>c0866d8d-b9a8-40a9-b2e3-fb243a58cec1.tmp</t>
  </si>
  <si>
    <t>\\acsfs\profiles$\KARENDSR\Downloads\c0866d8d-b9a8-40a9-b2e3-fb243a58cec1.tmp</t>
  </si>
  <si>
    <t>01/14/2020 15:33:23</t>
  </si>
  <si>
    <t>01/14/2020 15:35:38</t>
  </si>
  <si>
    <t>3c73f792-2472-4f63-9ab5-7477f11dbd06.tmp</t>
  </si>
  <si>
    <t>\\acsfs\profiles$\ingridsm\Downloads\3c73f792-2472-4f63-9ab5-7477f11dbd06.tmp</t>
  </si>
  <si>
    <t>01/14/2020 15:34:22</t>
  </si>
  <si>
    <t>c6af7dd0-041e-42dc-b565-22c6df277eab.tmp</t>
  </si>
  <si>
    <t>\\acsfs\profiles$\welidicdj\Downloads\c6af7dd0-041e-42dc-b565-22c6df277eab.tmp</t>
  </si>
  <si>
    <t>01/14/2020 15:34:26</t>
  </si>
  <si>
    <t>01/14/2020 15:34:46</t>
  </si>
  <si>
    <t>9aeab37b-41bf-4c58-bede-89e258ef5ad4.tmp</t>
  </si>
  <si>
    <t>\\acsfs\profiles$\welidicdj\Downloads\9aeab37b-41bf-4c58-bede-89e258ef5ad4.tmp</t>
  </si>
  <si>
    <t>01/14/2020 15:34:50</t>
  </si>
  <si>
    <t>01/14/2020 15:34:13</t>
  </si>
  <si>
    <t>01/14/2020 15:36:37</t>
  </si>
  <si>
    <t>2cd5b2bb-aeba-4651-b4c2-94fa989eacdb.tmp</t>
  </si>
  <si>
    <t>\\acsfs\profiles$\sarahbal\Downloads\2cd5b2bb-aeba-4651-b4c2-94fa989eacdb.tmp</t>
  </si>
  <si>
    <t>01/14/2020 15:31:15</t>
  </si>
  <si>
    <t>01/14/2020 15:31:27</t>
  </si>
  <si>
    <t>01/14/2020 15:31:30</t>
  </si>
  <si>
    <t>01/14/2020 15:31:32</t>
  </si>
  <si>
    <t>01/14/2020 15:31:35</t>
  </si>
  <si>
    <t>https://excel.officeapps.live.com/x/_vti_bin/ewainternalwebservice.json/copy?waccluster=br2</t>
  </si>
  <si>
    <t>01/14/2020 15:31:37</t>
  </si>
  <si>
    <t>01/14/2020 15:31:46</t>
  </si>
  <si>
    <t>01/14/2020 15:31:48</t>
  </si>
  <si>
    <t>01/14/2020 15:31:50</t>
  </si>
  <si>
    <t>01/14/2020 15:31:53</t>
  </si>
  <si>
    <t>01/14/2020 15:32:03</t>
  </si>
  <si>
    <t>01/14/2020 15:32:24</t>
  </si>
  <si>
    <t>01/14/2020 15:32:52</t>
  </si>
  <si>
    <t>01/14/2020 15:33:14</t>
  </si>
  <si>
    <t>01/14/2020 15:33:15</t>
  </si>
  <si>
    <t>01/14/2020 15:33:18</t>
  </si>
  <si>
    <t>01/14/2020 15:33:19</t>
  </si>
  <si>
    <t>01/14/2020 15:33:52</t>
  </si>
  <si>
    <t>01/14/2020 15:34:09</t>
  </si>
  <si>
    <t>01/14/2020 15:34:23</t>
  </si>
  <si>
    <t>01/14/2020 15:34:31</t>
  </si>
  <si>
    <t>01/14/2020 15:34:33</t>
  </si>
  <si>
    <t>https://excel.officeapps.live.com/x/_vti_bin/ewainternalwebservice.json/uploadlatencytelemetry?waccluster=br2</t>
  </si>
  <si>
    <t>01/14/2020 15:34:40</t>
  </si>
  <si>
    <t>01/14/2020 15:34:52</t>
  </si>
  <si>
    <t>01/14/2020 15:35:24</t>
  </si>
  <si>
    <t>01/14/2020 15:35:49</t>
  </si>
  <si>
    <t>01/14/2020 15:37:37</t>
  </si>
  <si>
    <t>e6c344d9-3219-459c-b8d3-95a6f83e7300.tmp</t>
  </si>
  <si>
    <t>\\acsfs\profiles$\lucasgpe\Downloads\e6c344d9-3219-459c-b8d3-95a6f83e7300.tmp</t>
  </si>
  <si>
    <t>01/14/2020 15:35:56</t>
  </si>
  <si>
    <t>2e43cfa0-a9b7-451d-bd6e-2d02969042aa.tmp</t>
  </si>
  <si>
    <t>\\acsfs\profiles$\inarajst\Downloads\2e43cfa0-a9b7-451d-bd6e-2d02969042aa.tmp</t>
  </si>
  <si>
    <t>01/14/2020 15:38:37</t>
  </si>
  <si>
    <t>01/14/2020 15:37:45</t>
  </si>
  <si>
    <t>\\acsfs\ACS\Gabriel da Silva\Contemporânea\BDBV\CDB85006.tmp\</t>
  </si>
  <si>
    <t>\\acsfs\ACS\Gabriel da Silva\Contemporânea\BDBV\CDB85006.tmp\:Zone.Identifier:$DATA</t>
  </si>
  <si>
    <t>01/14/2020 15:37:46</t>
  </si>
  <si>
    <t>01/14/2020 15:33:58</t>
  </si>
  <si>
    <t>01/14/2020 15:33:59</t>
  </si>
  <si>
    <t>lu314203qhuvq.tmp</t>
  </si>
  <si>
    <t>\\acsfs\profiles$\jalilebds\Downloads\lu314203qhuvq.tmp</t>
  </si>
  <si>
    <t>01/14/2020 15:38:12</t>
  </si>
  <si>
    <t>lu314203qhuvt.tmp</t>
  </si>
  <si>
    <t>\\acsfs\profiles$\jalilebds\Downloads\lu314203qhuvt.tmp</t>
  </si>
  <si>
    <t>01/14/2020 15:39:38</t>
  </si>
  <si>
    <t>01/14/2020 15:37:24</t>
  </si>
  <si>
    <t>01/14/2020 15:36:44</t>
  </si>
  <si>
    <t>01/14/2020 15:40:37</t>
  </si>
  <si>
    <t>d6a839fe-8acb-4e92-8267-bda0bdba14df.tmp</t>
  </si>
  <si>
    <t>\\acsfs\profiles$\lorrainerdl\Downloads\d6a839fe-8acb-4e92-8267-bda0bdba14df.tmp</t>
  </si>
  <si>
    <t>01/14/2020 15:36:45</t>
  </si>
  <si>
    <t>82b879e0-7390-4c7a-b2fc-acafef8bcebd.tmp</t>
  </si>
  <si>
    <t>\\acsfs\profiles$\lorrainerdl\Downloads\82b879e0-7390-4c7a-b2fc-acafef8bcebd.tmp</t>
  </si>
  <si>
    <t>01/14/2020 15:39:48</t>
  </si>
  <si>
    <t>01/14/2020 15:41:38</t>
  </si>
  <si>
    <t>01/14/2020 15:39:15</t>
  </si>
  <si>
    <t>lu89641fqjcg.tmp</t>
  </si>
  <si>
    <t>\\acsfs\profiles$\regisedsj\My Documents\lu89641fqjcg.tmp</t>
  </si>
  <si>
    <t>\\acsfs\profiles$\regisedsj\My Documents\lu89641fqjcg.tmp\</t>
  </si>
  <si>
    <t>\\acsfs\profiles$\regisedsj\My Documents\lu89641fqjcg.tmp\META-INF\</t>
  </si>
  <si>
    <t>\\acsfs\profiles$\regisedsj\My Documents\lu89641fqjcg.tmp\Thumbnails\</t>
  </si>
  <si>
    <t>01/14/2020 15:39:19</t>
  </si>
  <si>
    <t>lu89641fqjck.tmp</t>
  </si>
  <si>
    <t>\\acsfs\profiles$\regisedsj\My Documents\lu89641fqjck.tmp</t>
  </si>
  <si>
    <t>\\acsfs\profiles$\regisedsj\My Documents\lu89641fqjck.tmp\</t>
  </si>
  <si>
    <t>\\acsfs\profiles$\regisedsj\My Documents\lu89641fqjck.tmp\META-INF\</t>
  </si>
  <si>
    <t>\\acsfs\profiles$\regisedsj\My Documents\lu89641fqjck.tmp\Thumbnails\</t>
  </si>
  <si>
    <t>01/14/2020 15:36:24</t>
  </si>
  <si>
    <t>01/14/2020 15:36:54</t>
  </si>
  <si>
    <t>01/14/2020 15:37:03</t>
  </si>
  <si>
    <t>01/14/2020 15:37:08</t>
  </si>
  <si>
    <t>01/14/2020 15:37:17</t>
  </si>
  <si>
    <t>01/14/2020 15:37:38</t>
  </si>
  <si>
    <t>01/14/2020 15:37:59</t>
  </si>
  <si>
    <t>01/14/2020 15:38:05</t>
  </si>
  <si>
    <t>01/14/2020 15:38:06</t>
  </si>
  <si>
    <t>01/14/2020 15:38:08</t>
  </si>
  <si>
    <t>01/14/2020 15:38:09</t>
  </si>
  <si>
    <t>01/14/2020 15:38:11</t>
  </si>
  <si>
    <t>01/14/2020 15:38:38</t>
  </si>
  <si>
    <t>01/14/2020 15:38:51</t>
  </si>
  <si>
    <t>01/14/2020 15:39:00</t>
  </si>
  <si>
    <t>01/14/2020 15:39:08</t>
  </si>
  <si>
    <t>01/14/2020 15:39:41</t>
  </si>
  <si>
    <t>01/14/2020 15:39:45</t>
  </si>
  <si>
    <t>01/14/2020 15:40:10</t>
  </si>
  <si>
    <t>01/14/2020 15:40:45</t>
  </si>
  <si>
    <t>01/14/2020 15:42:37</t>
  </si>
  <si>
    <t>01/14/2020 15:38:46</t>
  </si>
  <si>
    <t>01/14/2020 15:38:47</t>
  </si>
  <si>
    <t>lu15576izhqf.tmp</t>
  </si>
  <si>
    <t>\\acsfs\profiles$\VIVIANALDS\My Documents\lu15576izhqf.tmp</t>
  </si>
  <si>
    <t>\\acsfs\profiles$\VIVIANALDS\My Documents\lu15576izhqf.tmp\</t>
  </si>
  <si>
    <t>\\acsfs\profiles$\VIVIANALDS\My Documents\lu15576izhqf.tmp\META-INF\</t>
  </si>
  <si>
    <t>\\acsfs\profiles$\VIVIANALDS\My Documents\lu15576izhqf.tmp\Thumbnails\</t>
  </si>
  <si>
    <t>01/14/2020 15:37:04</t>
  </si>
  <si>
    <t>1547f9c1-3e65-4458-8786-b8d1769fea24.tmp</t>
  </si>
  <si>
    <t>\\acsfs\profiles$\antoniosva\Downloads\1547f9c1-3e65-4458-8786-b8d1769fea24.tmp</t>
  </si>
  <si>
    <t>01/14/2020 15:43:38</t>
  </si>
  <si>
    <t>01/14/2020 15:42:46</t>
  </si>
  <si>
    <t>01/14/2020 15:39:54</t>
  </si>
  <si>
    <t>kesiadof@algartech.com;lilianls@algartech.com;talmaiardo@algartech.com;tatiane.biassi@mutantbr.com;</t>
  </si>
  <si>
    <t>kesiadof@algartech.com,lilianls@algartech.com,talmaiardo@algartech.com,tatiane.biassi@mutantbr.com</t>
  </si>
  <si>
    <t>01/14/2020 15:40:05</t>
  </si>
  <si>
    <t>01/14/2020 15:40:12</t>
  </si>
  <si>
    <t>01/14/2020 15:40:43</t>
  </si>
  <si>
    <t>01/14/2020 15:41:03</t>
  </si>
  <si>
    <t>01/14/2020 15:41:09</t>
  </si>
  <si>
    <t>01/14/2020 15:41:21</t>
  </si>
  <si>
    <t>01/14/2020 15:43:14</t>
  </si>
  <si>
    <t>01/14/2020 15:43:15</t>
  </si>
  <si>
    <t>lu314203qhuvw.tmp</t>
  </si>
  <si>
    <t>\\acsfs\profiles$\jalilebds\Downloads\lu314203qhuvw.tmp</t>
  </si>
  <si>
    <t>01/14/2020 15:41:33</t>
  </si>
  <si>
    <t>01/14/2020 15:44:38</t>
  </si>
  <si>
    <t>01/14/2020 15:40:25</t>
  </si>
  <si>
    <t>a7728cf0-406c-4dbb-a7ae-7b11650578fd.tmp</t>
  </si>
  <si>
    <t>\\acsfs\profiles$\myllenardl\Downloads\a7728cf0-406c-4dbb-a7ae-7b11650578fd.tmp</t>
  </si>
  <si>
    <t>01/14/2020 15:41:48</t>
  </si>
  <si>
    <t>505db998-66a8-4ce3-8bba-57ea8f621aa5.tmp</t>
  </si>
  <si>
    <t>\\acsfs\profiles$\myllenardl\Downloads\505db998-66a8-4ce3-8bba-57ea8f621aa5.tmp</t>
  </si>
  <si>
    <t>01/14/2020 15:42:06</t>
  </si>
  <si>
    <t>bcf443fa-7751-493c-bbf0-a79b7a58682c.tmp</t>
  </si>
  <si>
    <t>\\acsfs\profiles$\myllenardl\Downloads\bcf443fa-7751-493c-bbf0-a79b7a58682c.tmp</t>
  </si>
  <si>
    <t>01/14/2020 15:42:02</t>
  </si>
  <si>
    <t>60fbbe39-1712-4c34-83e0-d8c0886e8f94.tmp</t>
  </si>
  <si>
    <t>\\acsfs\profiles$\henriquehmdo\Downloads\60fbbe39-1712-4c34-83e0-d8c0886e8f94.tmp</t>
  </si>
  <si>
    <t>01/14/2020 15:46:38</t>
  </si>
  <si>
    <t>01/14/2020 15:41:36</t>
  </si>
  <si>
    <t>01/14/2020 15:41:42</t>
  </si>
  <si>
    <t>01/14/2020 15:41:54</t>
  </si>
  <si>
    <t>01/14/2020 15:42:07</t>
  </si>
  <si>
    <t>01/14/2020 15:42:08</t>
  </si>
  <si>
    <t>01/14/2020 15:43:07</t>
  </si>
  <si>
    <t>01/14/2020 15:44:07</t>
  </si>
  <si>
    <t>01/14/2020 15:45:07</t>
  </si>
  <si>
    <t>01/14/2020 15:46:07</t>
  </si>
  <si>
    <t>01/14/2020 15:42:12</t>
  </si>
  <si>
    <t>cc61ec78-5246-4abd-949e-06a44e48c9f4.tmp</t>
  </si>
  <si>
    <t>\\acsfs\profiles$\paulohaf\Downloads\cc61ec78-5246-4abd-949e-06a44e48c9f4.tmp</t>
  </si>
  <si>
    <t>01/14/2020 15:43:10</t>
  </si>
  <si>
    <t>a95475de-66e4-45ea-b3cb-872bff574942.tmp</t>
  </si>
  <si>
    <t>\\acsfs\profiles$\paulohaf\Downloads\a95475de-66e4-45ea-b3cb-872bff574942.tmp</t>
  </si>
  <si>
    <t>01/14/2020 15:43:23</t>
  </si>
  <si>
    <t>0b993f6d-7f31-47b3-b8d7-fe50a442fca6.tmp</t>
  </si>
  <si>
    <t>\\acsfs\profiles$\paulohaf\Downloads\0b993f6d-7f31-47b3-b8d7-fe50a442fca6.tmp</t>
  </si>
  <si>
    <t>01/14/2020 15:43:44</t>
  </si>
  <si>
    <t>16f2452f-6f9c-4ba8-9fdf-9effb04861af.tmp</t>
  </si>
  <si>
    <t>\\acsfs\profiles$\paulohaf\Downloads\16f2452f-6f9c-4ba8-9fdf-9effb04861af.tmp</t>
  </si>
  <si>
    <t>JOYCE MARIA MENDES DIAS LOPES_1_6777484064190440099_1_32.wav</t>
  </si>
  <si>
    <t>\\acsfs\Deptos\EDUCACAO EMPRESARIAL\KÉSIA\Ligações 2º ciclo - Janeiro 2020\JOYCE MARIA MENDES DIAS LOPES_1_6777484064190440099_1_32.wav</t>
  </si>
  <si>
    <t>01/14/2020 15:47:37</t>
  </si>
  <si>
    <t>01/14/2020 15:43:31</t>
  </si>
  <si>
    <t>01/14/2020 15:48:38</t>
  </si>
  <si>
    <t>01/14/2020 15:43:47</t>
  </si>
  <si>
    <t>01/14/2020 15:44:02</t>
  </si>
  <si>
    <t>01/14/2020 15:45:06</t>
  </si>
  <si>
    <t>lu314203qhuvz.tmp</t>
  </si>
  <si>
    <t>\\acsfs\profiles$\jalilebds\Downloads\lu314203qhuvz.tmp</t>
  </si>
  <si>
    <t>01/14/2020 15:47:44</t>
  </si>
  <si>
    <t>01/14/2020 15:47:45</t>
  </si>
  <si>
    <t>lu314203qhuw2.tmp</t>
  </si>
  <si>
    <t>\\acsfs\profiles$\jalilebds\Downloads\lu314203qhuw2.tmp</t>
  </si>
  <si>
    <t>01/14/2020 15:49:37</t>
  </si>
  <si>
    <t>01/14/2020 15:46:37</t>
  </si>
  <si>
    <t>8193af66-dcf2-481a-a3de-ed1c8c2227d3.tmp</t>
  </si>
  <si>
    <t>\\acsfs\profiles$\regisedsj\Downloads\8193af66-dcf2-481a-a3de-ed1c8c2227d3.tmp</t>
  </si>
  <si>
    <t>a0200071-bd74-490a-8f79-b2a571a25789.tmp</t>
  </si>
  <si>
    <t>\\acsfs\profiles$\regisedsj\Downloads\a0200071-bd74-490a-8f79-b2a571a25789.tmp</t>
  </si>
  <si>
    <t>01/14/2020 15:47:08</t>
  </si>
  <si>
    <t>01/14/2020 15:47:12</t>
  </si>
  <si>
    <t>01/14/2020 15:45:43</t>
  </si>
  <si>
    <t>01/14/2020 15:50:38</t>
  </si>
  <si>
    <t>87cd0965-2f2e-462c-97c0-0f8cf4d1e05c.tmp</t>
  </si>
  <si>
    <t>\\acsfs\profiles$\gabrielamdp\Downloads\87cd0965-2f2e-462c-97c0-0f8cf4d1e05c.tmp</t>
  </si>
  <si>
    <t>01/14/2020 15:47:07</t>
  </si>
  <si>
    <t>01/14/2020 15:51:38</t>
  </si>
  <si>
    <t>01/14/2020 15:48:07</t>
  </si>
  <si>
    <t>01/14/2020 15:49:07</t>
  </si>
  <si>
    <t>01/14/2020 15:50:07</t>
  </si>
  <si>
    <t>01/14/2020 15:50:51</t>
  </si>
  <si>
    <t>01/14/2020 15:51:06</t>
  </si>
  <si>
    <t>01/14/2020 15:51:07</t>
  </si>
  <si>
    <t>01/14/2020 15:51:16</t>
  </si>
  <si>
    <t>01/14/2020 15:51:21</t>
  </si>
  <si>
    <t>01/14/2020 15:52:38</t>
  </si>
  <si>
    <t>01/14/2020 15:49:13</t>
  </si>
  <si>
    <t>01/14/2020 15:49:14</t>
  </si>
  <si>
    <t>01/14/2020 15:49:15</t>
  </si>
  <si>
    <t>01/14/2020 15:53:38</t>
  </si>
  <si>
    <t>01/14/2020 15:49:16</t>
  </si>
  <si>
    <t>01/14/2020 15:49:17</t>
  </si>
  <si>
    <t>01/14/2020 15:49:18</t>
  </si>
  <si>
    <t>01/14/2020 15:49:19</t>
  </si>
  <si>
    <t>01/14/2020 15:49:20</t>
  </si>
  <si>
    <t>01/14/2020 15:49:21</t>
  </si>
  <si>
    <t>01/14/2020 15:49:22</t>
  </si>
  <si>
    <t>01/14/2020 15:49:23</t>
  </si>
  <si>
    <t>01/14/2020 15:49:24</t>
  </si>
  <si>
    <t>01/14/2020 15:49:25</t>
  </si>
  <si>
    <t>01/14/2020 15:49:26</t>
  </si>
  <si>
    <t>01/14/2020 15:49:34</t>
  </si>
  <si>
    <t>01/14/2020 15:54:38</t>
  </si>
  <si>
    <t>a17e9521-538e-4572-9d29-f27a9ba51a5b.tmp</t>
  </si>
  <si>
    <t>\\acsfs\profiles$\larissaad\Downloads\a17e9521-538e-4572-9d29-f27a9ba51a5b.tmp</t>
  </si>
  <si>
    <t>01/14/2020 15:51:49</t>
  </si>
  <si>
    <t>8ce43d3b-c15c-461d-811e-0a302e0808d2.tmp</t>
  </si>
  <si>
    <t>\\acsfs\profiles$\regisedsj\Downloads\8ce43d3b-c15c-461d-811e-0a302e0808d2.tmp</t>
  </si>
  <si>
    <t>01/14/2020 15:53:39</t>
  </si>
  <si>
    <t>54bd4e09-67fd-463b-b425-a62f2a58fdfd.tmp</t>
  </si>
  <si>
    <t>\\acsfs\profiles$\brendadsl\Downloads\54bd4e09-67fd-463b-b425-a62f2a58fdfd.tmp</t>
  </si>
  <si>
    <t>01/14/2020 15:56:38</t>
  </si>
  <si>
    <t>01/14/2020 15:51:27</t>
  </si>
  <si>
    <t>01/14/2020 15:51:37</t>
  </si>
  <si>
    <t>01/14/2020 15:51:56</t>
  </si>
  <si>
    <t>01/14/2020 15:52:07</t>
  </si>
  <si>
    <t>01/14/2020 15:52:09</t>
  </si>
  <si>
    <t>01/14/2020 15:52:50</t>
  </si>
  <si>
    <t>01/14/2020 15:52:52</t>
  </si>
  <si>
    <t>01/14/2020 15:52:55</t>
  </si>
  <si>
    <t>01/14/2020 15:52:56</t>
  </si>
  <si>
    <t>01/14/2020 15:53:07</t>
  </si>
  <si>
    <t>01/14/2020 15:53:08</t>
  </si>
  <si>
    <t>01/14/2020 15:53:19</t>
  </si>
  <si>
    <t>01/14/2020 15:53:25</t>
  </si>
  <si>
    <t>01/14/2020 15:53:31</t>
  </si>
  <si>
    <t>01/14/2020 15:53:37</t>
  </si>
  <si>
    <t>01/14/2020 15:54:01</t>
  </si>
  <si>
    <t>01/14/2020 15:54:31</t>
  </si>
  <si>
    <t>https://excel.officeapps.live.com/x/_vti_bin/ewainternalwebservice.json/updatepresenceusers?waccluster=br2</t>
  </si>
  <si>
    <t>01/14/2020 15:55:31</t>
  </si>
  <si>
    <t>01/14/2020 15:54:49</t>
  </si>
  <si>
    <t>JUCELIA OLIVEIRA DE AMORIM_1_6778614783050586192_1_32.wav</t>
  </si>
  <si>
    <t>\\acsfs\Deptos\EDUCACAO EMPRESARIAL\KÉSIA\Ligações 2º ciclo - Janeiro 2020\JUCELIA OLIVEIRA DE AMORIM_1_6778614783050586192_1_32.wav</t>
  </si>
  <si>
    <t>01/14/2020 15:57:38</t>
  </si>
  <si>
    <t>01/14/2020 15:58:38</t>
  </si>
  <si>
    <t>01/14/2020 15:57:43</t>
  </si>
  <si>
    <t>01/14/2020 15:57:44</t>
  </si>
  <si>
    <t>lu314203qhuw5.tmp</t>
  </si>
  <si>
    <t>\\acsfs\profiles$\jalilebds\Downloads\lu314203qhuw5.tmp</t>
  </si>
  <si>
    <t>01/14/2020 15:56:58</t>
  </si>
  <si>
    <t>FLAVIA CRISTINE DA SILVA TEIXEIRA_1_6777107829350277171_1_32.wav</t>
  </si>
  <si>
    <t>\\acsfs\Deptos\EDUCACAO EMPRESARIAL\FERNANDA MONIT\Fernanda\MONITORIA JANEIRO\Ligação para MUTANT segundo ciclo janeiro\FLAVIA CRISTINE DA SILVA TEIXEIRA_1_6777107829350277171_1_32.wav</t>
  </si>
  <si>
    <t>01/14/2020 15:53:45</t>
  </si>
  <si>
    <t>01/14/2020 15:59:38</t>
  </si>
  <si>
    <t>vendas para janeiro 1.txt</t>
  </si>
  <si>
    <t>\\acsfs\profiles$\thaynaracsl\My Documents\vendas para janeiro 1.txt</t>
  </si>
  <si>
    <t>01/14/2020 15:57:09</t>
  </si>
  <si>
    <t>13d19772-a5d2-4bca-82d7-468c8bc59f36.tmp</t>
  </si>
  <si>
    <t>\\acsfs\profiles$\larissaad\Downloads\13d19772-a5d2-4bca-82d7-468c8bc59f36.tmp</t>
  </si>
  <si>
    <t>01/14/2020 15:58:23</t>
  </si>
  <si>
    <t>029a18ff-c6aa-4bc2-9df5-d7b1b384c737.tmp</t>
  </si>
  <si>
    <t>\\acsfs\profiles$\victorgl\Downloads\029a18ff-c6aa-4bc2-9df5-d7b1b384c737.tmp</t>
  </si>
  <si>
    <t>01/14/2020 15:56:14</t>
  </si>
  <si>
    <t>01/14/2020 16:00:38</t>
  </si>
  <si>
    <t>658d8886-7417-4c92-bda9-fa3dded863c6.tmp</t>
  </si>
  <si>
    <t>\\acsfs\profiles$\gabrielamdp\Downloads\658d8886-7417-4c92-bda9-fa3dded863c6.tmp</t>
  </si>
  <si>
    <t>01/14/2020 15:56:23</t>
  </si>
  <si>
    <t>5a5cdb69-6cdc-4f66-b618-db789feab938.tmp</t>
  </si>
  <si>
    <t>\\acsfs\profiles$\ingridsm\Downloads\5a5cdb69-6cdc-4f66-b618-db789feab938.tmp</t>
  </si>
  <si>
    <t>01/14/2020 15:58:15</t>
  </si>
  <si>
    <t>01/14/2020 16:01:38</t>
  </si>
  <si>
    <t>01/14/2020 15:58:16</t>
  </si>
  <si>
    <t>lu2733221pjrs.tmp</t>
  </si>
  <si>
    <t>\\acsfs\profiles$\RAFAELRF\meu\lu2733221pjrs.tmp</t>
  </si>
  <si>
    <t>01/14/2020 15:56:31</t>
  </si>
  <si>
    <t>01/14/2020 15:57:31</t>
  </si>
  <si>
    <t>01/14/2020 15:58:01</t>
  </si>
  <si>
    <t>01/14/2020 15:58:31</t>
  </si>
  <si>
    <t>01/14/2020 15:59:01</t>
  </si>
  <si>
    <t>01/14/2020 15:59:31</t>
  </si>
  <si>
    <t>01/14/2020 16:00:30</t>
  </si>
  <si>
    <t>01/14/2020 16:02:39</t>
  </si>
  <si>
    <t>01/14/2020 15:58:53</t>
  </si>
  <si>
    <t>56002604-2ac0-49d0-ba47-fdfc3793ab3b.tmp</t>
  </si>
  <si>
    <t>\\acsfs\profiles$\fernandofs\Downloads\56002604-2ac0-49d0-ba47-fdfc3793ab3b.tmp</t>
  </si>
  <si>
    <t>01/14/2020 16:03:38</t>
  </si>
  <si>
    <t>01/14/2020 16:01:27</t>
  </si>
  <si>
    <t>mail.google.com/sync/u/0/i/s?hl=pt-BR&amp;c=787</t>
  </si>
  <si>
    <t>01/14/2020 16:02:37</t>
  </si>
  <si>
    <t>01/14/2020 16:02:46</t>
  </si>
  <si>
    <t>01/14/2020 16:04:38</t>
  </si>
  <si>
    <t>mail.google.com/sync/u/0/i/s?hl=pt-BR&amp;c=793</t>
  </si>
  <si>
    <t>01/14/2020 16:02:49</t>
  </si>
  <si>
    <t>01/14/2020 16:00:09</t>
  </si>
  <si>
    <t>01/14/2020 16:02:44</t>
  </si>
  <si>
    <t>01/14/2020 16:05:38</t>
  </si>
  <si>
    <t>lu10376xcz8m.tmp</t>
  </si>
  <si>
    <t>\\acsfs\profiles$\victoriaksr\Downloads\lu10376xcz8m.tmp</t>
  </si>
  <si>
    <t>01/14/2020 16:03:23</t>
  </si>
  <si>
    <t>01/14/2020 16:01:30</t>
  </si>
  <si>
    <t>01/14/2020 16:06:38</t>
  </si>
  <si>
    <t>01/14/2020 16:02:30</t>
  </si>
  <si>
    <t>01/14/2020 16:02:52</t>
  </si>
  <si>
    <t>01/14/2020 16:03:50</t>
  </si>
  <si>
    <t>LAURA NICOLAU DE OLIVEIRA SANTOS_1_6777471333907369389_1_32.wav</t>
  </si>
  <si>
    <t>\\acsfs\Deptos\EDUCACAO EMPRESARIAL\KÉSIA\Ligações 2º ciclo - Janeiro 2020\LAURA NICOLAU DE OLIVEIRA SANTOS_1_6777471333907369389_1_32.wav</t>
  </si>
  <si>
    <t>01/14/2020 16:03:07</t>
  </si>
  <si>
    <t>01/14/2020 16:03:15</t>
  </si>
  <si>
    <t>01/14/2020 16:03:37</t>
  </si>
  <si>
    <t>01/14/2020 16:03:52</t>
  </si>
  <si>
    <t>01/14/2020 16:03:53</t>
  </si>
  <si>
    <t>01/14/2020 16:07:38</t>
  </si>
  <si>
    <t>01/14/2020 16:04:07</t>
  </si>
  <si>
    <t>01/14/2020 16:04:53</t>
  </si>
  <si>
    <t>01/14/2020 16:05:00</t>
  </si>
  <si>
    <t>01/14/2020 16:05:02</t>
  </si>
  <si>
    <t>01/14/2020 16:05:04</t>
  </si>
  <si>
    <t>01/14/2020 16:05:06</t>
  </si>
  <si>
    <t>01/14/2020 16:05:07</t>
  </si>
  <si>
    <t>01/14/2020 16:05:09</t>
  </si>
  <si>
    <t>01/14/2020 16:05:14</t>
  </si>
  <si>
    <t>01/14/2020 16:05:26</t>
  </si>
  <si>
    <t>01/14/2020 16:06:07</t>
  </si>
  <si>
    <t>01/14/2020 16:05:32</t>
  </si>
  <si>
    <t>01/14/2020 16:05:34</t>
  </si>
  <si>
    <t>01/14/2020 16:04:51</t>
  </si>
  <si>
    <t>lu15576izhqj.tmp</t>
  </si>
  <si>
    <t>\\acsfs\profiles$\VIVIANALDS\My Documents\lu15576izhqj.tmp</t>
  </si>
  <si>
    <t>\\acsfs\profiles$\VIVIANALDS\My Documents\lu15576izhqj.tmp\</t>
  </si>
  <si>
    <t>\\acsfs\profiles$\VIVIANALDS\My Documents\lu15576izhqj.tmp\META-INF\</t>
  </si>
  <si>
    <t>\\acsfs\profiles$\VIVIANALDS\My Documents\lu15576izhqj.tmp\Thumbnails\</t>
  </si>
  <si>
    <t>01/14/2020 16:06:15</t>
  </si>
  <si>
    <t>01/14/2020 16:04:41</t>
  </si>
  <si>
    <t>01/14/2020 16:05:43</t>
  </si>
  <si>
    <t>01/14/2020 16:05:44</t>
  </si>
  <si>
    <t>01/14/2020 16:02:47</t>
  </si>
  <si>
    <t>\\acsfs\profiles$\flaviacdst\Favorites\Welcome - 1.url\</t>
  </si>
  <si>
    <t>\\acsfs\profiles$\flaviacdst\Favorites\Welcome - 1.url\:favicon:$DATA</t>
  </si>
  <si>
    <t>\\acsfs\profiles$\flaviacdst\Favorites\Welcome - 1.url</t>
  </si>
  <si>
    <t>01/14/2020 16:06:01</t>
  </si>
  <si>
    <t>01/14/2020 16:08:38</t>
  </si>
  <si>
    <t>10.200.66.147</t>
  </si>
  <si>
    <t>01/14/2020 16:06:30</t>
  </si>
  <si>
    <t>5115e62b-d3a7-494a-bf69-53d8aa5bb229.tmp</t>
  </si>
  <si>
    <t>\\acsfs\profiles$\philipegsf\Downloads\5115e62b-d3a7-494a-bf69-53d8aa5bb229.tmp</t>
  </si>
  <si>
    <t>01/14/2020 16:06:14</t>
  </si>
  <si>
    <t>f3b4a5ee-3a5d-487d-8195-ff8ca4acad15.tmp</t>
  </si>
  <si>
    <t>\\acsfs\profiles$\fabianafv\Downloads\f3b4a5ee-3a5d-487d-8195-ff8ca4acad15.tmp</t>
  </si>
  <si>
    <t>c41c09b2-d2f2-4da5-9f92-643cfcdf5d72.tmp</t>
  </si>
  <si>
    <t>\\acsfs\profiles$\fabianobmf\Downloads\c41c09b2-d2f2-4da5-9f92-643cfcdf5d72.tmp</t>
  </si>
  <si>
    <t>01/14/2020 16:04:49</t>
  </si>
  <si>
    <t>01/14/2020 16:09:38</t>
  </si>
  <si>
    <t>mail.google.com/sync/u/0/i/s?hl=pt-BR&amp;c=797</t>
  </si>
  <si>
    <t>01/14/2020 16:05:11</t>
  </si>
  <si>
    <t>01/14/2020 16:05:29</t>
  </si>
  <si>
    <t>01/14/2020 16:05:36</t>
  </si>
  <si>
    <t>01/14/2020 16:06:06</t>
  </si>
  <si>
    <t>mail.google.com/sync/u/0/i/s?hl=pt-BR&amp;c=807</t>
  </si>
  <si>
    <t>mail.google.com/sync/u/0/i/s?hl=pt-BR&amp;c=809</t>
  </si>
  <si>
    <t>01/14/2020 16:06:35</t>
  </si>
  <si>
    <t>01/14/2020 16:06:45</t>
  </si>
  <si>
    <t>01/14/2020 16:06:50</t>
  </si>
  <si>
    <t>01/14/2020 16:06:55</t>
  </si>
  <si>
    <t>mail.google.com/sync/u/0/i/s?hl=pt-BR&amp;c=818</t>
  </si>
  <si>
    <t>01/14/2020 16:07:30</t>
  </si>
  <si>
    <t>01/14/2020 16:07:31</t>
  </si>
  <si>
    <t>01/14/2020 16:07:36</t>
  </si>
  <si>
    <t>01/14/2020 16:07:40</t>
  </si>
  <si>
    <t>mail.google.com/sync/u/0/i/s?hl=pt-BR&amp;c=826</t>
  </si>
  <si>
    <t>01/14/2020 16:07:44</t>
  </si>
  <si>
    <t>mail.google.com/sync/u/0/i/s?hl=pt-BR&amp;c=828</t>
  </si>
  <si>
    <t>01/14/2020 16:07:15</t>
  </si>
  <si>
    <t>01/14/2020 16:10:38</t>
  </si>
  <si>
    <t>01/14/2020 16:07:16</t>
  </si>
  <si>
    <t>lu398283w5mb7.tmp</t>
  </si>
  <si>
    <t>\\acsfs\profiles$\VIVIANALDS\My Documents\lu398283w5mb7.tmp</t>
  </si>
  <si>
    <t>\\acsfs\profiles$\VIVIANALDS\My Documents\lu398283w5mb7.tmp\</t>
  </si>
  <si>
    <t>\\acsfs\profiles$\VIVIANALDS\My Documents\lu398283w5mb7.tmp\META-INF\</t>
  </si>
  <si>
    <t>\\acsfs\profiles$\VIVIANALDS\My Documents\lu398283w5mb7.tmp\Thumbnails\</t>
  </si>
  <si>
    <t>01/14/2020 16:08:33</t>
  </si>
  <si>
    <t>lu398283w5mbb.tmp</t>
  </si>
  <si>
    <t>\\acsfs\profiles$\VIVIANALDS\My Documents\lu398283w5mbb.tmp</t>
  </si>
  <si>
    <t>\\acsfs\profiles$\VIVIANALDS\My Documents\lu398283w5mbb.tmp\</t>
  </si>
  <si>
    <t>\\acsfs\profiles$\VIVIANALDS\My Documents\lu398283w5mbb.tmp\META-INF\</t>
  </si>
  <si>
    <t>\\acsfs\profiles$\VIVIANALDS\My Documents\lu398283w5mbb.tmp\Thumbnails\</t>
  </si>
  <si>
    <t>01/14/2020 16:11:38</t>
  </si>
  <si>
    <t>01/14/2020 16:11:04</t>
  </si>
  <si>
    <t>THAYNARA CAMILA SANTOS LOPES_1_6779623378810639060_1_32.wav</t>
  </si>
  <si>
    <t>\\acsfs\Deptos\EDUCACAO EMPRESARIAL\KÉSIA\Ligações 2º ciclo - Janeiro 2020\THAYNARA CAMILA SANTOS LOPES_1_6779623378810639060_1_32.wav</t>
  </si>
  <si>
    <t>01/14/2020 16:12:39</t>
  </si>
  <si>
    <t>01/14/2020 16:06:34</t>
  </si>
  <si>
    <t>01/14/2020 16:07:35</t>
  </si>
  <si>
    <t>01/14/2020 16:08:34</t>
  </si>
  <si>
    <t>01/14/2020 16:09:37</t>
  </si>
  <si>
    <t>01/14/2020 16:10:34</t>
  </si>
  <si>
    <t>01/14/2020 16:11:34</t>
  </si>
  <si>
    <t>01/14/2020 16:08:13</t>
  </si>
  <si>
    <t>01/14/2020 16:13:38</t>
  </si>
  <si>
    <t>XLOG_vanessacgs_14012020_154904.log</t>
  </si>
  <si>
    <t>\\acsfs\profiles$\vanessacgs\My Documents\xworkcenter\logs\XLOG_vanessacgs_14012020_154904.log</t>
  </si>
  <si>
    <t>01/14/2020 16:09:20</t>
  </si>
  <si>
    <t>01/14/2020 16:11:00</t>
  </si>
  <si>
    <t>Apuracao.xlsx</t>
  </si>
  <si>
    <t>\\acsfs\ACS\Gabriel da Silva\Contemporânea\Gen\Apuracao.xlsx</t>
  </si>
  <si>
    <t>01/14/2020 16:11:15</t>
  </si>
  <si>
    <t>01/14/2020 16:12:19</t>
  </si>
  <si>
    <t>255a8579-fe8a-4f94-bba0-5c940b2e9604.tmp</t>
  </si>
  <si>
    <t>\\acsfs\profiles$\gabrielsma\Downloads\255a8579-fe8a-4f94-bba0-5c940b2e9604.tmp</t>
  </si>
  <si>
    <t>01/14/2020 16:12:32</t>
  </si>
  <si>
    <t>Não confirmado 979752.crdownload</t>
  </si>
  <si>
    <t>\\acsfs\ACS\Gabriel da Silva\Contemporânea\Acessos\Não confirmado 979752.crdownload</t>
  </si>
  <si>
    <t>01/14/2020 16:11:19</t>
  </si>
  <si>
    <t>4579cd67-25a1-4826-8100-6dce71333f1a.tmp</t>
  </si>
  <si>
    <t>\\acsfs\profiles$\KARENJSS\Downloads\4579cd67-25a1-4826-8100-6dce71333f1a.tmp</t>
  </si>
  <si>
    <t>01/14/2020 16:12:57</t>
  </si>
  <si>
    <t>69807cd4-6f08-4e59-bed3-7ab8ec3d7642.tmp</t>
  </si>
  <si>
    <t>\\acsfs\profiles$\KARENJSS\Downloads\69807cd4-6f08-4e59-bed3-7ab8ec3d7642.tmp</t>
  </si>
  <si>
    <t>01/14/2020 16:11:17</t>
  </si>
  <si>
    <t>37a71832-fd72-4305-91b6-731a9ee97c81.tmp</t>
  </si>
  <si>
    <t>\\acsfs\profiles$\leonardocb\Downloads\37a71832-fd72-4305-91b6-731a9ee97c81.tmp</t>
  </si>
  <si>
    <t>01/14/2020 16:11:20</t>
  </si>
  <si>
    <t>01/14/2020 16:13:22</t>
  </si>
  <si>
    <t>bb1571d4-e561-4cca-be87-43c14c96ccf9.tmp</t>
  </si>
  <si>
    <t>\\acsfs\profiles$\leonardocb\Downloads\bb1571d4-e561-4cca-be87-43c14c96ccf9.tmp</t>
  </si>
  <si>
    <t>01/14/2020 16:10:45</t>
  </si>
  <si>
    <t>01/14/2020 16:14:38</t>
  </si>
  <si>
    <t>Juliane Araujo Silva_1_6778623879791319345_1_32.wav</t>
  </si>
  <si>
    <t>\\acsfs\Deptos\EDUCACAO EMPRESARIAL\FERNANDA MONIT\Fernanda\MONITORIA JANEIRO\Ligação para MUTANT segundo ciclo janeiro\Juliane Araujo Silva_1_6778623879791319345_1_32.wav</t>
  </si>
  <si>
    <t>01/14/2020 16:11:50</t>
  </si>
  <si>
    <t>mail.google.com/sync/u/0/i/s?hl=pt-BR&amp;c=834</t>
  </si>
  <si>
    <t>01/14/2020 16:11:52</t>
  </si>
  <si>
    <t>mail.google.com/sync/u/0/i/s?hl=pt-BR&amp;c=836</t>
  </si>
  <si>
    <t>01/14/2020 16:10:19</t>
  </si>
  <si>
    <t>890b08a0-d9cd-4557-8a8e-d6d7e8e188f7.tmp</t>
  </si>
  <si>
    <t>\\acsfs\profiles$\victorgl\Downloads\890b08a0-d9cd-4557-8a8e-d6d7e8e188f7.tmp</t>
  </si>
  <si>
    <t>01/14/2020 16:12:14</t>
  </si>
  <si>
    <t>01/14/2020 16:15:38</t>
  </si>
  <si>
    <t>90b512dc-3040-409a-85e6-ba3355eac9e7.tmp</t>
  </si>
  <si>
    <t>\\acsfs\profiles$\gabrielamdp\Downloads\90b512dc-3040-409a-85e6-ba3355eac9e7.tmp</t>
  </si>
  <si>
    <t>01/14/2020 16:12:40</t>
  </si>
  <si>
    <t>10.200.66.192</t>
  </si>
  <si>
    <t>78-2B-CB-C1-07-32</t>
  </si>
  <si>
    <t>VOTORANT-GB037</t>
  </si>
  <si>
    <t>a22eefc5-8c87-4b23-aef5-b82aef653e9d.tmp</t>
  </si>
  <si>
    <t>\\acsfs\profiles$\paulohaf\Downloads\a22eefc5-8c87-4b23-aef5-b82aef653e9d.tmp</t>
  </si>
  <si>
    <t>01/14/2020 16:13:05</t>
  </si>
  <si>
    <t>8d67ec99-5a9f-4cd1-a9db-0e70e89c8a41.tmp</t>
  </si>
  <si>
    <t>\\acsfs\profiles$\paulohaf\Downloads\8d67ec99-5a9f-4cd1-a9db-0e70e89c8a41.tmp</t>
  </si>
  <si>
    <t>01/14/2020 16:14:23</t>
  </si>
  <si>
    <t>01/14/2020 16:16:37</t>
  </si>
  <si>
    <t>01/14/2020 16:14:30</t>
  </si>
  <si>
    <t>01/14/2020 16:14:33</t>
  </si>
  <si>
    <t>01/14/2020 16:14:54</t>
  </si>
  <si>
    <t>01/14/2020 16:15:01</t>
  </si>
  <si>
    <t>01/14/2020 16:15:04</t>
  </si>
  <si>
    <t>mail.google.com/sync/u/0/i/s?hl=pt-BR&amp;c=531</t>
  </si>
  <si>
    <t>01/14/2020 16:17:38</t>
  </si>
  <si>
    <t>01/14/2020 16:12:34</t>
  </si>
  <si>
    <t>01/14/2020 16:13:34</t>
  </si>
  <si>
    <t>01/14/2020 16:14:34</t>
  </si>
  <si>
    <t>01/14/2020 16:15:34</t>
  </si>
  <si>
    <t>01/14/2020 16:16:34</t>
  </si>
  <si>
    <t>01/14/2020 16:18:38</t>
  </si>
  <si>
    <t>01/14/2020 16:17:01</t>
  </si>
  <si>
    <t>01/14/2020 16:14:43</t>
  </si>
  <si>
    <t>01/14/2020 16:19:38</t>
  </si>
  <si>
    <t>mail.google.com/sync/u/0/i/s?hl=pt-BR&amp;c=841</t>
  </si>
  <si>
    <t>01/14/2020 16:15:07</t>
  </si>
  <si>
    <t>mail.google.com/sync/u/0/i/s?hl=pt-BR&amp;c=843</t>
  </si>
  <si>
    <t>01/14/2020 16:15:17</t>
  </si>
  <si>
    <t>mail.google.com/sync/u/0/i/s?hl=pt-BR&amp;c=846</t>
  </si>
  <si>
    <t>01/14/2020 16:15:21</t>
  </si>
  <si>
    <t>mail.google.com/sync/u/0/i/s?hl=pt-BR&amp;c=848</t>
  </si>
  <si>
    <t>01/14/2020 16:15:27</t>
  </si>
  <si>
    <t>mail.google.com/sync/u/0/i/s?hl=pt-BR&amp;c=850</t>
  </si>
  <si>
    <t>01/14/2020 16:15:33</t>
  </si>
  <si>
    <t>01/14/2020 16:15:43</t>
  </si>
  <si>
    <t>01/14/2020 16:15:47</t>
  </si>
  <si>
    <t>mail.google.com/sync/u/0/i/s?hl=pt-BR&amp;c=857</t>
  </si>
  <si>
    <t>01/14/2020 16:15:51</t>
  </si>
  <si>
    <t>01/14/2020 16:15:58</t>
  </si>
  <si>
    <t>01/14/2020 16:16:59</t>
  </si>
  <si>
    <t>mail.google.com/sync/u/0/i/s?hl=pt-BR&amp;c=865</t>
  </si>
  <si>
    <t>01/14/2020 16:17:43</t>
  </si>
  <si>
    <t>mail.google.com/sync/u/0/i/s?hl=pt-BR&amp;c=868</t>
  </si>
  <si>
    <t>01/14/2020 16:17:42</t>
  </si>
  <si>
    <t>d8f2152c-5e05-4b70-abd4-1483e8544ed5.tmp</t>
  </si>
  <si>
    <t>\\acsfs\profiles$\lorraynevam\Downloads\d8f2152c-5e05-4b70-abd4-1483e8544ed5.tmp</t>
  </si>
  <si>
    <t>01/14/2020 16:20:38</t>
  </si>
  <si>
    <t>01/14/2020 16:16:51</t>
  </si>
  <si>
    <t>2904d596-ae0f-408d-9a51-34df8aa11a01.tmp</t>
  </si>
  <si>
    <t>\\acsfs\profiles$\ingridsm\Downloads\2904d596-ae0f-408d-9a51-34df8aa11a01.tmp</t>
  </si>
  <si>
    <t>01/14/2020 16:18:48</t>
  </si>
  <si>
    <t>f64a849b-dbe2-40c7-8481-9faf01acfb80.tmp</t>
  </si>
  <si>
    <t>\\acsfs\profiles$\ingridsm\Downloads\f64a849b-dbe2-40c7-8481-9faf01acfb80.tmp</t>
  </si>
  <si>
    <t>01/14/2020 16:16:31</t>
  </si>
  <si>
    <t>01/14/2020 16:21:38</t>
  </si>
  <si>
    <t>01/14/2020 16:17:59</t>
  </si>
  <si>
    <t>01/14/2020 16:18:06</t>
  </si>
  <si>
    <t>01/14/2020 16:18:54</t>
  </si>
  <si>
    <t>01/14/2020 16:19:18</t>
  </si>
  <si>
    <t>mail.google.com/sync/u/0/i/s?hl=pt-BR&amp;c=544</t>
  </si>
  <si>
    <t>01/14/2020 16:19:27</t>
  </si>
  <si>
    <t>mail.google.com/sync/u/0/i/s?hl=pt-BR&amp;c=546</t>
  </si>
  <si>
    <t>01/14/2020 16:19:29</t>
  </si>
  <si>
    <t>01/14/2020 16:19:52</t>
  </si>
  <si>
    <t>01/14/2020 16:20:20</t>
  </si>
  <si>
    <t>mail.google.com/sync/u/0/i/s?hl=pt-BR&amp;c=553</t>
  </si>
  <si>
    <t>01/14/2020 16:20:31</t>
  </si>
  <si>
    <t>01/14/2020 16:20:34</t>
  </si>
  <si>
    <t>01/14/2020 16:20:37</t>
  </si>
  <si>
    <t>01/14/2020 16:22:38</t>
  </si>
  <si>
    <t>01/14/2020 16:17:34</t>
  </si>
  <si>
    <t>01/14/2020 16:18:34</t>
  </si>
  <si>
    <t>01/14/2020 16:19:34</t>
  </si>
  <si>
    <t>01/14/2020 16:21:34</t>
  </si>
  <si>
    <t>01/14/2020 16:18:12</t>
  </si>
  <si>
    <t>\\acsfs\profiles$\geovannasm\My Documents\</t>
  </si>
  <si>
    <t>555.txt</t>
  </si>
  <si>
    <t>\\acsfs\profiles$\geovannasm\My Documents\555.txt</t>
  </si>
  <si>
    <t>01/14/2020 16:18:59</t>
  </si>
  <si>
    <t>01/14/2020 16:23:38</t>
  </si>
  <si>
    <t>01/14/2020 16:23:12</t>
  </si>
  <si>
    <t>lu314203qhuwd.tmp</t>
  </si>
  <si>
    <t>\\acsfs\profiles$\jalilebds\Downloads\lu314203qhuwd.tmp</t>
  </si>
  <si>
    <t>01/14/2020 16:20:41</t>
  </si>
  <si>
    <t>01/14/2020 16:24:38</t>
  </si>
  <si>
    <t>Nycolle Eduarda Martins De Jesus_1_6778240687104144575_1_32.wav</t>
  </si>
  <si>
    <t>\\acsfs\Deptos\EDUCACAO EMPRESARIAL\FERNANDA MONIT\Fernanda\MONITORIA JANEIRO\Ligação para MUTANT segundo ciclo janeiro\Nycolle Eduarda Martins De Jesus_1_6778240687104144575_1_32.wav</t>
  </si>
  <si>
    <t>01/14/2020 16:22:40</t>
  </si>
  <si>
    <t>01/14/2020 16:25:38</t>
  </si>
  <si>
    <t>e5b0b508-8e20-4e03-9e27-7234fe67f3b5.tmp</t>
  </si>
  <si>
    <t>\\acsfs\profiles$\gabrielamdp\Downloads\e5b0b508-8e20-4e03-9e27-7234fe67f3b5.tmp</t>
  </si>
  <si>
    <t>01/14/2020 16:20:50</t>
  </si>
  <si>
    <t>01/14/2020 16:26:38</t>
  </si>
  <si>
    <t>01/14/2020 16:20:59</t>
  </si>
  <si>
    <t>01/14/2020 16:21:06</t>
  </si>
  <si>
    <t>01/14/2020 16:21:24</t>
  </si>
  <si>
    <t>01/14/2020 16:21:35</t>
  </si>
  <si>
    <t>01/14/2020 16:21:54</t>
  </si>
  <si>
    <t>01/14/2020 16:21:58</t>
  </si>
  <si>
    <t>01/14/2020 16:22:03</t>
  </si>
  <si>
    <t>01/14/2020 16:22:07</t>
  </si>
  <si>
    <t>01/14/2020 16:22:10</t>
  </si>
  <si>
    <t>01/14/2020 16:23:20</t>
  </si>
  <si>
    <t>01/14/2020 16:23:29</t>
  </si>
  <si>
    <t>01/14/2020 16:23:03</t>
  </si>
  <si>
    <t>3461255a-059d-4b1a-8494-c5cec74bdfd4.tmp</t>
  </si>
  <si>
    <t>\\acsfs\profiles$\LUCASNS\Downloads\3461255a-059d-4b1a-8494-c5cec74bdfd4.tmp</t>
  </si>
  <si>
    <t>01/14/2020 16:27:38</t>
  </si>
  <si>
    <t>01/14/2020 16:22:34</t>
  </si>
  <si>
    <t>01/14/2020 16:23:34</t>
  </si>
  <si>
    <t>01/14/2020 16:24:37</t>
  </si>
  <si>
    <t>01/14/2020 16:25:34</t>
  </si>
  <si>
    <t>01/14/2020 16:26:34</t>
  </si>
  <si>
    <t>01/14/2020 16:26:20</t>
  </si>
  <si>
    <t>lu290362jy5u2.tmp</t>
  </si>
  <si>
    <t>\\acsfs\profiles$\lucasgpe\Desktop\lu290362jy5u2.tmp</t>
  </si>
  <si>
    <t>\\acsfs\profiles$\lucasgpe\Desktop\lu290362jy5u2.tmp\</t>
  </si>
  <si>
    <t>\\acsfs\profiles$\lucasgpe\Desktop\lu290362jy5u2.tmp\META-INF\</t>
  </si>
  <si>
    <t>\\acsfs\profiles$\lucasgpe\Desktop\lu290362jy5u2.tmp\Thumbnails\</t>
  </si>
  <si>
    <t>01/14/2020 16:27:02</t>
  </si>
  <si>
    <t>01/14/2020 16:28:38</t>
  </si>
  <si>
    <t>27394daf-e6e4-45b8-a9fa-703e1d71a5ac.tmp</t>
  </si>
  <si>
    <t>\\acsfs\profiles$\layonmof\Downloads\27394daf-e6e4-45b8-a9fa-703e1d71a5ac.tmp</t>
  </si>
  <si>
    <t>01/14/2020 16:25:31</t>
  </si>
  <si>
    <t>dfe7bc0a-3b8d-4e95-9e41-d392a6460e34.tmp</t>
  </si>
  <si>
    <t>\\acsfs\profiles$\rosileiam\Downloads\dfe7bc0a-3b8d-4e95-9e41-d392a6460e34.tmp</t>
  </si>
  <si>
    <t>01/14/2020 16:26:17</t>
  </si>
  <si>
    <t>01/14/2020 16:28:06</t>
  </si>
  <si>
    <t>0b4ada88-1970-4d2f-b9fd-00293f5f9570.tmp</t>
  </si>
  <si>
    <t>\\acsfs\profiles$\leonardocb\Downloads\0b4ada88-1970-4d2f-b9fd-00293f5f9570.tmp</t>
  </si>
  <si>
    <t>01/14/2020 16:24:58</t>
  </si>
  <si>
    <t>685e86e2-a07d-42be-a2f2-826ec4b269a0.tmp</t>
  </si>
  <si>
    <t>\\acsfs\profiles$\fabianobmf\Downloads\685e86e2-a07d-42be-a2f2-826ec4b269a0.tmp</t>
  </si>
  <si>
    <t>01/14/2020 16:29:38</t>
  </si>
  <si>
    <t>01/14/2020 16:25:54</t>
  </si>
  <si>
    <t>mail.google.com/sync/u/0/i/s?hl=pt-BR&amp;c=877</t>
  </si>
  <si>
    <t>01/14/2020 16:26:00</t>
  </si>
  <si>
    <t>01/14/2020 16:26:42</t>
  </si>
  <si>
    <t>mail.google.com/sync/u/0/i/s?hl=pt-BR&amp;c=884</t>
  </si>
  <si>
    <t>01/14/2020 16:26:54</t>
  </si>
  <si>
    <t>mail.google.com/sync/u/0/i/s?hl=pt-BR&amp;c=886</t>
  </si>
  <si>
    <t>01/14/2020 16:27:10</t>
  </si>
  <si>
    <t>mail.google.com/sync/u/0/i/s?hl=pt-BR&amp;c=888</t>
  </si>
  <si>
    <t>01/14/2020 16:27:29</t>
  </si>
  <si>
    <t>mail.google.com/sync/u/0/i/s?hl=pt-BR&amp;c=890</t>
  </si>
  <si>
    <t>01/14/2020 16:27:39</t>
  </si>
  <si>
    <t>01/14/2020 16:27:49</t>
  </si>
  <si>
    <t>01/14/2020 16:28:13</t>
  </si>
  <si>
    <t>mail.google.com/sync/u/0/i/s?hl=pt-BR&amp;c=899</t>
  </si>
  <si>
    <t>01/14/2020 16:27:45</t>
  </si>
  <si>
    <t>f2347ed4-560d-46c1-923b-09e142d61960.tmp</t>
  </si>
  <si>
    <t>\\acsfs\profiles$\larissaad\Downloads\f2347ed4-560d-46c1-923b-09e142d61960.tmp</t>
  </si>
  <si>
    <t>01/14/2020 16:27:28</t>
  </si>
  <si>
    <t>01/14/2020 16:26:27</t>
  </si>
  <si>
    <t>01/14/2020 16:30:37</t>
  </si>
  <si>
    <t>01/14/2020 16:26:28</t>
  </si>
  <si>
    <t>lu10376xcz90.tmp</t>
  </si>
  <si>
    <t>\\acsfs\profiles$\victoriaksr\My Documents\lu10376xcz90.tmp</t>
  </si>
  <si>
    <t>01/14/2020 16:26:37</t>
  </si>
  <si>
    <t>lu10376xcz99.tmp</t>
  </si>
  <si>
    <t>\\acsfs\profiles$\victoriaksr\Downloads\lu10376xcz99.tmp</t>
  </si>
  <si>
    <t>01/14/2020 16:27:56</t>
  </si>
  <si>
    <t>Novo Documento RTF.rtf</t>
  </si>
  <si>
    <t>\\acsfs\profiles$\victoriaksr\My Documents\Novo Documento RTF.rtf</t>
  </si>
  <si>
    <t>01/14/2020 16:28:08</t>
  </si>
  <si>
    <t>.~lock.TESTE.rtf#</t>
  </si>
  <si>
    <t>\\acsfs\profiles$\victoriaksr\My Documents\.~lock.TESTE.rtf#</t>
  </si>
  <si>
    <t>01/14/2020 16:28:20</t>
  </si>
  <si>
    <t>\\acsfs\profiles$\victoriaksr\My Documents\$RECYCLE.BIN\</t>
  </si>
  <si>
    <t>$IBQNKZ3.rtf</t>
  </si>
  <si>
    <t>\\acsfs\profiles$\victoriaksr\My Documents\$RECYCLE.BIN\$IBQNKZ3.rtf</t>
  </si>
  <si>
    <t>01/14/2020 16:28:28</t>
  </si>
  <si>
    <t>1724 (Tratados) - Copia.ods</t>
  </si>
  <si>
    <t>\\acsfs\profiles$\victoriaksr\My Documents\1724 (Tratados) - Copia.ods</t>
  </si>
  <si>
    <t>\\acsfs\profiles$\victoriaksr\My Documents\1724 (Tratados) - Copia.ods\</t>
  </si>
  <si>
    <t>\\acsfs\profiles$\victoriaksr\My Documents\1724 (Tratados) - Copia.ods\META-INF\</t>
  </si>
  <si>
    <t>\\acsfs\profiles$\victoriaksr\My Documents\1724 (Tratados) - Copia.ods\Thumbnails\</t>
  </si>
  <si>
    <t>01/14/2020 16:28:37</t>
  </si>
  <si>
    <t>.~lock.TESTE.ods#</t>
  </si>
  <si>
    <t>\\acsfs\profiles$\victoriaksr\My Documents\.~lock.TESTE.ods#</t>
  </si>
  <si>
    <t>01/14/2020 16:25:56</t>
  </si>
  <si>
    <t>01/14/2020 16:31:38</t>
  </si>
  <si>
    <t>01/14/2020 16:26:06</t>
  </si>
  <si>
    <t>01/14/2020 16:26:14</t>
  </si>
  <si>
    <t>01/14/2020 16:26:16</t>
  </si>
  <si>
    <t>01/14/2020 16:26:30</t>
  </si>
  <si>
    <t>mail.google.com/sync/u/0/i/s?hl=pt-BR&amp;c=601</t>
  </si>
  <si>
    <t>01/14/2020 16:28:02</t>
  </si>
  <si>
    <t>01/14/2020 16:28:29</t>
  </si>
  <si>
    <t>01/14/2020 16:29:07</t>
  </si>
  <si>
    <t>01/14/2020 16:30:15</t>
  </si>
  <si>
    <t>01/14/2020 16:32:37</t>
  </si>
  <si>
    <t>01/14/2020 16:27:34</t>
  </si>
  <si>
    <t>01/14/2020 16:28:34</t>
  </si>
  <si>
    <t>01/14/2020 16:29:34</t>
  </si>
  <si>
    <t>01/14/2020 16:29:54</t>
  </si>
  <si>
    <t>01/14/2020 16:30:34</t>
  </si>
  <si>
    <t>01/14/2020 16:31:34</t>
  </si>
  <si>
    <t>01/14/2020 16:30:31</t>
  </si>
  <si>
    <t>\\acsfs\Deptos\Operacao\Banco_Votorantim\Supervisao\Maristela\CRBV vendas\Desligamento\Não confirmado 773281.crdownload\</t>
  </si>
  <si>
    <t>\\acsfs\Deptos\Operacao\Banco_Votorantim\Supervisao\Maristela\CRBV vendas\Desligamento\Não confirmado 773281.crdownload</t>
  </si>
  <si>
    <t>01/14/2020 16:30:32</t>
  </si>
  <si>
    <t>Não confirmado 773281.crdownload</t>
  </si>
  <si>
    <t>01/14/2020 16:31:48</t>
  </si>
  <si>
    <t>01/14/2020 16:33:38</t>
  </si>
  <si>
    <t>114d45da-280c-42d1-9b07-7b9a1351c945.tmp</t>
  </si>
  <si>
    <t>\\acsfs\profiles$\layonmof\Downloads\114d45da-280c-42d1-9b07-7b9a1351c945.tmp</t>
  </si>
  <si>
    <t>01/14/2020 16:31:13</t>
  </si>
  <si>
    <t>exclusoesXdocx.xlsx</t>
  </si>
  <si>
    <t>\\acsfs\ACS\Gabriel da Silva\Contemporânea\Acessos\exclusoesXdocx.xlsx</t>
  </si>
  <si>
    <t>01/14/2020 16:31:49</t>
  </si>
  <si>
    <t>lu314203qhuwg.tmp</t>
  </si>
  <si>
    <t>\\acsfs\profiles$\jalilebds\Downloads\lu314203qhuwg.tmp</t>
  </si>
  <si>
    <t>01/14/2020 16:31:28</t>
  </si>
  <si>
    <t>01/14/2020 16:34:38</t>
  </si>
  <si>
    <t>0a2f5eb0-1f9a-461d-a758-61ec48ae2468.tmp</t>
  </si>
  <si>
    <t>\\acsfs\profiles$\laylaams\Downloads\0a2f5eb0-1f9a-461d-a758-61ec48ae2468.tmp</t>
  </si>
  <si>
    <t>01/14/2020 16:30:36</t>
  </si>
  <si>
    <t>01/14/2020 16:30:56</t>
  </si>
  <si>
    <t>01/14/2020 16:31:17</t>
  </si>
  <si>
    <t>01/14/2020 16:31:29</t>
  </si>
  <si>
    <t>01/14/2020 16:31:10</t>
  </si>
  <si>
    <t>ccd85683-3e3b-4e86-a8e3-03925e31bc5f.tmp</t>
  </si>
  <si>
    <t>\\acsfs\profiles$\victorgl\Downloads\ccd85683-3e3b-4e86-a8e3-03925e31bc5f.tmp</t>
  </si>
  <si>
    <t>01/14/2020 16:30:53</t>
  </si>
  <si>
    <t>01/14/2020 16:35:38</t>
  </si>
  <si>
    <t>8000d88e-a15d-411a-865d-f00631e4b35b.tmp</t>
  </si>
  <si>
    <t>\\acsfs\profiles$\taylaedoa\Downloads\8000d88e-a15d-411a-865d-f00631e4b35b.tmp</t>
  </si>
  <si>
    <t>01/14/2020 16:32:38</t>
  </si>
  <si>
    <t>01/14/2020 16:36:38</t>
  </si>
  <si>
    <t>01/14/2020 16:32:52</t>
  </si>
  <si>
    <t>01/14/2020 16:33:21</t>
  </si>
  <si>
    <t>01/14/2020 16:33:33</t>
  </si>
  <si>
    <t>01/14/2020 16:33:51</t>
  </si>
  <si>
    <t>anderson.magalhaes@dxc.com;brcardsparametros@dxc.com;daniela.ribeiro@bv.com.br;eric.delomodarme@dxc.com;fabio.ernest@bv.com.br;jean.loiola@bv.com.br;priscila.pedro@dxc.com;</t>
  </si>
  <si>
    <t>anderson.magalhaes@dxc.com,brcardsparametros@dxc.com,daniela.ribeiro@bv.com.br,eric.delomodarme@dxc.com,fabio.ernest@bv.com.br,jean.loiola@bv.com.br,priscila.pedro@dxc.com</t>
  </si>
  <si>
    <t>01/14/2020 16:33:57</t>
  </si>
  <si>
    <t>01/14/2020 16:33:58</t>
  </si>
  <si>
    <t>01/14/2020 16:34:05</t>
  </si>
  <si>
    <t>01/14/2020 16:35:49</t>
  </si>
  <si>
    <t>anderson.magalhaes@dxc.com;brcardsparametros@dxc.com;bvs-centralcartoes@bv.com.br;daniela.ribeiro@bv.com.br;eric.delomodarme@dxc.com;fabio.ernest@bv.com.br;jean.loiola@bv.com.br;priscila.pedro@dxc.com;</t>
  </si>
  <si>
    <t>anderson.magalhaes@dxc.com,brcardsparametros@dxc.com,bvs-centralcartoes@bv.com.br,daniela.ribeiro@bv.com.br,eric.delomodarme@dxc.com,fabio.ernest@bv.com.br,jean.loiola@bv.com.br,priscila.pedro@dxc.com</t>
  </si>
  <si>
    <t>01/14/2020 16:36:02</t>
  </si>
  <si>
    <t>01/14/2020 16:36:39</t>
  </si>
  <si>
    <t>01/14/2020 16:36:03</t>
  </si>
  <si>
    <t>01/14/2020 16:37:38</t>
  </si>
  <si>
    <t>01/14/2020 16:32:34</t>
  </si>
  <si>
    <t>01/14/2020 16:32:40</t>
  </si>
  <si>
    <t>01/14/2020 16:32:58</t>
  </si>
  <si>
    <t>01/14/2020 16:33:07</t>
  </si>
  <si>
    <t>01/14/2020 16:33:18</t>
  </si>
  <si>
    <t>01/14/2020 16:34:18</t>
  </si>
  <si>
    <t>01/14/2020 16:35:18</t>
  </si>
  <si>
    <t>01/14/2020 16:36:18</t>
  </si>
  <si>
    <t>01/14/2020 16:37:10</t>
  </si>
  <si>
    <t>01/14/2020 16:38:38</t>
  </si>
  <si>
    <t>01/14/2020 16:36:53</t>
  </si>
  <si>
    <t>lu314203qhuwj.tmp</t>
  </si>
  <si>
    <t>\\acsfs\profiles$\jalilebds\Downloads\lu314203qhuwj.tmp</t>
  </si>
  <si>
    <t>01/14/2020 16:35:07</t>
  </si>
  <si>
    <t>51932c15-1525-4a99-9bd5-e0078bec6f9c.tmp</t>
  </si>
  <si>
    <t>\\acsfs\profiles$\fabianobmf\Downloads\51932c15-1525-4a99-9bd5-e0078bec6f9c.tmp</t>
  </si>
  <si>
    <t>01/14/2020 16:36:24</t>
  </si>
  <si>
    <t>01/14/2020 16:39:37</t>
  </si>
  <si>
    <t>Tayla Elias De Oliveira Alves_1_6777447642867768528_1_32.wav</t>
  </si>
  <si>
    <t>\\acsfs\Deptos\EDUCACAO EMPRESARIAL\FERNANDA MONIT\Fernanda\MONITORIA JANEIRO\Ligação para MUTANT segundo ciclo janeiro\Tayla Elias De Oliveira Alves_1_6777447642867768528_1_32.wav</t>
  </si>
  <si>
    <t>01/14/2020 16:37:51</t>
  </si>
  <si>
    <t>mail.google.com/sync/u/0/i/s?hl=pt-BR&amp;c=910</t>
  </si>
  <si>
    <t>01/14/2020 16:37:55</t>
  </si>
  <si>
    <t>mail.google.com/sync/u/0/i/s?hl=pt-BR&amp;c=912</t>
  </si>
  <si>
    <t>01/14/2020 16:38:31</t>
  </si>
  <si>
    <t>mail.google.com/sync/u/0/i/s?hl=pt-BR&amp;c=915</t>
  </si>
  <si>
    <t>01/14/2020 16:35:21</t>
  </si>
  <si>
    <t>01/14/2020 16:35:08</t>
  </si>
  <si>
    <t>0be0a1d6-3cc4-4ea3-bebe-5f258c5f8781.tmp</t>
  </si>
  <si>
    <t>\\acsfs\profiles$\nathaliarmr\Downloads\0be0a1d6-3cc4-4ea3-bebe-5f258c5f8781.tmp</t>
  </si>
  <si>
    <t>01/14/2020 16:37:32</t>
  </si>
  <si>
    <t>01/14/2020 16:41:38</t>
  </si>
  <si>
    <t>13-01 RELATORIO DE LOGIN AVON - Cópia.xlsm</t>
  </si>
  <si>
    <t>\\acsfs\deptos\Operacao\PCP\5 - Comum\CONTROL DESK\2 - DAC2\Control Desk AVON\Relatorios\Status de login\2020\13-01 RELATORIO DE LOGIN AVON - Cópia.xlsm</t>
  </si>
  <si>
    <t>01/14/2020 16:39:40</t>
  </si>
  <si>
    <t>mail.google.com/sync/u/0/i/s?hl=pt-BR&amp;c=11</t>
  </si>
  <si>
    <t>01/14/2020 16:39:49</t>
  </si>
  <si>
    <t>01/14/2020 16:39:54</t>
  </si>
  <si>
    <t>01/14/2020 16:39:57</t>
  </si>
  <si>
    <t>01/14/2020 16:40:09</t>
  </si>
  <si>
    <t>01/14/2020 16:40:12</t>
  </si>
  <si>
    <t>01/14/2020 16:40:22</t>
  </si>
  <si>
    <t>01/14/2020 16:40:36</t>
  </si>
  <si>
    <t>01/14/2020 16:41:01</t>
  </si>
  <si>
    <t>01/14/2020 16:42:38</t>
  </si>
  <si>
    <t>01/14/2020 16:37:16</t>
  </si>
  <si>
    <t>01/14/2020 16:37:29</t>
  </si>
  <si>
    <t>01/14/2020 16:37:37</t>
  </si>
  <si>
    <t>01/14/2020 16:37:54</t>
  </si>
  <si>
    <t>01/14/2020 16:37:58</t>
  </si>
  <si>
    <t>01/14/2020 16:38:02</t>
  </si>
  <si>
    <t>01/14/2020 16:38:07</t>
  </si>
  <si>
    <t>01/14/2020 16:38:15</t>
  </si>
  <si>
    <t>01/14/2020 16:38:18</t>
  </si>
  <si>
    <t>01/14/2020 16:38:33</t>
  </si>
  <si>
    <t>01/14/2020 16:38:37</t>
  </si>
  <si>
    <t>01/14/2020 16:38:40</t>
  </si>
  <si>
    <t>01/14/2020 16:38:58</t>
  </si>
  <si>
    <t>01/14/2020 16:39:17</t>
  </si>
  <si>
    <t>01/14/2020 16:39:20</t>
  </si>
  <si>
    <t>01/14/2020 16:39:47</t>
  </si>
  <si>
    <t>01/14/2020 16:39:50</t>
  </si>
  <si>
    <t>01/14/2020 16:40:04</t>
  </si>
  <si>
    <t>01/14/2020 16:40:06</t>
  </si>
  <si>
    <t>01/14/2020 16:40:07</t>
  </si>
  <si>
    <t>01/14/2020 16:40:20</t>
  </si>
  <si>
    <t>01/14/2020 16:40:37</t>
  </si>
  <si>
    <t>01/14/2020 16:40:41</t>
  </si>
  <si>
    <t>01/14/2020 16:40:42</t>
  </si>
  <si>
    <t>01/14/2020 16:41:07</t>
  </si>
  <si>
    <t>01/14/2020 16:41:42</t>
  </si>
  <si>
    <t>01/14/2020 16:39:22</t>
  </si>
  <si>
    <t>3b30885f-8d01-4ae3-939d-dbbb805d417d.tmp</t>
  </si>
  <si>
    <t>\\acsfs\profiles$\ingridsm\Downloads\3b30885f-8d01-4ae3-939d-dbbb805d417d.tmp</t>
  </si>
  <si>
    <t>01/14/2020 16:41:19</t>
  </si>
  <si>
    <t>61c68d5f-d0b3-48dd-8b36-69a37ec1c43b.tmp</t>
  </si>
  <si>
    <t>\\acsfs\profiles$\ingridsm\Downloads\61c68d5f-d0b3-48dd-8b36-69a37ec1c43b.tmp</t>
  </si>
  <si>
    <t>01/14/2020 16:41:31</t>
  </si>
  <si>
    <t>01/14/2020 16:43:37</t>
  </si>
  <si>
    <t>01/14/2020 16:42:16</t>
  </si>
  <si>
    <t>01/14/2020 16:40:38</t>
  </si>
  <si>
    <t>lu314203qhuwm.tmp</t>
  </si>
  <si>
    <t>\\acsfs\profiles$\jalilebds\Downloads\lu314203qhuwm.tmp</t>
  </si>
  <si>
    <t>01/14/2020 16:38:42</t>
  </si>
  <si>
    <t>17fbc8cc-91c6-4591-8c1f-4f55f770854e.tmp</t>
  </si>
  <si>
    <t>\\acsfs\profiles$\fabianobmf\Downloads\17fbc8cc-91c6-4591-8c1f-4f55f770854e.tmp</t>
  </si>
  <si>
    <t>01/14/2020 16:38:44</t>
  </si>
  <si>
    <t>01/14/2020 16:44:38</t>
  </si>
  <si>
    <t>mail.google.com/sync/u/0/i/s?hl=pt-BR&amp;c=918</t>
  </si>
  <si>
    <t>01/14/2020 16:38:53</t>
  </si>
  <si>
    <t>mail.google.com/sync/u/0/i/s?hl=pt-BR&amp;c=920</t>
  </si>
  <si>
    <t>01/14/2020 16:39:03</t>
  </si>
  <si>
    <t>mail.google.com/sync/u/0/i/s?hl=pt-BR&amp;c=922</t>
  </si>
  <si>
    <t>01/14/2020 16:39:09</t>
  </si>
  <si>
    <t>01/14/2020 16:39:16</t>
  </si>
  <si>
    <t>01/14/2020 16:42:34</t>
  </si>
  <si>
    <t>mail.google.com/sync/u/0/i/s?hl=pt-BR&amp;c=931</t>
  </si>
  <si>
    <t>01/14/2020 16:42:42</t>
  </si>
  <si>
    <t>mail.google.com/sync/u/0/i/s?hl=pt-BR&amp;c=934</t>
  </si>
  <si>
    <t>01/14/2020 16:42:51</t>
  </si>
  <si>
    <t>01/14/2020 16:42:53</t>
  </si>
  <si>
    <t>01/14/2020 16:41:32</t>
  </si>
  <si>
    <t>b83016d3-e28a-46cd-8a8d-a897560bb8b2.tmp</t>
  </si>
  <si>
    <t>\\acsfs\profiles$\larissaad\Downloads\b83016d3-e28a-46cd-8a8d-a897560bb8b2.tmp</t>
  </si>
  <si>
    <t>01/14/2020 16:42:00</t>
  </si>
  <si>
    <t>ac1fac83-9790-4561-89f3-c1c59327c0b2.tmp</t>
  </si>
  <si>
    <t>\\acsfs\profiles$\larissaad\Downloads\ac1fac83-9790-4561-89f3-c1c59327c0b2.tmp</t>
  </si>
  <si>
    <t>01/14/2020 16:43:22</t>
  </si>
  <si>
    <t>5c2d96a9-8d2c-4903-9f02-cb6bf3fce3b5.tmp</t>
  </si>
  <si>
    <t>\\acsfs\profiles$\rafaelacdoc\Downloads\5c2d96a9-8d2c-4903-9f02-cb6bf3fce3b5.tmp</t>
  </si>
  <si>
    <t>01/14/2020 16:44:26</t>
  </si>
  <si>
    <t>01/14/2020 16:45:38</t>
  </si>
  <si>
    <t>lu10376xcz9q.tmp</t>
  </si>
  <si>
    <t>\\acsfs\profiles$\victoriaksr\My Documents\lu10376xcz9q.tmp</t>
  </si>
  <si>
    <t>01/14/2020 16:41:29</t>
  </si>
  <si>
    <t>01/14/2020 16:46:38</t>
  </si>
  <si>
    <t>.~lock.Casos de reclamação.ods#</t>
  </si>
  <si>
    <t>\\acsfs\profiles$\LUISPLS\My Documents\Nova pasta\.~lock.Casos de reclamação.ods#</t>
  </si>
  <si>
    <t>01/14/2020 16:47:38</t>
  </si>
  <si>
    <t>01/14/2020 16:42:31</t>
  </si>
  <si>
    <t>01/14/2020 16:43:42</t>
  </si>
  <si>
    <t>01/14/2020 16:44:42</t>
  </si>
  <si>
    <t>01/14/2020 16:45:42</t>
  </si>
  <si>
    <t>01/14/2020 16:46:42</t>
  </si>
  <si>
    <t>01/14/2020 16:45:09</t>
  </si>
  <si>
    <t>01/14/2020 16:42:07</t>
  </si>
  <si>
    <t>01/14/2020 16:42:08</t>
  </si>
  <si>
    <t>01/14/2020 16:42:20</t>
  </si>
  <si>
    <t>29977acc-1bef-4add-b560-b63416438c26.tmp</t>
  </si>
  <si>
    <t>\\acsfs\profiles$\ingridsm\Downloads\29977acc-1bef-4add-b560-b63416438c26.tmp</t>
  </si>
  <si>
    <t>01/14/2020 16:43:02</t>
  </si>
  <si>
    <t>01/14/2020 16:48:38</t>
  </si>
  <si>
    <t>andrelpsa@algartech.com;leonardoao@algartech.com;supervisaobancovotorantim@algartech.com;</t>
  </si>
  <si>
    <t>andrelpsa@algartech.com,leonardoao@algartech.com,supervisaobancovotorantim@algartech.com</t>
  </si>
  <si>
    <t>01/14/2020 16:43:33</t>
  </si>
  <si>
    <t>01/14/2020 16:44:00</t>
  </si>
  <si>
    <t>01/14/2020 16:44:21</t>
  </si>
  <si>
    <t>01/14/2020 16:44:31</t>
  </si>
  <si>
    <t>01/14/2020 16:44:51</t>
  </si>
  <si>
    <t>01/14/2020 16:44:55</t>
  </si>
  <si>
    <t>01/14/2020 16:45:03</t>
  </si>
  <si>
    <t>01/14/2020 16:45:12</t>
  </si>
  <si>
    <t>01/14/2020 16:44:05</t>
  </si>
  <si>
    <t>01/14/2020 16:44:11</t>
  </si>
  <si>
    <t>outlook.office.com/owa/service.svc?action=CreateItem&amp;app=Mail&amp;n=189</t>
  </si>
  <si>
    <t>01/14/2020 16:47:47</t>
  </si>
  <si>
    <t>http://erp.algartech.com/techonline/workflow/postupload.aspx?tp=add&amp;info_s=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</t>
  </si>
  <si>
    <t>Formulário TTV - Lançamento de Hora Extra (1).xlsx</t>
  </si>
  <si>
    <t>01/14/2020 16:46:19</t>
  </si>
  <si>
    <t>01/14/2020 16:46:20</t>
  </si>
  <si>
    <t>lu314203qhuwp.tmp</t>
  </si>
  <si>
    <t>\\acsfs\profiles$\jalilebds\Downloads\lu314203qhuwp.tmp</t>
  </si>
  <si>
    <t>01/14/2020 16:45:22</t>
  </si>
  <si>
    <t>750df88b-4ba8-4be2-8669-f2afac215630.tmp</t>
  </si>
  <si>
    <t>\\acsfs\profiles$\fabianobmf\Downloads\750df88b-4ba8-4be2-8669-f2afac215630.tmp</t>
  </si>
  <si>
    <t>01/14/2020 16:49:38</t>
  </si>
  <si>
    <t>01/14/2020 16:44:46</t>
  </si>
  <si>
    <t>01/14/2020 16:44:47</t>
  </si>
  <si>
    <t>lu274883g0ce6.tmp</t>
  </si>
  <si>
    <t>\\acsfs\profiles$\LORRAYNEVAM\lu274883g0ce6.tmp</t>
  </si>
  <si>
    <t>\\acsfs\profiles$\LORRAYNEVAM\lu274883g0ce6.tmp\</t>
  </si>
  <si>
    <t>\\acsfs\profiles$\LORRAYNEVAM\lu274883g0ce6.tmp\META-INF\</t>
  </si>
  <si>
    <t>\\acsfs\profiles$\LORRAYNEVAM\lu274883g0ce6.tmp\Thumbnails\</t>
  </si>
  <si>
    <t>01/14/2020 16:48:48</t>
  </si>
  <si>
    <t>01/14/2020 16:51:38</t>
  </si>
  <si>
    <t>01/14/2020 16:48:52</t>
  </si>
  <si>
    <t>01/14/2020 16:48:58</t>
  </si>
  <si>
    <t>01/14/2020 16:50:02</t>
  </si>
  <si>
    <t>01/14/2020 16:50:09</t>
  </si>
  <si>
    <t>01/14/2020 16:52:38</t>
  </si>
  <si>
    <t>01/14/2020 16:47:42</t>
  </si>
  <si>
    <t>01/14/2020 16:48:42</t>
  </si>
  <si>
    <t>01/14/2020 16:49:42</t>
  </si>
  <si>
    <t>01/14/2020 16:50:42</t>
  </si>
  <si>
    <t>01/14/2020 16:51:42</t>
  </si>
  <si>
    <t>01/14/2020 16:48:21</t>
  </si>
  <si>
    <t>01/14/2020 16:53:38</t>
  </si>
  <si>
    <t>01/14/2020 16:51:13</t>
  </si>
  <si>
    <t>lu314203qhuws.tmp</t>
  </si>
  <si>
    <t>\\acsfs\profiles$\jalilebds\Downloads\lu314203qhuws.tmp</t>
  </si>
  <si>
    <t>01/14/2020 16:49:02</t>
  </si>
  <si>
    <t>01/14/2020 16:54:38</t>
  </si>
  <si>
    <t>mail.google.com/sync/u/0/i/s?hl=pt-BR&amp;c=944</t>
  </si>
  <si>
    <t>01/14/2020 16:49:08</t>
  </si>
  <si>
    <t>01/14/2020 16:52:24</t>
  </si>
  <si>
    <t>01/14/2020 16:51:25</t>
  </si>
  <si>
    <t>01/14/2020 16:55:38</t>
  </si>
  <si>
    <t>5838c8f1-b62d-4c88-99c2-085f9d9878cd.tmp</t>
  </si>
  <si>
    <t>\\acsfs\profiles$\gabrielamdp\Downloads\5838c8f1-b62d-4c88-99c2-085f9d9878cd.tmp</t>
  </si>
  <si>
    <t>01/14/2020 16:53:08</t>
  </si>
  <si>
    <t>bcc9f791-ab51-4616-aa31-1ca4a53bf124.tmp</t>
  </si>
  <si>
    <t>\\acsfs\profiles$\gabrielamdp\Downloads\bcc9f791-ab51-4616-aa31-1ca4a53bf124.tmp</t>
  </si>
  <si>
    <t>01/14/2020 16:50:55</t>
  </si>
  <si>
    <t>01/14/2020 16:56:38</t>
  </si>
  <si>
    <t>01/14/2020 16:55:09</t>
  </si>
  <si>
    <t>http://erp.algartech.com/techonline/workflow/postupload.aspx?tp=add&amp;info_s=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</t>
  </si>
  <si>
    <t>C:\Users\marianacgs\Downloads\</t>
  </si>
  <si>
    <t>image2020-01-13-174728 (1).pdf</t>
  </si>
  <si>
    <t>01/14/2020 16:52:57</t>
  </si>
  <si>
    <t>01/14/2020 16:51:47</t>
  </si>
  <si>
    <t>C:\Users\adilsonloj\Desktop\Medidas Disciplinares\</t>
  </si>
  <si>
    <t>Formulário - Aviso de Suspensão Disciplinar Falta Valeria.doc</t>
  </si>
  <si>
    <t>\\acsfs\DEPTOS\Operacao\Banco_Votorantim\Supervisao\SUPERS BV CARTÕES\ADILSON\Medidas Disciplinares\Formulário - Aviso de Suspensão Disciplinar Falta Valeria.doc</t>
  </si>
  <si>
    <t>01/14/2020 16:55:52</t>
  </si>
  <si>
    <t>image2020-01-14-163218.zip</t>
  </si>
  <si>
    <t>C:\Users\adilsonloj\Downloads\image2020-01-14-163218.zip\</t>
  </si>
  <si>
    <t>image2020-01-14-163218.pdf</t>
  </si>
  <si>
    <t>01/14/2020 16:56:00</t>
  </si>
  <si>
    <t>https://algar.folhasinergyrh.com.br/rescisao/upload?id=0&amp;idsolicitacao=0&amp;idprerescisao=2001</t>
  </si>
  <si>
    <t>14/01/2020;</t>
  </si>
  <si>
    <t>https://14/01/2020</t>
  </si>
  <si>
    <t>01/14/2020 16:57:38</t>
  </si>
  <si>
    <t>01/14/2020 16:52:42</t>
  </si>
  <si>
    <t>01/14/2020 16:53:42</t>
  </si>
  <si>
    <t>01/14/2020 16:54:45</t>
  </si>
  <si>
    <t>01/14/2020 16:55:42</t>
  </si>
  <si>
    <t>01/14/2020 16:56:42</t>
  </si>
  <si>
    <t>01/14/2020 16:53:32</t>
  </si>
  <si>
    <t>01/14/2020 16:54:36</t>
  </si>
  <si>
    <t>\\acsfs\DEPTOS\EDUCACAO EMPRESARIAL\</t>
  </si>
  <si>
    <t>\\acsfs\DEPTOS\EDUCACAO EMPRESARIAL\Thumbs.db</t>
  </si>
  <si>
    <t>01/14/2020 16:56:26</t>
  </si>
  <si>
    <t>01/14/2020 16:58:38</t>
  </si>
  <si>
    <t>vendas par dia 23.txt</t>
  </si>
  <si>
    <t>\\acsfs\profiles$\thaynaracsl\My Documents\vendas par dia 23.txt</t>
  </si>
  <si>
    <t>01/14/2020 16:56:34</t>
  </si>
  <si>
    <t>01/14/2020 16:57:16</t>
  </si>
  <si>
    <t>01/14/2020 16:56:45</t>
  </si>
  <si>
    <t>01/14/2020 16:56:23</t>
  </si>
  <si>
    <t>01/14/2020 16:56:24</t>
  </si>
  <si>
    <t>lu314203qhuwv.tmp</t>
  </si>
  <si>
    <t>\\acsfs\profiles$\jalilebds\Downloads\lu314203qhuwv.tmp</t>
  </si>
  <si>
    <t>01/14/2020 16:54:28</t>
  </si>
  <si>
    <t>01/14/2020 16:59:38</t>
  </si>
  <si>
    <t>mail.google.com/sync/u/0/i/s?hl=pt-BR&amp;c=955</t>
  </si>
  <si>
    <t>01/14/2020 16:54:43</t>
  </si>
  <si>
    <t>01/14/2020 16:54:53</t>
  </si>
  <si>
    <t>01/14/2020 16:54:59</t>
  </si>
  <si>
    <t>01/14/2020 16:55:06</t>
  </si>
  <si>
    <t>01/14/2020 16:55:35</t>
  </si>
  <si>
    <t>01/14/2020 16:55:41</t>
  </si>
  <si>
    <t>01/14/2020 16:55:49</t>
  </si>
  <si>
    <t>01/14/2020 16:57:33</t>
  </si>
  <si>
    <t>01/14/2020 16:57:37</t>
  </si>
  <si>
    <t>01/14/2020 16:57:41</t>
  </si>
  <si>
    <t>01/14/2020 16:57:46</t>
  </si>
  <si>
    <t>mail.google.com/sync/u/0/i/s?hl=pt-BR&amp;c=983</t>
  </si>
  <si>
    <t>01/14/2020 16:57:50</t>
  </si>
  <si>
    <t>mail.google.com/sync/u/0/i/s?hl=pt-BR&amp;c=985</t>
  </si>
  <si>
    <t>01/14/2020 16:57:55</t>
  </si>
  <si>
    <t>mail.google.com/sync/u/0/i/s?hl=pt-BR&amp;c=987</t>
  </si>
  <si>
    <t>01/14/2020 17:01:38</t>
  </si>
  <si>
    <t>01/14/2020 16:58:00</t>
  </si>
  <si>
    <t>01/14/2020 16:58:24</t>
  </si>
  <si>
    <t>01/14/2020 16:58:25</t>
  </si>
  <si>
    <t>01/14/2020 16:58:43</t>
  </si>
  <si>
    <t>01/14/2020 16:59:07</t>
  </si>
  <si>
    <t>01/14/2020 16:59:08</t>
  </si>
  <si>
    <t>01/14/2020 17:02:38</t>
  </si>
  <si>
    <t>01/14/2020 16:57:43</t>
  </si>
  <si>
    <t>01/14/2020 16:59:43</t>
  </si>
  <si>
    <t>01/14/2020 17:00:43</t>
  </si>
  <si>
    <t>01/14/2020 17:01:43</t>
  </si>
  <si>
    <t>01/14/2020 17:01:08</t>
  </si>
  <si>
    <t>01/14/2020 17:03:38</t>
  </si>
  <si>
    <t>01/14/2020 17:01:09</t>
  </si>
  <si>
    <t>lu314203qhuwy.tmp</t>
  </si>
  <si>
    <t>\\acsfs\profiles$\jalilebds\Downloads\lu314203qhuwy.tmp</t>
  </si>
  <si>
    <t>01/14/2020 17:02:51</t>
  </si>
  <si>
    <t>01/14/2020 17:04:38</t>
  </si>
  <si>
    <t>C:\Users\thiagolrc\Downloads\</t>
  </si>
  <si>
    <t>Alteracao_De_Estrutura000.xlsx</t>
  </si>
  <si>
    <t>01/14/2020 16:59:45</t>
  </si>
  <si>
    <t>Myllena Ribeiro_1_6777855441422584756_1_32.wav</t>
  </si>
  <si>
    <t>\\acsfs\Deptos\EDUCACAO EMPRESARIAL\FERNANDA MONIT\Fernanda\MONITORIA JANEIRO\Ligação para MUTANT segundo ciclo janeiro\Myllena Ribeiro_1_6777855441422584756_1_32.wav</t>
  </si>
  <si>
    <t>01/14/2020 17:06:38</t>
  </si>
  <si>
    <t>01/14/2020 17:04:54</t>
  </si>
  <si>
    <t>01/14/2020 17:01:46</t>
  </si>
  <si>
    <t>lu156248sljx.tmp</t>
  </si>
  <si>
    <t>\\acsfs\profiles$\LUISPLS\My Documents\Nova pasta\lu156248sljx.tmp</t>
  </si>
  <si>
    <t>\\acsfs\profiles$\LUISPLS\My Documents\Nova pasta\lu156248sljx.tmp\</t>
  </si>
  <si>
    <t>\\acsfs\profiles$\LUISPLS\My Documents\Nova pasta\lu156248sljx.tmp\META-INF\</t>
  </si>
  <si>
    <t>\\acsfs\profiles$\LUISPLS\My Documents\Nova pasta\lu156248sljx.tmp\Thumbnails\</t>
  </si>
  <si>
    <t>01/14/2020 17:02:25</t>
  </si>
  <si>
    <t>01/14/2020 17:02:36</t>
  </si>
  <si>
    <t>01/14/2020 17:07:39</t>
  </si>
  <si>
    <t>01/14/2020 17:03:10</t>
  </si>
  <si>
    <t>01/14/2020 17:02:44</t>
  </si>
  <si>
    <t>01/14/2020 17:03:44</t>
  </si>
  <si>
    <t>01/14/2020 17:04:44</t>
  </si>
  <si>
    <t>01/14/2020 17:05:44</t>
  </si>
  <si>
    <t>01/14/2020 17:06:44</t>
  </si>
  <si>
    <t>01/14/2020 17:08:38</t>
  </si>
  <si>
    <t>01/14/2020 17:06:53</t>
  </si>
  <si>
    <t>01/14/2020 17:05:54</t>
  </si>
  <si>
    <t>01/14/2020 17:06:05</t>
  </si>
  <si>
    <t>01/14/2020 17:06:11</t>
  </si>
  <si>
    <t>01/14/2020 17:06:22</t>
  </si>
  <si>
    <t>01/14/2020 17:06:28</t>
  </si>
  <si>
    <t>01/14/2020 17:06:37</t>
  </si>
  <si>
    <t>01/14/2020 17:06:48</t>
  </si>
  <si>
    <t>01/14/2020 17:06:54</t>
  </si>
  <si>
    <t>01/14/2020 17:07:00</t>
  </si>
  <si>
    <t>01/14/2020 17:07:22</t>
  </si>
  <si>
    <t>01/14/2020 17:07:26</t>
  </si>
  <si>
    <t>01/14/2020 17:07:15</t>
  </si>
  <si>
    <t>01/14/2020 17:03:42</t>
  </si>
  <si>
    <t>mail.google.com/sync/u/0/i/s?hl=pt-BR&amp;c=2031</t>
  </si>
  <si>
    <t>01/14/2020 17:03:47</t>
  </si>
  <si>
    <t>mail.google.com/sync/u/0/i/s?hl=pt-BR&amp;c=2033</t>
  </si>
  <si>
    <t>01/14/2020 17:04:05</t>
  </si>
  <si>
    <t>mail.google.com/sync/u/0/i/s?hl=pt-BR&amp;c=2036</t>
  </si>
  <si>
    <t>"languagecode":"pt-br";"mozilla/5.0 (windows nt 6.1) applewebkit/537.36 (khtml;"requesttype":"background_request";"scenariotype;"timezone":"-03:00";0;0]578941s�� 90;0]:0}:0})�� 66;0]als;0]l;0]}ls;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8999441075;1578999742070;1579000043067;1579000344063;1579008004964;1579008305983;1579013423433;1579013724878;1579014025485;17;1ya5yrwelrso-yxib3ctz0mdjsqkh2uffmn2kfrmynlkfp2vhk5vxrjlyzc1nx1i8okgrxz4hh9fxnqqavexbjgszjfxng_3tikapcccza7s5nl0iiv528sipt3_n6smfvjyvnmz5gmbl</t>
  </si>
  <si>
    <t>"languagecode":"pt-br","mozilla/5.0 (windows nt 6.1) applewebkit/537.36 (khtml,"requesttype":"background_request","scenariotype,"timezone":"-03:00",0,0]578941s�� 90,0]:0}:0})�� 66,0]als,0]l,0]}ls,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8999441075,1578999742070,1579000043067,1579000344063,1579008004964,1579008305983,1579013423433,1579013724878,1579014025485,17,1ya5yrwelrso-yxib3ctz0mdjsqkh2uffmn2kfrmynlkfp2vhk5vxrjlyzc1nx1i8okgrxz4hh9fxnqqavexbjgszjfxng_3tikapcccza7s5nl0iiv528sipt3_n6smfvjyvnmz5gmbl</t>
  </si>
  <si>
    <t>01/14/2020 17:04:11</t>
  </si>
  <si>
    <t>mail.google.com/sync/u/0/i/s?hl=pt-BR&amp;c=2038</t>
  </si>
  <si>
    <t>"mozilla/5.0 (windows nt 6.1) applewebkit/537.36 (khtml;0;0] = \\;0] _x0018_�2_x0007_c-4e;0]10r;0]62];0]8;0]\\\\\\\�x� &lt;l;0]l;0]ll;0]thon-35.pyc;0]� \\;1;108;127;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9;13701953;13701957;13701969;13702064;13702068;13702088;142;142961685;143;145;149;154;1578930052848000;1578930058554000;1578943006467;1578945715328;1578956853420;1578958960608;1578962270972;1578967989981;1578972505548;1578972806575;1578973409172;1578974758737;1578976263703;1578978069560;160;17;1ya5yrwelrso-yxib3ctz0mdjsqkh2uffmn2kfrmynlkfp2vhk5vxrjlyzc1nx1i8okgrxz4hh9fxnqqavexbjgszjfxng_3tikapcccza7s5nl0iiv528sipt3_</t>
  </si>
  <si>
    <t>"mozilla/5.0 (windows nt 6.1) applewebkit/537.36 (khtml,0,0] = \\,0] _x0018_�2_x0007_c-4e,0]10r,0]62],0]8,0]\\\\\\\�x� &lt;l,0]l,0]ll,0]thon-35.pyc,0]� \\,1,108,127,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9,13701953,13701957,13701969,13702064,13702068,13702088,142,142961685,143,145,149,154,1578930052848000,1578930058554000,1578943006467,1578945715328,1578956853420,1578958960608,1578962270972,1578967989981,1578972505548,1578972806575,1578973409172,1578974758737,1578976263703,1578978069560,160,17,1ya5yrwelrso-yxib3ctz0mdjsqkh2uffmn2kfrmynlkfp2vhk5vxrjlyzc1nx1i8okgrxz4hh9fxnqqavexbjgszjfxng_3tikapcccza7s5nl0iiv528sipt3_</t>
  </si>
  <si>
    <t>01/14/2020 17:04:15</t>
  </si>
  <si>
    <t>mail.google.com/sync/u/0/i/s?hl=pt-BR&amp;c=2040</t>
  </si>
  <si>
    <t>01/14/2020 17:04:45</t>
  </si>
  <si>
    <t>mail.google.com/sync/u/0/i/s?hl=pt-BR&amp;c=2043</t>
  </si>
  <si>
    <t>li;"languagecode":"pt-br";"mozilla/5.0 (windows nt 6.1) applewebkit/537.36 (khtml;"requesttype":"background_request";"scenariotype;"timezone":"-03:00";-nh5e6j8pm8_oiulf29weexdvni822bcs7bug\";0]0};0]385;0]:0}lt\sc;0]\\\\\\_x0012_�y &lt;l;0]als;0]l;0]ll;0]t\��* py;1;103;106;120;13;13700014;13700109;13700185;13700451;13700951;13701207;13701298;13701422;13701430;13701450;13701506;13701537;13701573;13701577;13701625;13701657;13701693;13701693�;13701749;13701825;13701901;13701905;13701957;13701969;13702068;13702088;142961685;1578930052848000;1578930058554000;1578930967785;1578954445213;1578960765991;1578961668980;1578965882926;1578988605113;1578993421153;1578993722150;1578994926132;1578996130121;1579000946294;1579028674002;195;1ya5yrwelrso-yxib3ctz0mdjsqkh2uffmn2kfrmynlkfp2vhk5vxrjlyzc1nx1i8okgrxz4hh9fxnqqavexbjgszjfxng_3tikapcccza7s5nl0iiv528sipt3_n6smfvjyvnmz5gmbld86jsedcdqpnbowbtwaejdtwlwiwyazylw418myzkyijnlherxkuhkwirableptwcg5ukaz6gf-4xr471ebiojlmuyl_vwvw2ydww\";1ya5yrwelrso-yxib3ctz0mdjsqkh2uffmn2kfrmynlkfp2vhk5vxrjly</t>
  </si>
  <si>
    <t>li,"languagecode":"pt-br","mozilla/5.0 (windows nt 6.1) applewebkit/537.36 (khtml,"requesttype":"background_request","scenariotype,"timezone":"-03:00",-nh5e6j8pm8_oiulf29weexdvni822bcs7bug\",0]0},0]385,0]:0}lt\sc,0]\\\\\\_x0012_�y &lt;l,0]als,0]l,0]ll,0]t\��* py,1,103,106,120,13,13700014,13700109,13700185,13700451,13700951,13701207,13701298,13701422,13701430,13701450,13701506,13701537,13701573,13701577,13701625,13701657,13701693,13701693�,13701749,13701825,13701901,13701905,13701957,13701969,13702068,13702088,142961685,1578930052848000,1578930058554000,1578930967785,1578954445213,1578960765991,1578961668980,1578965882926,1578988605113,1578993421153,1578993722150,1578994926132,1578996130121,1579000946294,1579028674002,195,1ya5yrwelrso-yxib3ctz0mdjsqkh2uffmn2kfrmynlkfp2vhk5vxrjlyzc1nx1i8okgrxz4hh9fxnqqavexbjgszjfxng_3tikapcccza7s5nl0iiv528sipt3_n6smfvjyvnmz5gmbld86jsedcdqpnbowbtwaejdtwlwiwyazylw418myzkyijnlherxkuhkwirableptwcg5ukaz6gf-4xr471ebiojlmuyl_vwvw2ydww\",1ya5yrwelrso-yxib3ctz0mdjsqkh2uffmn2kfrmynlkfp2vhk5vxrjly</t>
  </si>
  <si>
    <t>01/14/2020 17:04:50</t>
  </si>
  <si>
    <t>mail.google.com/sync/u/0/i/s?hl=pt-BR&amp;c=2045</t>
  </si>
  <si>
    <t>01/14/2020 17:04:55</t>
  </si>
  <si>
    <t>mail.google.com/sync/u/0/i/s?hl=pt-BR&amp;c=2047</t>
  </si>
  <si>
    <t>01/14/2020 17:04:59</t>
  </si>
  <si>
    <t>mail.google.com/sync/u/0/i/s?hl=pt-BR&amp;c=2049</t>
  </si>
  <si>
    <t>01/14/2020 17:06:52</t>
  </si>
  <si>
    <t>lu314203qhux1.tmp</t>
  </si>
  <si>
    <t>\\acsfs\profiles$\jalilebds\Downloads\lu314203qhux1.tmp</t>
  </si>
  <si>
    <t>01/14/2020 17:03:50</t>
  </si>
  <si>
    <t>01/14/2020 17:09:39</t>
  </si>
  <si>
    <t>01/14/2020 17:08:52</t>
  </si>
  <si>
    <t>01/14/2020 17:11:39</t>
  </si>
  <si>
    <t>100014123564284;</t>
  </si>
  <si>
    <t>https://100014123564284</t>
  </si>
  <si>
    <t>01/14/2020 17:09:07</t>
  </si>
  <si>
    <t>01/14/2020 17:09:32</t>
  </si>
  <si>
    <t>100014123564284;joaogvc@algartech.com;marianadjc@algartech.com;planejamentodeoperacoesetrafego@bv.com.br;raphaelmco@algartech.com.br;ricardodfm@algartech.com.br;taysdss@algartech.com;viniciussg@algartech.com;</t>
  </si>
  <si>
    <t>https://100014123564284,joaogvc@algartech.com,marianadjc@algartech.com,planejamentodeoperacoesetrafego@bv.com.br,raphaelmco@algartech.com.br,ricardodfm@algartech.com.br,taysdss@algartech.com,viniciussg@algartech.com</t>
  </si>
  <si>
    <t>01/14/2020 17:10:21</t>
  </si>
  <si>
    <t>01/14/2020 17:06:26</t>
  </si>
  <si>
    <t>https://100014122394468,andrelpsa@algartech.com,catianalv@algartech.com,cpc-controldeskavon@algartech.com,joaogvc@algartech.com,joseasn@algartech.com,josiascdsj@algartech.com,leonardoao@algartech.com,lucianarsantos@algartech.com,marianadjc@algartech.com,maristelavodq@bv.algartech.com,paulacn@algartech.com,qualidadealgarbv@algartech.com,senildapdo@algartecnologia.com.br,supervisaobancovotorantim@algartech.com,taysdss@algartech.com,thiagolrc@bv.algartech.com</t>
  </si>
  <si>
    <t>01/14/2020 17:09:16</t>
  </si>
  <si>
    <t>01/14/2020 17:08:44</t>
  </si>
  <si>
    <t>01/14/2020 17:12:38</t>
  </si>
  <si>
    <t>01/14/2020 17:07:44</t>
  </si>
  <si>
    <t>01/14/2020 17:09:47</t>
  </si>
  <si>
    <t>01/14/2020 17:10:44</t>
  </si>
  <si>
    <t>01/14/2020 17:11:44</t>
  </si>
  <si>
    <t>01/14/2020 17:13:39</t>
  </si>
  <si>
    <t>01/14/2020 17:10:35</t>
  </si>
  <si>
    <t>01/14/2020 17:11:51</t>
  </si>
  <si>
    <t>01/14/2020 17:12:18</t>
  </si>
  <si>
    <t>01/14/2020 17:14:38</t>
  </si>
  <si>
    <t>12dd3c0f-60e4-4304-8567-0be521e02a5c.tmp</t>
  </si>
  <si>
    <t>\\acsfs\profiles$\regisedsj\Downloads\12dd3c0f-60e4-4304-8567-0be521e02a5c.tmp</t>
  </si>
  <si>
    <t>01/14/2020 17:13:06</t>
  </si>
  <si>
    <t>01/14/2020 17:16:38</t>
  </si>
  <si>
    <t>01/14/2020 17:11:46</t>
  </si>
  <si>
    <t>01/14/2020 17:11:50</t>
  </si>
  <si>
    <t>01/14/2020 17:11:58</t>
  </si>
  <si>
    <t>mail.google.com/sync/u/0/i/s?hl=pt-BR&amp;c=655</t>
  </si>
  <si>
    <t>01/14/2020 17:12:32</t>
  </si>
  <si>
    <t>01/14/2020 17:12:59</t>
  </si>
  <si>
    <t>mail.google.com/sync/u/0/i/s?hl=pt-BR&amp;c=660</t>
  </si>
  <si>
    <t>01/14/2020 17:13:29</t>
  </si>
  <si>
    <t>01/14/2020 17:13:38</t>
  </si>
  <si>
    <t>mail.google.com/sync/u/0/i/s?hl=pt-BR&amp;c=665</t>
  </si>
  <si>
    <t>01/14/2020 17:13:57</t>
  </si>
  <si>
    <t>01/14/2020 17:14:06</t>
  </si>
  <si>
    <t>mail.google.com/sync/u/0/i/s?hl=pt-BR&amp;c=669</t>
  </si>
  <si>
    <t>01/14/2020 17:14:12</t>
  </si>
  <si>
    <t>mail.google.com/sync/u/0/i/s?hl=pt-BR&amp;c=671</t>
  </si>
  <si>
    <t>01/14/2020 17:14:36</t>
  </si>
  <si>
    <t>01/14/2020 17:15:36</t>
  </si>
  <si>
    <t>mail.google.com/sync/u/0/i/s?hl=pt-BR&amp;c=677</t>
  </si>
  <si>
    <t>01/14/2020 17:15:41</t>
  </si>
  <si>
    <t>01/14/2020 17:17:38</t>
  </si>
  <si>
    <t>01/14/2020 17:12:44</t>
  </si>
  <si>
    <t>01/14/2020 17:13:44</t>
  </si>
  <si>
    <t>01/14/2020 17:14:44</t>
  </si>
  <si>
    <t>01/14/2020 17:15:44</t>
  </si>
  <si>
    <t>01/14/2020 17:16:44</t>
  </si>
  <si>
    <t>01/14/2020 17:18:12</t>
  </si>
  <si>
    <t>01/14/2020 17:19:38</t>
  </si>
  <si>
    <t>4256bdde-65af-44e5-84a4-b62b2786a7c3.tmp</t>
  </si>
  <si>
    <t>\\acsfs\profiles$\anafaes\Downloads\4256bdde-65af-44e5-84a4-b62b2786a7c3.tmp</t>
  </si>
  <si>
    <t>01/14/2020 17:18:14</t>
  </si>
  <si>
    <t>4c0a165d-1986-4410-8b72-512977d08059.tmp</t>
  </si>
  <si>
    <t>\\acsfs\profiles$\anafaes\Downloads\4c0a165d-1986-4410-8b72-512977d08059.tmp</t>
  </si>
  <si>
    <t>01/14/2020 17:18:18</t>
  </si>
  <si>
    <t>db191458-37cf-4f7b-a8a4-054851bdca68.tmp</t>
  </si>
  <si>
    <t>\\acsfs\profiles$\anafaes\Downloads\db191458-37cf-4f7b-a8a4-054851bdca68.tmp</t>
  </si>
  <si>
    <t>01/14/2020 17:19:24</t>
  </si>
  <si>
    <t>630eab79-ce2a-4dc7-b00f-e3db8d6c724a.tmp</t>
  </si>
  <si>
    <t>\\acsfs\profiles$\anafaes\Downloads\630eab79-ce2a-4dc7-b00f-e3db8d6c724a.tmp</t>
  </si>
  <si>
    <t>01/14/2020 17:18:59</t>
  </si>
  <si>
    <t>01/14/2020 17:20:38</t>
  </si>
  <si>
    <t>01/14/2020 17:15:48</t>
  </si>
  <si>
    <t>01/14/2020 17:21:38</t>
  </si>
  <si>
    <t>01/14/2020 17:17:20</t>
  </si>
  <si>
    <t>01/14/2020 17:17:24</t>
  </si>
  <si>
    <t>mail.google.com/sync/u/0/i/s?hl=pt-BR&amp;c=692</t>
  </si>
  <si>
    <t>01/14/2020 17:17:33</t>
  </si>
  <si>
    <t>01/14/2020 17:17:40</t>
  </si>
  <si>
    <t>01/14/2020 17:17:43</t>
  </si>
  <si>
    <t>mail.google.com/sync/u/0/i/s?hl=pt-BR&amp;c=707</t>
  </si>
  <si>
    <t>01/14/2020 17:17:49</t>
  </si>
  <si>
    <t>01/14/2020 17:17:53</t>
  </si>
  <si>
    <t>01/14/2020 17:17:57</t>
  </si>
  <si>
    <t>01/14/2020 17:18:00</t>
  </si>
  <si>
    <t>01/14/2020 17:18:09</t>
  </si>
  <si>
    <t>mail.google.com/sync/u/0/i/s?hl=pt-BR&amp;c=732</t>
  </si>
  <si>
    <t>mail.google.com/sync/u/0/i/s?hl=pt-BR&amp;c=737</t>
  </si>
  <si>
    <t>01/14/2020 17:18:20</t>
  </si>
  <si>
    <t>mail.google.com/sync/u/0/i/s?hl=pt-BR&amp;c=743</t>
  </si>
  <si>
    <t>01/14/2020 17:18:25</t>
  </si>
  <si>
    <t>01/14/2020 17:18:34</t>
  </si>
  <si>
    <t>mail.google.com/sync/u/0/i/s?hl=pt-BR&amp;c=753</t>
  </si>
  <si>
    <t>01/14/2020 17:20:43</t>
  </si>
  <si>
    <t>01/14/2020 17:22:39</t>
  </si>
  <si>
    <t>01/14/2020 17:17:44</t>
  </si>
  <si>
    <t>01/14/2020 17:18:44</t>
  </si>
  <si>
    <t>01/14/2020 17:19:44</t>
  </si>
  <si>
    <t>01/14/2020 17:20:44</t>
  </si>
  <si>
    <t>01/14/2020 17:21:44</t>
  </si>
  <si>
    <t>01/14/2020 17:18:45</t>
  </si>
  <si>
    <t>01/14/2020 17:23:38</t>
  </si>
  <si>
    <t>2bf4e6d7-ed83-48b0-b60f-d6606220f9ba.tmp</t>
  </si>
  <si>
    <t>\\acsfs\profiles$\layonmof\Downloads\2bf4e6d7-ed83-48b0-b60f-d6606220f9ba.tmp</t>
  </si>
  <si>
    <t>lu314203qhux9.tmp</t>
  </si>
  <si>
    <t>\\acsfs\profiles$\jalilebds\Downloads\lu314203qhux9.tmp</t>
  </si>
  <si>
    <t>01/14/2020 17:20:07</t>
  </si>
  <si>
    <t>01/14/2020 17:24:39</t>
  </si>
  <si>
    <t>01/14/2020 17:27:38</t>
  </si>
  <si>
    <t>01/14/2020 17:22:44</t>
  </si>
  <si>
    <t>01/14/2020 17:23:44</t>
  </si>
  <si>
    <t>01/14/2020 17:24:44</t>
  </si>
  <si>
    <t>01/14/2020 17:25:44</t>
  </si>
  <si>
    <t>01/14/2020 17:26:44</t>
  </si>
  <si>
    <t>01/14/2020 17:23:57</t>
  </si>
  <si>
    <t>01/14/2020 17:28:38</t>
  </si>
  <si>
    <t>01/14/2020 17:26:04</t>
  </si>
  <si>
    <t>01/14/2020 17:27:03</t>
  </si>
  <si>
    <t>01/14/2020 17:27:27</t>
  </si>
  <si>
    <t>01/14/2020 17:26:45</t>
  </si>
  <si>
    <t>lu314203qhuxc.tmp</t>
  </si>
  <si>
    <t>\\acsfs\profiles$\jalilebds\Downloads\lu314203qhuxc.tmp</t>
  </si>
  <si>
    <t>01/14/2020 17:29:38</t>
  </si>
  <si>
    <t>07108bc2-640d-4d20-8777-610d2ca25f0f.tmp</t>
  </si>
  <si>
    <t>\\acsfs\profiles$\matheusmax\Downloads\07108bc2-640d-4d20-8777-610d2ca25f0f.tmp</t>
  </si>
  <si>
    <t>01/14/2020 17:31:38</t>
  </si>
  <si>
    <t>01/14/2020 17:30:02</t>
  </si>
  <si>
    <t>01/14/2020 17:30:05</t>
  </si>
  <si>
    <t>01/14/2020 17:30:12</t>
  </si>
  <si>
    <t>01/14/2020 17:30:22</t>
  </si>
  <si>
    <t>01/14/2020 17:30:41</t>
  </si>
  <si>
    <t>01/14/2020 17:32:38</t>
  </si>
  <si>
    <t>01/14/2020 17:27:44</t>
  </si>
  <si>
    <t>01/14/2020 17:28:44</t>
  </si>
  <si>
    <t>01/14/2020 17:29:27</t>
  </si>
  <si>
    <t>01/14/2020 17:29:44</t>
  </si>
  <si>
    <t>01/14/2020 17:30:44</t>
  </si>
  <si>
    <t>01/14/2020 17:31:44</t>
  </si>
  <si>
    <t>01/14/2020 17:31:56</t>
  </si>
  <si>
    <t>01/14/2020 17:31:58</t>
  </si>
  <si>
    <t>01/14/2020 17:31:59</t>
  </si>
  <si>
    <t>01/14/2020 17:32:00</t>
  </si>
  <si>
    <t>01/14/2020 17:32:01</t>
  </si>
  <si>
    <t>01/14/2020 17:32:03</t>
  </si>
  <si>
    <t>01/14/2020 17:32:05</t>
  </si>
  <si>
    <t>01/14/2020 17:32:06</t>
  </si>
  <si>
    <t>01/14/2020 17:32:07</t>
  </si>
  <si>
    <t>01/14/2020 17:32:09</t>
  </si>
  <si>
    <t>01/14/2020 17:32:10</t>
  </si>
  <si>
    <t>01/14/2020 17:32:11</t>
  </si>
  <si>
    <t>01/14/2020 17:32:12</t>
  </si>
  <si>
    <t>01/14/2020 17:32:13</t>
  </si>
  <si>
    <t>01/14/2020 17:32:14</t>
  </si>
  <si>
    <t>01/14/2020 17:32:16</t>
  </si>
  <si>
    <t>01/14/2020 17:32:17</t>
  </si>
  <si>
    <t>01/14/2020 17:32:18</t>
  </si>
  <si>
    <t>01/14/2020 17:32:19</t>
  </si>
  <si>
    <t>01/14/2020 17:32:21</t>
  </si>
  <si>
    <t>01/14/2020 17:32:22</t>
  </si>
  <si>
    <t>01/14/2020 17:32:25</t>
  </si>
  <si>
    <t>01/14/2020 17:32:27</t>
  </si>
  <si>
    <t>01/14/2020 17:32:28</t>
  </si>
  <si>
    <t>01/14/2020 17:32:29</t>
  </si>
  <si>
    <t>01/14/2020 17:32:30</t>
  </si>
  <si>
    <t>01/14/2020 17:32:33</t>
  </si>
  <si>
    <t>01/14/2020 17:28:09</t>
  </si>
  <si>
    <t>01/14/2020 17:33:38</t>
  </si>
  <si>
    <t>51739c0a-006f-45b2-81b8-b73d16895e9c.tmp</t>
  </si>
  <si>
    <t>\\acsfs\profiles$\fabianafv\Downloads\51739c0a-006f-45b2-81b8-b73d16895e9c.tmp</t>
  </si>
  <si>
    <t>01/14/2020 17:31:14</t>
  </si>
  <si>
    <t>713b1cea-9dfd-4279-8e93-5e8863309af5.tmp</t>
  </si>
  <si>
    <t>\\acsfs\profiles$\rosileiam\Downloads\713b1cea-9dfd-4279-8e93-5e8863309af5.tmp</t>
  </si>
  <si>
    <t>01/14/2020 17:31:07</t>
  </si>
  <si>
    <t>01/14/2020 17:36:38</t>
  </si>
  <si>
    <t>01/14/2020 17:31:31</t>
  </si>
  <si>
    <t>mail.google.com/sync/u/0/i/s?hl=pt-BR&amp;c=775</t>
  </si>
  <si>
    <t>01/14/2020 17:31:40</t>
  </si>
  <si>
    <t>mail.google.com/sync/u/0/i/s?hl=pt-BR&amp;c=777</t>
  </si>
  <si>
    <t>01/14/2020 17:31:50</t>
  </si>
  <si>
    <t>mail.google.com/sync/u/0/i/s?hl=pt-BR&amp;c=779</t>
  </si>
  <si>
    <t>mail.google.com/sync/u/0/i/s?hl=pt-BR&amp;c=781</t>
  </si>
  <si>
    <t>mail.google.com/sync/u/0/i/s?hl=pt-BR&amp;c=783</t>
  </si>
  <si>
    <t>mail.google.com/sync/u/0/i/s?hl=pt-BR&amp;c=785</t>
  </si>
  <si>
    <t>01/14/2020 17:32:08</t>
  </si>
  <si>
    <t>mail.google.com/sync/u/0/i/s?hl=pt-BR&amp;c=790</t>
  </si>
  <si>
    <t>01/14/2020 17:32:43</t>
  </si>
  <si>
    <t>mail.google.com/sync/u/0/i/s?hl=pt-BR&amp;c=792</t>
  </si>
  <si>
    <t>01/14/2020 17:32:57</t>
  </si>
  <si>
    <t>01/14/2020 17:33:02</t>
  </si>
  <si>
    <t>01/14/2020 17:33:11</t>
  </si>
  <si>
    <t>01/14/2020 17:33:16</t>
  </si>
  <si>
    <t>01/14/2020 17:33:26</t>
  </si>
  <si>
    <t>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t>
  </si>
  <si>
    <t>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t>
  </si>
  <si>
    <t>01/14/2020 17:37:38</t>
  </si>
  <si>
    <t>01/14/2020 17:32:44</t>
  </si>
  <si>
    <t>01/14/2020 17:33:44</t>
  </si>
  <si>
    <t>01/14/2020 17:34:44</t>
  </si>
  <si>
    <t>01/14/2020 17:35:44</t>
  </si>
  <si>
    <t>01/14/2020 17:36:44</t>
  </si>
  <si>
    <t>01/14/2020 17:32:39</t>
  </si>
  <si>
    <t>01/14/2020 17:32:40</t>
  </si>
  <si>
    <t>01/14/2020 17:32:41</t>
  </si>
  <si>
    <t>01/14/2020 17:32:45</t>
  </si>
  <si>
    <t>01/14/2020 17:32:47</t>
  </si>
  <si>
    <t>01/14/2020 17:32:50</t>
  </si>
  <si>
    <t>01/14/2020 17:32:51</t>
  </si>
  <si>
    <t>01/14/2020 17:32:52</t>
  </si>
  <si>
    <t>01/14/2020 17:38:38</t>
  </si>
  <si>
    <t>01/14/2020 17:32:54</t>
  </si>
  <si>
    <t>01/14/2020 17:32:55</t>
  </si>
  <si>
    <t>01/14/2020 17:32:58</t>
  </si>
  <si>
    <t>01/14/2020 17:33:00</t>
  </si>
  <si>
    <t>01/14/2020 17:33:30</t>
  </si>
  <si>
    <t>01/14/2020 17:34:53</t>
  </si>
  <si>
    <t>01/14/2020 17:36:06</t>
  </si>
  <si>
    <t>01/14/2020 17:34:55</t>
  </si>
  <si>
    <t>01/14/2020 17:35:25</t>
  </si>
  <si>
    <t>01/14/2020 17:35:38</t>
  </si>
  <si>
    <t>01/14/2020 17:36:04</t>
  </si>
  <si>
    <t>01/14/2020 17:36:12</t>
  </si>
  <si>
    <t>mail.google.com/sync/u/0/i/s?hl=pt-BR&amp;c=337</t>
  </si>
  <si>
    <t>01/14/2020 17:34:12</t>
  </si>
  <si>
    <t>01/14/2020 17:34:59</t>
  </si>
  <si>
    <t>01/14/2020 17:37:43</t>
  </si>
  <si>
    <t>01/14/2020 17:37:06</t>
  </si>
  <si>
    <t>bd8fda3f-c4e2-48f9-8e6c-f0e98bfba3ec.tmp</t>
  </si>
  <si>
    <t>\\acsfs\profiles$\adelvinsonle\Downloads\bd8fda3f-c4e2-48f9-8e6c-f0e98bfba3ec.tmp</t>
  </si>
  <si>
    <t>01/14/2020 17:39:38</t>
  </si>
  <si>
    <t>01/14/2020 17:34:47</t>
  </si>
  <si>
    <t>d8309399-d6d3-4e33-9ffe-026536c54ff5.tmp</t>
  </si>
  <si>
    <t>\\acsfs\profiles$\mariajaf\Downloads\d8309399-d6d3-4e33-9ffe-026536c54ff5.tmp</t>
  </si>
  <si>
    <t>01/14/2020 17:36:16</t>
  </si>
  <si>
    <t>a781a648-65f5-4460-ae3b-b4a4b80c036c.tmp</t>
  </si>
  <si>
    <t>\\acsfs\profiles$\mariajaf\Downloads\a781a648-65f5-4460-ae3b-b4a4b80c036c.tmp</t>
  </si>
  <si>
    <t>01/14/2020 17:36:24</t>
  </si>
  <si>
    <t>1ca0f640-67e0-428c-a959-acc8d28109e3.tmp</t>
  </si>
  <si>
    <t>\\acsfs\profiles$\henriqueco\Downloads\1ca0f640-67e0-428c-a959-acc8d28109e3.tmp</t>
  </si>
  <si>
    <t>01/14/2020 17:42:38</t>
  </si>
  <si>
    <t>01/14/2020 17:37:44</t>
  </si>
  <si>
    <t>01/14/2020 17:38:44</t>
  </si>
  <si>
    <t>01/14/2020 17:39:47</t>
  </si>
  <si>
    <t>01/14/2020 17:40:44</t>
  </si>
  <si>
    <t>01/14/2020 17:41:44</t>
  </si>
  <si>
    <t>01/14/2020 17:39:08</t>
  </si>
  <si>
    <t>01/14/2020 17:43:38</t>
  </si>
  <si>
    <t>01/14/2020 17:39:17</t>
  </si>
  <si>
    <t>01/14/2020 17:40:01</t>
  </si>
  <si>
    <t>01/14/2020 17:40:23</t>
  </si>
  <si>
    <t>01/14/2020 17:40:29</t>
  </si>
  <si>
    <t>01/14/2020 17:41:05</t>
  </si>
  <si>
    <t>lu314203qhuxk.tmp</t>
  </si>
  <si>
    <t>\\acsfs\profiles$\jalilebds\Downloads\lu314203qhuxk.tmp</t>
  </si>
  <si>
    <t>01/14/2020 17:44:38</t>
  </si>
  <si>
    <t>01/14/2020 17:44:18</t>
  </si>
  <si>
    <t>01/14/2020 17:45:38</t>
  </si>
  <si>
    <t>5edebbe9-2fc2-411d-a5a5-e8a448d9ceee.tmp</t>
  </si>
  <si>
    <t>\\acsfs\profiles$\andreapdsg\Downloads\5edebbe9-2fc2-411d-a5a5-e8a448d9ceee.tmp</t>
  </si>
  <si>
    <t>01/14/2020 17:47:38</t>
  </si>
  <si>
    <t>01/14/2020 17:42:44</t>
  </si>
  <si>
    <t>01/14/2020 17:43:44</t>
  </si>
  <si>
    <t>01/14/2020 17:44:44</t>
  </si>
  <si>
    <t>01/14/2020 17:45:44</t>
  </si>
  <si>
    <t>01/14/2020 17:46:44</t>
  </si>
  <si>
    <t>01/14/2020 17:47:36</t>
  </si>
  <si>
    <t>01/14/2020 17:48:38</t>
  </si>
  <si>
    <t>01/14/2020 17:46:33</t>
  </si>
  <si>
    <t>e8d8e807-b9cb-4472-bc2a-8c04e3101d2d.tmp</t>
  </si>
  <si>
    <t>\\acsfs\profiles$\leonardocb\Downloads\e8d8e807-b9cb-4472-bc2a-8c04e3101d2d.tmp</t>
  </si>
  <si>
    <t>01/14/2020 17:49:38</t>
  </si>
  <si>
    <t>01/14/2020 17:48:27</t>
  </si>
  <si>
    <t>06e5f43c-de9d-428a-bcab-ca833c78d87c.tmp</t>
  </si>
  <si>
    <t>\\acsfs\profiles$\victorgl\Downloads\06e5f43c-de9d-428a-bcab-ca833c78d87c.tmp</t>
  </si>
  <si>
    <t>01/14/2020 17:50:38</t>
  </si>
  <si>
    <t>01/14/2020 17:49:37</t>
  </si>
  <si>
    <t>acb4dc5b-95b6-4d44-8d59-8901b615cad3.tmp</t>
  </si>
  <si>
    <t>\\acsfs\profiles$\Adrieledgc\Downloads\acb4dc5b-95b6-4d44-8d59-8901b615cad3.tmp</t>
  </si>
  <si>
    <t>01/14/2020 17:46:16</t>
  </si>
  <si>
    <t>1ba42ea3-1678-4d32-8c01-a60b9041445e.tmp</t>
  </si>
  <si>
    <t>\\acsfs\profiles$\welidicdj\Downloads\1ba42ea3-1678-4d32-8c01-a60b9041445e.tmp</t>
  </si>
  <si>
    <t>01/14/2020 17:52:38</t>
  </si>
  <si>
    <t>01/14/2020 17:47:44</t>
  </si>
  <si>
    <t>01/14/2020 17:48:44</t>
  </si>
  <si>
    <t>01/14/2020 17:49:44</t>
  </si>
  <si>
    <t>01/14/2020 17:50:44</t>
  </si>
  <si>
    <t>01/14/2020 17:51:44</t>
  </si>
  <si>
    <t>01/14/2020 17:52:51</t>
  </si>
  <si>
    <t>01/14/2020 17:54:38</t>
  </si>
  <si>
    <t>bc22d6d6-95a9-4864-9429-66eb81513cc2.tmp</t>
  </si>
  <si>
    <t>\\acsfs\profiles$\regisedsj\Downloads\bc22d6d6-95a9-4864-9429-66eb81513cc2.tmp</t>
  </si>
  <si>
    <t>01/14/2020 17:49:48</t>
  </si>
  <si>
    <t>85d6208a-7bc9-4dd0-a89c-8fc04522d774.tmp</t>
  </si>
  <si>
    <t>\\acsfs\profiles$\victorgl\Downloads\85d6208a-7bc9-4dd0-a89c-8fc04522d774.tmp</t>
  </si>
  <si>
    <t>01/14/2020 17:52:01</t>
  </si>
  <si>
    <t>01/14/2020 17:55:39</t>
  </si>
  <si>
    <t>4419160a-062e-4a57-8d4f-088aa60d483e.tmp</t>
  </si>
  <si>
    <t>\\acsfs\profiles$\Adrieledgc\Downloads\4419160a-062e-4a57-8d4f-088aa60d483e.tmp</t>
  </si>
  <si>
    <t>01/14/2020 17:54:43</t>
  </si>
  <si>
    <t>aa645c43-f043-4390-89c1-33bdf0717239.tmp</t>
  </si>
  <si>
    <t>\\acsfs\profiles$\welidicdj\Downloads\aa645c43-f043-4390-89c1-33bdf0717239.tmp</t>
  </si>
  <si>
    <t>01/14/2020 17:57:38</t>
  </si>
  <si>
    <t>01/14/2020 17:52:44</t>
  </si>
  <si>
    <t>01/14/2020 17:53:44</t>
  </si>
  <si>
    <t>01/14/2020 17:54:44</t>
  </si>
  <si>
    <t>01/14/2020 17:55:47</t>
  </si>
  <si>
    <t>01/14/2020 17:56:44</t>
  </si>
  <si>
    <t>01/14/2020 17:54:00</t>
  </si>
  <si>
    <t>01/14/2020 17:58:38</t>
  </si>
  <si>
    <t>01/14/2020 17:57:09</t>
  </si>
  <si>
    <t>f6c60ce0-f234-45ea-941f-fac44756a3d3.tmp</t>
  </si>
  <si>
    <t>\\acsfs\profiles$\layonmof\Downloads\f6c60ce0-f234-45ea-941f-fac44756a3d3.tmp</t>
  </si>
  <si>
    <t>54611a05-d82c-469a-b841-25636882c717.tmp</t>
  </si>
  <si>
    <t>\\acsfs\profiles$\gabrielsma\Downloads\54611a05-d82c-469a-b841-25636882c717.tmp</t>
  </si>
  <si>
    <t>Não confirmado 255700.crdownload</t>
  </si>
  <si>
    <t>\\acsfs\ACS\Gabriel da Silva\Contemporânea\Gen\Não confirmado 255700.crdownload</t>
  </si>
  <si>
    <t>01/14/2020 17:57:48</t>
  </si>
  <si>
    <t>01/14/2020 18:00:38</t>
  </si>
  <si>
    <t>c9f3761d-1d79-4049-9587-e3d35fb74d94.tmp</t>
  </si>
  <si>
    <t>\\acsfs\profiles$\paulohaf\Downloads\c9f3761d-1d79-4049-9587-e3d35fb74d94.tmp</t>
  </si>
  <si>
    <t>01/14/2020 18:02:38</t>
  </si>
  <si>
    <t>01/14/2020 17:57:44</t>
  </si>
  <si>
    <t>01/14/2020 17:58:44</t>
  </si>
  <si>
    <t>01/14/2020 17:59:44</t>
  </si>
  <si>
    <t>01/14/2020 18:00:44</t>
  </si>
  <si>
    <t>01/14/2020 18:01:45</t>
  </si>
  <si>
    <t>01/14/2020 18:00:31</t>
  </si>
  <si>
    <t>01/14/2020 18:03:38</t>
  </si>
  <si>
    <t>01/14/2020 18:01:03</t>
  </si>
  <si>
    <t>01/14/2020 18:01:49</t>
  </si>
  <si>
    <t>01/14/2020 18:05:21</t>
  </si>
  <si>
    <t>01/14/2020 18:06:38</t>
  </si>
  <si>
    <t>fabriciadc@algartech.com</t>
  </si>
  <si>
    <t>01/14/2020 18:05:33</t>
  </si>
  <si>
    <t>01/14/2020 18:07:38</t>
  </si>
  <si>
    <t>01/14/2020 18:02:44</t>
  </si>
  <si>
    <t>01/14/2020 18:03:44</t>
  </si>
  <si>
    <t>01/14/2020 18:04:44</t>
  </si>
  <si>
    <t>01/14/2020 18:05:44</t>
  </si>
  <si>
    <t>01/14/2020 18:06:44</t>
  </si>
  <si>
    <t>01/14/2020 18:08:38</t>
  </si>
  <si>
    <t>01/14/2020 18:06:43</t>
  </si>
  <si>
    <t>01/14/2020 18:09:38</t>
  </si>
  <si>
    <t>01/14/2020 18:08:37</t>
  </si>
  <si>
    <t>4381348d-aee7-409e-908b-8a7a29668479.tmp</t>
  </si>
  <si>
    <t>\\acsfs\profiles$\myllenardl\Downloads\4381348d-aee7-409e-908b-8a7a29668479.tmp</t>
  </si>
  <si>
    <t>01/14/2020 18:09:12</t>
  </si>
  <si>
    <t>f4ddf8ae-0bf5-44f0-88ee-35c934487c34.tmp</t>
  </si>
  <si>
    <t>\\acsfs\profiles$\anafaes\Downloads\f4ddf8ae-0bf5-44f0-88ee-35c934487c34.tmp</t>
  </si>
  <si>
    <t>01/14/2020 18:10:38</t>
  </si>
  <si>
    <t>01/14/2020 18:12:38</t>
  </si>
  <si>
    <t>01/14/2020 18:07:44</t>
  </si>
  <si>
    <t>01/14/2020 18:08:44</t>
  </si>
  <si>
    <t>01/14/2020 18:09:47</t>
  </si>
  <si>
    <t>01/14/2020 18:10:44</t>
  </si>
  <si>
    <t>01/14/2020 18:11:44</t>
  </si>
  <si>
    <t>01/14/2020 18:09:10</t>
  </si>
  <si>
    <t>2cc186fb-4245-44d7-a40c-b0fe4e600df2.tmp</t>
  </si>
  <si>
    <t>\\acsfs\profiles$\joycemmdl\Downloads\2cc186fb-4245-44d7-a40c-b0fe4e600df2.tmp</t>
  </si>
  <si>
    <t>fc69c378-51d5-49d4-b475-e88998dc50fc.tmp</t>
  </si>
  <si>
    <t>\\acsfs\profiles$\joycemmdl\Downloads\fc69c378-51d5-49d4-b475-e88998dc50fc.tmp</t>
  </si>
  <si>
    <t>01/14/2020 18:09:40</t>
  </si>
  <si>
    <t>01/14/2020 18:13:38</t>
  </si>
  <si>
    <t>8de0ac6d-f115-47ef-bae0-7d4c29e6dee3.tmp</t>
  </si>
  <si>
    <t>\\acsfs\profiles$\fabianobmf\Downloads\8de0ac6d-f115-47ef-bae0-7d4c29e6dee3.tmp</t>
  </si>
  <si>
    <t>01/14/2020 18:13:44</t>
  </si>
  <si>
    <t>01/14/2020 18:14:38</t>
  </si>
  <si>
    <t>XLOG_anakcs_14012020_103048.log</t>
  </si>
  <si>
    <t>\\acsfs\profiles$\anakcs\My Documents\xworkcenter\logs\XLOG_anakcs_14012020_103048.log</t>
  </si>
  <si>
    <t>01/14/2020 18:14:16</t>
  </si>
  <si>
    <t>01/14/2020 18:15:38</t>
  </si>
  <si>
    <t>464cd18d-cf4e-46a2-a475-898364a70abf.tmp</t>
  </si>
  <si>
    <t>\\acsfs\profiles$\gabrielamdp\Downloads\464cd18d-cf4e-46a2-a475-898364a70abf.tmp</t>
  </si>
  <si>
    <t>01/14/2020 18:13:34</t>
  </si>
  <si>
    <t>428b301c-06c5-4438-8dc3-3768ecc37330.tmp</t>
  </si>
  <si>
    <t>\\acsfs\profiles$\Adrieledgc\Downloads\428b301c-06c5-4438-8dc3-3768ecc37330.tmp</t>
  </si>
  <si>
    <t>01/14/2020 18:11:22</t>
  </si>
  <si>
    <t>01/14/2020 18:16:38</t>
  </si>
  <si>
    <t>\\acsfs\profiles$\julianeas\My Documents\$RECYCLE.BIN\</t>
  </si>
  <si>
    <t>$IKA6X7X.txt</t>
  </si>
  <si>
    <t>\\acsfs\profiles$\julianeas\My Documents\$RECYCLE.BIN\$IKA6X7X.txt</t>
  </si>
  <si>
    <t>01/14/2020 18:17:39</t>
  </si>
  <si>
    <t>01/14/2020 18:12:44</t>
  </si>
  <si>
    <t>01/14/2020 18:14:44</t>
  </si>
  <si>
    <t>01/14/2020 18:15:44</t>
  </si>
  <si>
    <t>01/14/2020 18:16:44</t>
  </si>
  <si>
    <t>01/14/2020 18:16:34</t>
  </si>
  <si>
    <t>01/14/2020 18:18:38</t>
  </si>
  <si>
    <t>4c464296-5048-48b0-9a5e-1c0f2f6e3883.tmp</t>
  </si>
  <si>
    <t>\\acsfs\profiles$\gabrielsma\Downloads\4c464296-5048-48b0-9a5e-1c0f2f6e3883.tmp</t>
  </si>
  <si>
    <t>01/14/2020 18:16:48</t>
  </si>
  <si>
    <t>Não confirmado 802782.crdownload</t>
  </si>
  <si>
    <t>\\acsfs\ACS\Gabriel da Silva\Contemporânea\Gen\Não confirmado 802782.crdownload</t>
  </si>
  <si>
    <t>01/14/2020 18:14:04</t>
  </si>
  <si>
    <t>01/14/2020 18:19:38</t>
  </si>
  <si>
    <t>\\acsfs\profiles$\stefaniasdf\My Documents\</t>
  </si>
  <si>
    <t>Duvidas e sugerstão.txt</t>
  </si>
  <si>
    <t>\\acsfs\profiles$\stefaniasdf\My Documents\Duvidas e sugerstão.txt</t>
  </si>
  <si>
    <t>01/14/2020 18:18:04</t>
  </si>
  <si>
    <t>aa28ac00-31e2-4933-87c3-f54ab54516c4.tmp</t>
  </si>
  <si>
    <t>\\acsfs\profiles$\victorgl\Downloads\aa28ac00-31e2-4933-87c3-f54ab54516c4.tmp</t>
  </si>
  <si>
    <t>01/14/2020 18:17:52</t>
  </si>
  <si>
    <t>5e0da564-dc9f-44ca-872e-ca01719f8585.tmp</t>
  </si>
  <si>
    <t>\\acsfs\profiles$\anafaes\Downloads\5e0da564-dc9f-44ca-872e-ca01719f8585.tmp</t>
  </si>
  <si>
    <t>01/14/2020 18:18:56</t>
  </si>
  <si>
    <t>01/14/2020 18:20:38</t>
  </si>
  <si>
    <t>6bd0775a-4404-460a-9986-30e79d7731b3.tmp</t>
  </si>
  <si>
    <t>\\acsfs\profiles$\gabrielamdp\Downloads\6bd0775a-4404-460a-9986-30e79d7731b3.tmp</t>
  </si>
  <si>
    <t>01/14/2020 18:22:38</t>
  </si>
  <si>
    <t>01/14/2020 18:17:44</t>
  </si>
  <si>
    <t>01/14/2020 18:18:44</t>
  </si>
  <si>
    <t>01/14/2020 18:19:44</t>
  </si>
  <si>
    <t>01/14/2020 18:20:44</t>
  </si>
  <si>
    <t>01/14/2020 18:21:44</t>
  </si>
  <si>
    <t>01/14/2020 18:23:38</t>
  </si>
  <si>
    <t>01/14/2020 18:22:12</t>
  </si>
  <si>
    <t>Pasta6.xlsx</t>
  </si>
  <si>
    <t>\\acsfs\ACS\Gabriel da Silva\Contemporânea\Acessos\Pasta6.xlsx</t>
  </si>
  <si>
    <t>01/14/2020 18:22:15</t>
  </si>
  <si>
    <t>01/14/2020 18:26:38</t>
  </si>
  <si>
    <t>senildapdo@algartech.com;viniciussg@algartech.com;</t>
  </si>
  <si>
    <t>senildapdo@algartech.com,viniciussg@algartech.com</t>
  </si>
  <si>
    <t>01/14/2020 18:23:41</t>
  </si>
  <si>
    <t>C:\Users\marianacgs\Documents\</t>
  </si>
  <si>
    <t>folga priscila 2.docx</t>
  </si>
  <si>
    <t>01/14/2020 18:23:50</t>
  </si>
  <si>
    <t>01/14/2020 18:27:38</t>
  </si>
  <si>
    <t>01/14/2020 18:22:44</t>
  </si>
  <si>
    <t>01/14/2020 18:23:44</t>
  </si>
  <si>
    <t>01/14/2020 18:24:44</t>
  </si>
  <si>
    <t>01/14/2020 18:25:47</t>
  </si>
  <si>
    <t>01/14/2020 18:26:44</t>
  </si>
  <si>
    <t>01/14/2020 18:25:11</t>
  </si>
  <si>
    <t>01/14/2020 18:29:38</t>
  </si>
  <si>
    <t>01/14/2020 18:27:18</t>
  </si>
  <si>
    <t>01/14/2020 18:30:39</t>
  </si>
  <si>
    <t>c5d73e21-2c62-4f9a-b135-e371818c8a50.tmp</t>
  </si>
  <si>
    <t>\\acsfs\profiles$\andreapdsg\Downloads\c5d73e21-2c62-4f9a-b135-e371818c8a50.tmp</t>
  </si>
  <si>
    <t>01/14/2020 18:32:38</t>
  </si>
  <si>
    <t>01/14/2020 18:27:44</t>
  </si>
  <si>
    <t>01/14/2020 18:28:44</t>
  </si>
  <si>
    <t>01/14/2020 18:29:30</t>
  </si>
  <si>
    <t>01/14/2020 18:29:44</t>
  </si>
  <si>
    <t>01/14/2020 18:30:44</t>
  </si>
  <si>
    <t>01/14/2020 18:31:44</t>
  </si>
  <si>
    <t>01/14/2020 18:29:00</t>
  </si>
  <si>
    <t>01/14/2020 18:33:38</t>
  </si>
  <si>
    <t>01/14/2020 18:30:21</t>
  </si>
  <si>
    <t>01/14/2020 18:33:33</t>
  </si>
  <si>
    <t>01/14/2020 18:34:38</t>
  </si>
  <si>
    <t>andrelps@algartech.com;ouvidoria@algar.com.br;</t>
  </si>
  <si>
    <t>andrelps@algartech.com,ouvidoria@algar.com.br</t>
  </si>
  <si>
    <t>01/14/2020 18:35:38</t>
  </si>
  <si>
    <t>01/14/2020 18:30:20</t>
  </si>
  <si>
    <t>0ba33c26-1ed0-49c1-81da-695da467a19b.tmp</t>
  </si>
  <si>
    <t>\\acsfs\profiles$\andreapdsg\Downloads\0ba33c26-1ed0-49c1-81da-695da467a19b.tmp</t>
  </si>
  <si>
    <t>01/14/2020 18:31:58</t>
  </si>
  <si>
    <t>1f476d2d-c074-4ffb-9d68-4142fa72a163.tmp</t>
  </si>
  <si>
    <t>\\acsfs\profiles$\taylaedoa\Downloads\1f476d2d-c074-4ffb-9d68-4142fa72a163.tmp</t>
  </si>
  <si>
    <t>01/14/2020 18:34:41</t>
  </si>
  <si>
    <t>01/14/2020 18:37:39</t>
  </si>
  <si>
    <t>9a9d003e-7daf-4d3f-ba2d-5134e11176f6.tmp</t>
  </si>
  <si>
    <t>\\acsfs\profiles$\nycolleemdj\Downloads\9a9d003e-7daf-4d3f-ba2d-5134e11176f6.tmp</t>
  </si>
  <si>
    <t>01/14/2020 18:35:33</t>
  </si>
  <si>
    <t>eedc02b6-0176-4338-a80e-f3a7e4e6562e.tmp</t>
  </si>
  <si>
    <t>\\acsfs\profiles$\nycolleemdj\Downloads\eedc02b6-0176-4338-a80e-f3a7e4e6562e.tmp</t>
  </si>
  <si>
    <t>01/14/2020 18:32:44</t>
  </si>
  <si>
    <t>01/14/2020 18:33:44</t>
  </si>
  <si>
    <t>01/14/2020 18:34:44</t>
  </si>
  <si>
    <t>01/14/2020 18:35:44</t>
  </si>
  <si>
    <t>01/14/2020 18:36:44</t>
  </si>
  <si>
    <t>01/14/2020 18:35:34</t>
  </si>
  <si>
    <t>01/14/2020 18:38:39</t>
  </si>
  <si>
    <t>cd97b2a1-eff0-403b-b494-04abbd9eede6.tmp</t>
  </si>
  <si>
    <t>\\acsfs\profiles$\rosileiam\Downloads\cd97b2a1-eff0-403b-b494-04abbd9eede6.tmp</t>
  </si>
  <si>
    <t>01/14/2020 18:38:45</t>
  </si>
  <si>
    <t>01/14/2020 18:39:40</t>
  </si>
  <si>
    <t>266d49c3-dda9-4c17-9ab7-9e19a3026a88.tmp</t>
  </si>
  <si>
    <t>\\acsfs\profiles$\rafaelacdoc\Downloads\266d49c3-dda9-4c17-9ab7-9e19a3026a88.tmp</t>
  </si>
  <si>
    <t>01/14/2020 18:37:08</t>
  </si>
  <si>
    <t>01/14/2020 18:40:39</t>
  </si>
  <si>
    <t>01/14/2020 18:37:45</t>
  </si>
  <si>
    <t>01/14/2020 18:41:40</t>
  </si>
  <si>
    <t>3c25aaec-d1bb-43a0-8f1f-3589992ea8fc.tmp</t>
  </si>
  <si>
    <t>\\acsfs\profiles$\erichds\Downloads\3c25aaec-d1bb-43a0-8f1f-3589992ea8fc.tmp</t>
  </si>
  <si>
    <t>01/14/2020 18:42:39</t>
  </si>
  <si>
    <t>01/14/2020 18:37:44</t>
  </si>
  <si>
    <t>01/14/2020 18:38:44</t>
  </si>
  <si>
    <t>01/14/2020 18:39:46</t>
  </si>
  <si>
    <t>01/14/2020 18:40:44</t>
  </si>
  <si>
    <t>01/14/2020 18:41:44</t>
  </si>
  <si>
    <t>01/14/2020 18:39:31</t>
  </si>
  <si>
    <t>01/14/2020 18:44:39</t>
  </si>
  <si>
    <t>a79d5dc0-1851-4298-89b0-d402753edca1.tmp</t>
  </si>
  <si>
    <t>\\acsfs\profiles$\rafaelacdoc\Downloads\a79d5dc0-1851-4298-89b0-d402753edca1.tmp</t>
  </si>
  <si>
    <t>01/14/2020 18:43:35</t>
  </si>
  <si>
    <t>01/14/2020 18:47:39</t>
  </si>
  <si>
    <t>1b7df786-b7a4-4ab2-9e49-caf5930c2212.tmp</t>
  </si>
  <si>
    <t>\\acsfs\profiles$\gabrielamdp\Downloads\1b7df786-b7a4-4ab2-9e49-caf5930c2212.tmp</t>
  </si>
  <si>
    <t>01/14/2020 18:43:36</t>
  </si>
  <si>
    <t>4c470bbb-fd6a-4dbf-bea1-9a3fa434461e.tmp</t>
  </si>
  <si>
    <t>\\acsfs\profiles$\gabrielamdp\Downloads\4c470bbb-fd6a-4dbf-bea1-9a3fa434461e.tmp</t>
  </si>
  <si>
    <t>31641a38-5253-4a5e-94e5-6a2225841ce9.tmp</t>
  </si>
  <si>
    <t>\\acsfs\profiles$\gabrielamdp\Downloads\31641a38-5253-4a5e-94e5-6a2225841ce9.tmp</t>
  </si>
  <si>
    <t>01/14/2020 18:42:44</t>
  </si>
  <si>
    <t>01/14/2020 18:43:44</t>
  </si>
  <si>
    <t>01/14/2020 18:44:44</t>
  </si>
  <si>
    <t>01/14/2020 18:45:44</t>
  </si>
  <si>
    <t>01/14/2020 18:46:44</t>
  </si>
  <si>
    <t>01/14/2020 18:44:28</t>
  </si>
  <si>
    <t>10.200.67.165</t>
  </si>
  <si>
    <t>74-86-7A-FB-17-2D</t>
  </si>
  <si>
    <t>VOTORANT-LB007</t>
  </si>
  <si>
    <t>ciceraads</t>
  </si>
  <si>
    <t>\\acsfs\profiles$\ciceraads\</t>
  </si>
  <si>
    <t>link de acesso.txt</t>
  </si>
  <si>
    <t>\\acsfs\profiles$\ciceraads\link de acesso.txt</t>
  </si>
  <si>
    <t>01/14/2020 18:44:29</t>
  </si>
  <si>
    <t>01/14/2020 18:44:30</t>
  </si>
  <si>
    <t>01/14/2020 18:46:57</t>
  </si>
  <si>
    <t>01/14/2020 18:49:39</t>
  </si>
  <si>
    <t>01/14/2020 18:47:14</t>
  </si>
  <si>
    <t>01/14/2020 18:47:18</t>
  </si>
  <si>
    <t>01/14/2020 18:47:26</t>
  </si>
  <si>
    <t>01/14/2020 18:47:30</t>
  </si>
  <si>
    <t>01/14/2020 18:47:38</t>
  </si>
  <si>
    <t>01/14/2020 18:45:03</t>
  </si>
  <si>
    <t>277b8115-acce-49df-aeec-ffe03d2e1572.tmp</t>
  </si>
  <si>
    <t>\\acsfs\profiles$\anafaes\Downloads\277b8115-acce-49df-aeec-ffe03d2e1572.tmp</t>
  </si>
  <si>
    <t>01/14/2020 18:52:39</t>
  </si>
  <si>
    <t>01/14/2020 18:47:44</t>
  </si>
  <si>
    <t>01/14/2020 18:48:44</t>
  </si>
  <si>
    <t>01/14/2020 18:49:44</t>
  </si>
  <si>
    <t>01/14/2020 18:50:44</t>
  </si>
  <si>
    <t>01/14/2020 18:51:44</t>
  </si>
  <si>
    <t>01/14/2020 18:53:39</t>
  </si>
  <si>
    <t>01/14/2020 18:48:17</t>
  </si>
  <si>
    <t>01/14/2020 18:49:38</t>
  </si>
  <si>
    <t>a9f0b0e8-4a70-460b-be55-6270ee0b1189.tmp</t>
  </si>
  <si>
    <t>\\acsfs\profiles$\jalilebds\Downloads\a9f0b0e8-4a70-460b-be55-6270ee0b1189.tmp</t>
  </si>
  <si>
    <t>01/14/2020 18:49:51</t>
  </si>
  <si>
    <t>.~lock.fila 1725 inclusao dependente metlife (1).xlsx#</t>
  </si>
  <si>
    <t>\\acsfs\profiles$\jalilebds\Downloads\.~lock.fila 1725 inclusao dependente metlife (1).xlsx#</t>
  </si>
  <si>
    <t>01/14/2020 18:57:39</t>
  </si>
  <si>
    <t>01/14/2020 18:52:44</t>
  </si>
  <si>
    <t>01/14/2020 18:53:44</t>
  </si>
  <si>
    <t>01/14/2020 18:54:47</t>
  </si>
  <si>
    <t>01/14/2020 18:55:44</t>
  </si>
  <si>
    <t>01/14/2020 18:56:44</t>
  </si>
  <si>
    <t>01/14/2020 18:59:39</t>
  </si>
  <si>
    <t>01/14/2020 18:54:23</t>
  </si>
  <si>
    <t>8e72ea45-8778-44a0-8960-255c3ef3aae4.tmp</t>
  </si>
  <si>
    <t>\\acsfs\profiles$\brendadsl\Downloads\8e72ea45-8778-44a0-8960-255c3ef3aae4.tmp</t>
  </si>
  <si>
    <t>01/14/2020 18:55:02</t>
  </si>
  <si>
    <t>de576fef-b776-49fe-8a05-f5a10afb8871.tmp</t>
  </si>
  <si>
    <t>\\acsfs\profiles$\brendadsl\Downloads\de576fef-b776-49fe-8a05-f5a10afb8871.tmp</t>
  </si>
  <si>
    <t>01/14/2020 18:55:14</t>
  </si>
  <si>
    <t>f9a15ec9-a3a9-48fd-8b83-52b1fc96f8e4.tmp</t>
  </si>
  <si>
    <t>\\acsfs\profiles$\brendadsl\Downloads\f9a15ec9-a3a9-48fd-8b83-52b1fc96f8e4.tmp</t>
  </si>
  <si>
    <t>01/14/2020 19:02:39</t>
  </si>
  <si>
    <t>01/14/2020 18:57:44</t>
  </si>
  <si>
    <t>01/14/2020 18:58:44</t>
  </si>
  <si>
    <t>01/14/2020 18:59:44</t>
  </si>
  <si>
    <t>01/14/2020 19:00:44</t>
  </si>
  <si>
    <t>01/14/2020 19:01:44</t>
  </si>
  <si>
    <t>01/14/2020 18:59:48</t>
  </si>
  <si>
    <t>01/14/2020 19:03:39</t>
  </si>
  <si>
    <t>7de223ad-052d-45a5-82f8-f362b6d6a1d2.tmp</t>
  </si>
  <si>
    <t>\\acsfs\profiles$\laurandos\Downloads\7de223ad-052d-45a5-82f8-f362b6d6a1d2.tmp</t>
  </si>
  <si>
    <t>01/14/2020 19:03:44</t>
  </si>
  <si>
    <t>01/14/2020 19:06:39</t>
  </si>
  <si>
    <t>01/14/2020 19:07:39</t>
  </si>
  <si>
    <t>01/14/2020 19:02:44</t>
  </si>
  <si>
    <t>01/14/2020 19:04:44</t>
  </si>
  <si>
    <t>01/14/2020 19:05:44</t>
  </si>
  <si>
    <t>01/14/2020 19:06:44</t>
  </si>
  <si>
    <t>01/14/2020 19:05:32</t>
  </si>
  <si>
    <t>01/14/2020 19:08:39</t>
  </si>
  <si>
    <t>01/14/2020 19:10:39</t>
  </si>
  <si>
    <t>01/14/2020 19:06:02</t>
  </si>
  <si>
    <t>976a2d45-ac03-48bc-a431-ceffc8eb6d62.tmp</t>
  </si>
  <si>
    <t>\\acsfs\profiles$\Adrieledgc\Downloads\976a2d45-ac03-48bc-a431-ceffc8eb6d62.tmp</t>
  </si>
  <si>
    <t>01/14/2020 19:09:43</t>
  </si>
  <si>
    <t>01/14/2020 19:12:39</t>
  </si>
  <si>
    <t>06e58ffb-0c8f-46e5-aba5-e3dc395ea11f.tmp</t>
  </si>
  <si>
    <t>\\acsfs\profiles$\nycolleemdj\Downloads\06e58ffb-0c8f-46e5-aba5-e3dc395ea11f.tmp</t>
  </si>
  <si>
    <t>01/14/2020 19:07:44</t>
  </si>
  <si>
    <t>01/14/2020 19:08:44</t>
  </si>
  <si>
    <t>01/14/2020 19:09:47</t>
  </si>
  <si>
    <t>01/14/2020 19:10:44</t>
  </si>
  <si>
    <t>01/14/2020 19:11:44</t>
  </si>
  <si>
    <t>01/14/2020 19:12:32</t>
  </si>
  <si>
    <t>01/14/2020 19:13:39</t>
  </si>
  <si>
    <t>01/14/2020 19:11:35</t>
  </si>
  <si>
    <t>01/14/2020 19:14:39</t>
  </si>
  <si>
    <t>bcc44373-db92-4d0a-a3c3-10316d944490.tmp</t>
  </si>
  <si>
    <t>\\acsfs\profiles$\matheusmax\Downloads\bcc44373-db92-4d0a-a3c3-10316d944490.tmp</t>
  </si>
  <si>
    <t>01/14/2020 19:11:03</t>
  </si>
  <si>
    <t>10.200.66.202</t>
  </si>
  <si>
    <t>78-2B-CB-C3-0A-29</t>
  </si>
  <si>
    <t>VOTORANT-WB004</t>
  </si>
  <si>
    <t>gabrieleods</t>
  </si>
  <si>
    <t>\\acsfs\profiles$\gabrieleods\Downloads\</t>
  </si>
  <si>
    <t>2879eede-dd36-4ee0-992a-0b6ab76fa755.tmp</t>
  </si>
  <si>
    <t>\\acsfs\profiles$\gabrieleods\Downloads\2879eede-dd36-4ee0-992a-0b6ab76fa755.tmp</t>
  </si>
  <si>
    <t>01/14/2020 19:11:15</t>
  </si>
  <si>
    <t>be7c53ce-13ca-45cd-b8d5-d7041943344b.tmp</t>
  </si>
  <si>
    <t>\\acsfs\profiles$\gabrieleods\Downloads\be7c53ce-13ca-45cd-b8d5-d7041943344b.tmp</t>
  </si>
  <si>
    <t>01/14/2020 19:13:38</t>
  </si>
  <si>
    <t>0020c17b-3e5b-4730-8884-e730a6b2adfa.tmp</t>
  </si>
  <si>
    <t>\\acsfs\profiles$\gabrieleods\Downloads\0020c17b-3e5b-4730-8884-e730a6b2adfa.tmp</t>
  </si>
  <si>
    <t>01/14/2020 19:12:05</t>
  </si>
  <si>
    <t>01/14/2020 19:16:39</t>
  </si>
  <si>
    <t>Inclusão Metlife Dependente Dezembro.xlsx</t>
  </si>
  <si>
    <t>\\acsfs\DEPTOS\Operacao\Banco_Votorantim\Supervisao\SUPERS BV CARTÕES\ADILSON\Inclusão Metlife Dependente Dezembro.xlsx</t>
  </si>
  <si>
    <t>01/14/2020 19:17:40</t>
  </si>
  <si>
    <t>01/14/2020 19:12:44</t>
  </si>
  <si>
    <t>01/14/2020 19:13:44</t>
  </si>
  <si>
    <t>01/14/2020 19:14:44</t>
  </si>
  <si>
    <t>01/14/2020 19:15:44</t>
  </si>
  <si>
    <t>01/14/2020 19:16:44</t>
  </si>
  <si>
    <t>01/14/2020 19:13:16</t>
  </si>
  <si>
    <t>01/14/2020 19:18:39</t>
  </si>
  <si>
    <t>01/14/2020 19:13:53</t>
  </si>
  <si>
    <t>01/14/2020 19:19:39</t>
  </si>
  <si>
    <t>01/14/2020 19:14:31</t>
  </si>
  <si>
    <t>df5022d3-b21a-4061-a68e-3e7980ce8259.tmp</t>
  </si>
  <si>
    <t>\\acsfs\profiles$\rafaelacdoc\Downloads\df5022d3-b21a-4061-a68e-3e7980ce8259.tmp</t>
  </si>
  <si>
    <t>01/14/2020 19:14:48</t>
  </si>
  <si>
    <t>c99eee8b-6e07-4a68-88b4-305960a036a3.tmp</t>
  </si>
  <si>
    <t>\\acsfs\profiles$\rafaelacdoc\Downloads\c99eee8b-6e07-4a68-88b4-305960a036a3.tmp</t>
  </si>
  <si>
    <t>01/14/2020 19:22:40</t>
  </si>
  <si>
    <t>01/14/2020 19:20:29</t>
  </si>
  <si>
    <t>01/14/2020 19:21:27</t>
  </si>
  <si>
    <t>01/14/2020 19:17:45</t>
  </si>
  <si>
    <t>01/14/2020 19:18:44</t>
  </si>
  <si>
    <t>01/14/2020 19:19:44</t>
  </si>
  <si>
    <t>01/14/2020 19:20:44</t>
  </si>
  <si>
    <t>01/14/2020 19:21:44</t>
  </si>
  <si>
    <t>01/14/2020 19:18:40</t>
  </si>
  <si>
    <t>01/14/2020 19:23:39</t>
  </si>
  <si>
    <t>01/14/2020 19:19:46</t>
  </si>
  <si>
    <t>01/14/2020 19:20:47</t>
  </si>
  <si>
    <t>01/14/2020 19:22:01</t>
  </si>
  <si>
    <t>01/14/2020 19:23:52</t>
  </si>
  <si>
    <t>01/14/2020 19:24:39</t>
  </si>
  <si>
    <t>mail.google.com/sync/u/0/i/s?hl=pt-BR&amp;c=131</t>
  </si>
  <si>
    <t>01/14/2020 19:23:04</t>
  </si>
  <si>
    <t>01/14/2020 19:26:11</t>
  </si>
  <si>
    <t>01/14/2020 19:27:39</t>
  </si>
  <si>
    <t>01/14/2020 19:22:44</t>
  </si>
  <si>
    <t>01/14/2020 19:23:44</t>
  </si>
  <si>
    <t>01/14/2020 19:24:47</t>
  </si>
  <si>
    <t>01/14/2020 19:25:44</t>
  </si>
  <si>
    <t>01/14/2020 19:26:44</t>
  </si>
  <si>
    <t>01/14/2020 19:22:31</t>
  </si>
  <si>
    <t>871abb8a-0c1a-4d34-9e6d-a3f918917b70.tmp</t>
  </si>
  <si>
    <t>\\acsfs\profiles$\joycemmdl\Downloads\871abb8a-0c1a-4d34-9e6d-a3f918917b70.tmp</t>
  </si>
  <si>
    <t>01/14/2020 19:23:22</t>
  </si>
  <si>
    <t>01/14/2020 19:28:39</t>
  </si>
  <si>
    <t>01/14/2020 19:24:58</t>
  </si>
  <si>
    <t>01/14/2020 19:24:00</t>
  </si>
  <si>
    <t>01/14/2020 19:29:39</t>
  </si>
  <si>
    <t>mail.google.com/sync/u/0/i/s?hl=pt-BR&amp;c=133</t>
  </si>
  <si>
    <t>01/14/2020 19:24:03</t>
  </si>
  <si>
    <t>mail.google.com/sync/u/0/i/s?hl=pt-BR&amp;c=135</t>
  </si>
  <si>
    <t>01/14/2020 19:24:11</t>
  </si>
  <si>
    <t>01/14/2020 19:24:37</t>
  </si>
  <si>
    <t>01/14/2020 19:24:51</t>
  </si>
  <si>
    <t>01/14/2020 19:25:09</t>
  </si>
  <si>
    <t>01/14/2020 19:25:16</t>
  </si>
  <si>
    <t>01/14/2020 19:32:39</t>
  </si>
  <si>
    <t>01/14/2020 19:27:44</t>
  </si>
  <si>
    <t>01/14/2020 19:28:44</t>
  </si>
  <si>
    <t>01/14/2020 19:29:33</t>
  </si>
  <si>
    <t>01/14/2020 19:29:44</t>
  </si>
  <si>
    <t>01/14/2020 19:30:44</t>
  </si>
  <si>
    <t>01/14/2020 19:31:44</t>
  </si>
  <si>
    <t>01/14/2020 19:28:46</t>
  </si>
  <si>
    <t>f113ef51-2ce9-4876-a3ed-b4b928ab1588.tmp</t>
  </si>
  <si>
    <t>\\acsfs\profiles$\ingridsm\Downloads\f113ef51-2ce9-4876-a3ed-b4b928ab1588.tmp</t>
  </si>
  <si>
    <t>01/14/2020 19:34:39</t>
  </si>
  <si>
    <t>01/14/2020 19:31:05</t>
  </si>
  <si>
    <t>c84fe350-e988-44dd-befc-51bc4be0939a.tmp</t>
  </si>
  <si>
    <t>\\acsfs\profiles$\gabrieleods\Downloads\c84fe350-e988-44dd-befc-51bc4be0939a.tmp</t>
  </si>
  <si>
    <t>01/14/2020 19:30:58</t>
  </si>
  <si>
    <t>4b697797-489b-4c91-a842-a6f52f34fc54.tmp</t>
  </si>
  <si>
    <t>\\acsfs\profiles$\henriqueco\Downloads\4b697797-489b-4c91-a842-a6f52f34fc54.tmp</t>
  </si>
  <si>
    <t>01/14/2020 19:37:39</t>
  </si>
  <si>
    <t>01/14/2020 19:32:44</t>
  </si>
  <si>
    <t>01/14/2020 19:33:44</t>
  </si>
  <si>
    <t>01/14/2020 19:34:44</t>
  </si>
  <si>
    <t>01/14/2020 19:35:44</t>
  </si>
  <si>
    <t>01/14/2020 19:36:44</t>
  </si>
  <si>
    <t>01/14/2020 19:36:48</t>
  </si>
  <si>
    <t>01/14/2020 19:41:38</t>
  </si>
  <si>
    <t>https://browser.pipe.aria.microsoft.com/collector/3.0/?qsp=true&amp;content-type=application/bond-compact-binary&amp;client-id=no_auth&amp;sdk-version=awt-web-cjs-1.2.2&amp;x-apikey=3b1ea01450be48f29759d868931e225d-7167685b-f6ff-421c-aa64-8ae16fe92128-7283</t>
  </si>
  <si>
    <t>01/14/2020 19:42:39</t>
  </si>
  <si>
    <t>01/14/2020 19:37:44</t>
  </si>
  <si>
    <t>01/14/2020 19:38:44</t>
  </si>
  <si>
    <t>01/14/2020 19:39:47</t>
  </si>
  <si>
    <t>01/14/2020 19:40:44</t>
  </si>
  <si>
    <t>01/14/2020 19:41:44</t>
  </si>
  <si>
    <t>01/14/2020 19:39:28</t>
  </si>
  <si>
    <t>01/14/2020 19:43:38</t>
  </si>
  <si>
    <t>01/14/2020 19:42:27</t>
  </si>
  <si>
    <t>1bfacd9a-654c-4cd7-a8e7-127b21e38b76.tmp</t>
  </si>
  <si>
    <t>\\acsfs\profiles$\leonardocb\Downloads\1bfacd9a-654c-4cd7-a8e7-127b21e38b76.tmp</t>
  </si>
  <si>
    <t>01/14/2020 19:47:38</t>
  </si>
  <si>
    <t>01/14/2020 19:42:44</t>
  </si>
  <si>
    <t>01/14/2020 19:43:44</t>
  </si>
  <si>
    <t>01/14/2020 19:44:44</t>
  </si>
  <si>
    <t>01/14/2020 19:45:44</t>
  </si>
  <si>
    <t>01/14/2020 19:46:45</t>
  </si>
  <si>
    <t>01/14/2020 19:47:12</t>
  </si>
  <si>
    <t>01/14/2020 19:48:39</t>
  </si>
  <si>
    <t>01/14/2020 19:47:39</t>
  </si>
  <si>
    <t>01/14/2020 19:47:27</t>
  </si>
  <si>
    <t>01/14/2020 19:49:38</t>
  </si>
  <si>
    <t>e1f669fa-fb8f-499c-a228-9bd3672e3b2f.tmp</t>
  </si>
  <si>
    <t>\\acsfs\profiles$\regisedsj\Downloads\e1f669fa-fb8f-499c-a228-9bd3672e3b2f.tmp</t>
  </si>
  <si>
    <t>01/14/2020 19:45:52</t>
  </si>
  <si>
    <t>https://fresnel.vimeocdn.com/add/player-stats?beacon=1&amp;session-id=986f22a89bac9977cd8ccad0f8ab15b2e7d90d431579040579</t>
  </si>
  <si>
    <t>01/14/2020 19:45:54</t>
  </si>
  <si>
    <t>01/14/2020 19:47:40</t>
  </si>
  <si>
    <t>01/14/2020 19:49:11</t>
  </si>
  <si>
    <t>01/14/2020 19:52:38</t>
  </si>
  <si>
    <t>c6f2618d-d3ae-40e7-b50d-4231555544c8.tmp</t>
  </si>
  <si>
    <t>\\acsfs\profiles$\gabrielamdp\Downloads\c6f2618d-d3ae-40e7-b50d-4231555544c8.tmp</t>
  </si>
  <si>
    <t>01/14/2020 19:49:14</t>
  </si>
  <si>
    <t>47daf123-e2ba-4b4e-a2ed-6967c62f3119.tmp</t>
  </si>
  <si>
    <t>\\acsfs\profiles$\gabrielamdp\Downloads\47daf123-e2ba-4b4e-a2ed-6967c62f3119.tmp</t>
  </si>
  <si>
    <t>01/14/2020 19:47:44</t>
  </si>
  <si>
    <t>01/14/2020 19:48:44</t>
  </si>
  <si>
    <t>01/14/2020 19:49:45</t>
  </si>
  <si>
    <t>01/14/2020 19:50:45</t>
  </si>
  <si>
    <t>01/14/2020 19:51:45</t>
  </si>
  <si>
    <t>01/14/2020 19:48:00</t>
  </si>
  <si>
    <t>01/14/2020 19:53:39</t>
  </si>
  <si>
    <t>01/14/2020 19:53:47</t>
  </si>
  <si>
    <t>01/14/2020 19:54:38</t>
  </si>
  <si>
    <t>01/14/2020 19:55:39</t>
  </si>
  <si>
    <t>01/14/2020 19:50:58</t>
  </si>
  <si>
    <t>46ecddd9-a2cf-4867-ae13-94f009069ee1.tmp</t>
  </si>
  <si>
    <t>\\acsfs\profiles$\Adrieledgc\Downloads\46ecddd9-a2cf-4867-ae13-94f009069ee1.tmp</t>
  </si>
  <si>
    <t>01/14/2020 19:57:39</t>
  </si>
  <si>
    <t>01/14/2020 19:52:45</t>
  </si>
  <si>
    <t>01/14/2020 19:53:45</t>
  </si>
  <si>
    <t>01/14/2020 19:54:45</t>
  </si>
  <si>
    <t>01/14/2020 19:55:47</t>
  </si>
  <si>
    <t>01/14/2020 19:56:45</t>
  </si>
  <si>
    <t>01/14/2020 19:58:28</t>
  </si>
  <si>
    <t>01/14/2020 19:59:38</t>
  </si>
  <si>
    <t>01/14/2020 19:59:51</t>
  </si>
  <si>
    <t>01/14/2020 20:02:40</t>
  </si>
  <si>
    <t>661bcda5-a774-4037-9428-d902d752ad36.tmp</t>
  </si>
  <si>
    <t>\\acsfs\profiles$\nycolleemdj\Downloads\661bcda5-a774-4037-9428-d902d752ad36.tmp</t>
  </si>
  <si>
    <t>01/14/2020 19:59:07</t>
  </si>
  <si>
    <t>f69f149d-3bea-43ab-8739-9909efb3b5b7.tmp</t>
  </si>
  <si>
    <t>\\acsfs\profiles$\cintiadjl\Downloads\f69f149d-3bea-43ab-8739-9909efb3b5b7.tmp</t>
  </si>
  <si>
    <t>01/14/2020 19:57:45</t>
  </si>
  <si>
    <t>01/14/2020 19:58:45</t>
  </si>
  <si>
    <t>01/14/2020 19:59:45</t>
  </si>
  <si>
    <t>01/14/2020 20:00:45</t>
  </si>
  <si>
    <t>01/14/2020 20:01:45</t>
  </si>
  <si>
    <t>01/14/2020 19:58:26</t>
  </si>
  <si>
    <t>01/14/2020 20:03:41</t>
  </si>
  <si>
    <t>90a72b63-871e-46f5-827e-dabf1c1a111f.tmp</t>
  </si>
  <si>
    <t>\\acsfs\profiles$\laurandos\Downloads\90a72b63-871e-46f5-827e-dabf1c1a111f.tmp</t>
  </si>
  <si>
    <t>01/14/2020 20:00:34</t>
  </si>
  <si>
    <t>01/14/2020 19:59:44</t>
  </si>
  <si>
    <t>9b2d02cb-03cb-4c71-b3ba-561d5343f01c.tmp</t>
  </si>
  <si>
    <t>\\acsfs\profiles$\fabianobmf\Downloads\9b2d02cb-03cb-4c71-b3ba-561d5343f01c.tmp</t>
  </si>
  <si>
    <t>01/14/2020 20:01:35</t>
  </si>
  <si>
    <t>f14346a8-056e-4c7d-9451-20767d5ffa54.tmp</t>
  </si>
  <si>
    <t>\\acsfs\profiles$\fabianobmf\Downloads\f14346a8-056e-4c7d-9451-20767d5ffa54.tmp</t>
  </si>
  <si>
    <t>01/14/2020 20:02:38</t>
  </si>
  <si>
    <t>01/14/2020 20:04:40</t>
  </si>
  <si>
    <t>01/14/2020 20:03:17</t>
  </si>
  <si>
    <t>01/14/2020 20:03:48</t>
  </si>
  <si>
    <t>01/14/2020 20:06:39</t>
  </si>
  <si>
    <t>https://joaogvc@algartech.com,leonardoao@algartech.com,marianacds@algartech.com,marianadjc@algartech.com,paulacn@algartech.com,planejamentodeoperacoesetrafego@bv.com.br,rafaelggs@algartech.com,raphaelmco@algartech.com.br,ricardodfm@algartech.com.br,taysdss@algartech.com,thiagordu@algartech.com,viniciussg@algartech.com</t>
  </si>
  <si>
    <t>01/14/2020 20:02:31</t>
  </si>
  <si>
    <t>8fbe5717-c34d-41a2-9889-9692cd01dd8c.tmp</t>
  </si>
  <si>
    <t>\\acsfs\profiles$\regisadsa\Downloads\8fbe5717-c34d-41a2-9889-9692cd01dd8c.tmp</t>
  </si>
  <si>
    <t>01/14/2020 20:03:42</t>
  </si>
  <si>
    <t>01/14/2020 20:07:40</t>
  </si>
  <si>
    <t>2ff81bdb-d359-431c-b965-2ca0605c3213.tmp</t>
  </si>
  <si>
    <t>\\acsfs\profiles$\gabrielamdp\Downloads\2ff81bdb-d359-431c-b965-2ca0605c3213.tmp</t>
  </si>
  <si>
    <t>01/14/2020 20:02:45</t>
  </si>
  <si>
    <t>01/14/2020 20:03:45</t>
  </si>
  <si>
    <t>01/14/2020 20:04:45</t>
  </si>
  <si>
    <t>01/14/2020 20:05:45</t>
  </si>
  <si>
    <t>01/14/2020 20:06:45</t>
  </si>
  <si>
    <t>01/14/2020 20:08:40</t>
  </si>
  <si>
    <t>01/14/2020 20:03:12</t>
  </si>
  <si>
    <t>01/14/2020 20:06:14</t>
  </si>
  <si>
    <t>01/14/2020 20:05:44</t>
  </si>
  <si>
    <t>01/14/2020 20:09:40</t>
  </si>
  <si>
    <t>01/14/2020 20:09:10</t>
  </si>
  <si>
    <t>ea226cf7-0e7d-4251-8df6-3d57c1d00ef9.tmp</t>
  </si>
  <si>
    <t>\\acsfs\profiles$\anafaes\Downloads\ea226cf7-0e7d-4251-8df6-3d57c1d00ef9.tmp</t>
  </si>
  <si>
    <t>01/14/2020 20:06:37</t>
  </si>
  <si>
    <t>0b3b8b05-c07c-4e45-9d54-a496393aa9d3.tmp</t>
  </si>
  <si>
    <t>\\acsfs\profiles$\gabrieleods\Downloads\0b3b8b05-c07c-4e45-9d54-a496393aa9d3.tmp</t>
  </si>
  <si>
    <t>01/14/2020 20:07:51</t>
  </si>
  <si>
    <t>d95af227-e21b-4b77-bd0a-f4dfb2fa3ff6.tmp</t>
  </si>
  <si>
    <t>\\acsfs\profiles$\gabrieleods\Downloads\d95af227-e21b-4b77-bd0a-f4dfb2fa3ff6.tmp</t>
  </si>
  <si>
    <t>01/14/2020 20:08:29</t>
  </si>
  <si>
    <t>01/14/2020 20:12:40</t>
  </si>
  <si>
    <t>2eaede5d-209a-4f36-a809-c99eb9255d0c.tmp</t>
  </si>
  <si>
    <t>\\acsfs\profiles$\nycolleemdj\Downloads\2eaede5d-209a-4f36-a809-c99eb9255d0c.tmp</t>
  </si>
  <si>
    <t>01/14/2020 20:10:49</t>
  </si>
  <si>
    <t>01/14/2020 20:07:45</t>
  </si>
  <si>
    <t>01/14/2020 20:08:45</t>
  </si>
  <si>
    <t>01/14/2020 20:09:47</t>
  </si>
  <si>
    <t>01/14/2020 20:10:45</t>
  </si>
  <si>
    <t>01/14/2020 20:11:45</t>
  </si>
  <si>
    <t>01/14/2020 20:08:25</t>
  </si>
  <si>
    <t>01/14/2020 20:13:40</t>
  </si>
  <si>
    <t>01/14/2020 20:10:16</t>
  </si>
  <si>
    <t>01/14/2020 20:14:40</t>
  </si>
  <si>
    <t>01/14/2020 20:13:13</t>
  </si>
  <si>
    <t>01/14/2020 20:13:15</t>
  </si>
  <si>
    <t>01/14/2020 20:13:16</t>
  </si>
  <si>
    <t>01/14/2020 20:13:23</t>
  </si>
  <si>
    <t>01/14/2020 20:13:25</t>
  </si>
  <si>
    <t>01/14/2020 20:13:42</t>
  </si>
  <si>
    <t>01/14/2020 20:13:44</t>
  </si>
  <si>
    <t>01/14/2020 20:13:45</t>
  </si>
  <si>
    <t>01/14/2020 20:13:49</t>
  </si>
  <si>
    <t>01/14/2020 20:13:51</t>
  </si>
  <si>
    <t>01/14/2020 20:10:00</t>
  </si>
  <si>
    <t>3a0a3905-330d-4de3-a974-eac39e1e9e35.tmp</t>
  </si>
  <si>
    <t>\\acsfs\profiles$\anafaes\Downloads\3a0a3905-330d-4de3-a974-eac39e1e9e35.tmp</t>
  </si>
  <si>
    <t>01/14/2020 20:15:41</t>
  </si>
  <si>
    <t>01/14/2020 20:17:40</t>
  </si>
  <si>
    <t>01/14/2020 20:12:45</t>
  </si>
  <si>
    <t>01/14/2020 20:14:45</t>
  </si>
  <si>
    <t>01/14/2020 20:15:45</t>
  </si>
  <si>
    <t>01/14/2020 20:16:45</t>
  </si>
  <si>
    <t>01/14/2020 20:13:27</t>
  </si>
  <si>
    <t>01/14/2020 20:18:40</t>
  </si>
  <si>
    <t>01/14/2020 20:15:16</t>
  </si>
  <si>
    <t>01/14/2020 20:19:40</t>
  </si>
  <si>
    <t>01/14/2020 20:16:28</t>
  </si>
  <si>
    <t>01/14/2020 20:17:14</t>
  </si>
  <si>
    <t>01/14/2020 20:17:32</t>
  </si>
  <si>
    <t>01/14/2020 20:17:58</t>
  </si>
  <si>
    <t>01/14/2020 20:17:59</t>
  </si>
  <si>
    <t>01/14/2020 20:18:02</t>
  </si>
  <si>
    <t>01/14/2020 20:18:03</t>
  </si>
  <si>
    <t>01/14/2020 20:18:05</t>
  </si>
  <si>
    <t>01/14/2020 20:18:07</t>
  </si>
  <si>
    <t>01/14/2020 20:18:08</t>
  </si>
  <si>
    <t>01/14/2020 20:18:27</t>
  </si>
  <si>
    <t>01/14/2020 20:18:38</t>
  </si>
  <si>
    <t>01/14/2020 20:15:04</t>
  </si>
  <si>
    <t>0ec1d875-3e53-483b-9172-3fc5f0ddd412.tmp</t>
  </si>
  <si>
    <t>\\acsfs\profiles$\henriqueco\Downloads\0ec1d875-3e53-483b-9172-3fc5f0ddd412.tmp</t>
  </si>
  <si>
    <t>01/14/2020 20:17:43</t>
  </si>
  <si>
    <t>01/14/2020 20:20:41</t>
  </si>
  <si>
    <t>01/14/2020 20:19:23</t>
  </si>
  <si>
    <t>01/14/2020 20:20:11</t>
  </si>
  <si>
    <t>01/14/2020 20:22:40</t>
  </si>
  <si>
    <t>01/14/2020 20:21:07</t>
  </si>
  <si>
    <t>01/14/2020 20:17:45</t>
  </si>
  <si>
    <t>01/14/2020 20:18:45</t>
  </si>
  <si>
    <t>01/14/2020 20:19:45</t>
  </si>
  <si>
    <t>01/14/2020 20:20:45</t>
  </si>
  <si>
    <t>01/14/2020 20:21:45</t>
  </si>
  <si>
    <t>01/14/2020 20:19:46</t>
  </si>
  <si>
    <t>01/14/2020 20:24:40</t>
  </si>
  <si>
    <t>01/14/2020 20:20:30</t>
  </si>
  <si>
    <t>01/14/2020 20:20:17</t>
  </si>
  <si>
    <t>01/14/2020 20:20:20</t>
  </si>
  <si>
    <t>01/14/2020 20:20:21</t>
  </si>
  <si>
    <t>01/14/2020 20:20:22</t>
  </si>
  <si>
    <t>01/14/2020 20:20:24</t>
  </si>
  <si>
    <t>01/14/2020 20:20:25</t>
  </si>
  <si>
    <t>01/14/2020 20:20:27</t>
  </si>
  <si>
    <t>01/14/2020 20:20:54</t>
  </si>
  <si>
    <t>01/14/2020 20:20:55</t>
  </si>
  <si>
    <t>01/14/2020 20:20:57</t>
  </si>
  <si>
    <t>01/14/2020 20:20:58</t>
  </si>
  <si>
    <t>01/14/2020 20:20:59</t>
  </si>
  <si>
    <t>01/14/2020 20:21:03</t>
  </si>
  <si>
    <t>01/14/2020 20:21:04</t>
  </si>
  <si>
    <t>01/14/2020 20:21:05</t>
  </si>
  <si>
    <t>01/14/2020 20:21:06</t>
  </si>
  <si>
    <t>01/14/2020 20:21:09</t>
  </si>
  <si>
    <t>01/14/2020 20:21:10</t>
  </si>
  <si>
    <t>01/14/2020 20:21:13</t>
  </si>
  <si>
    <t>01/14/2020 20:21:15</t>
  </si>
  <si>
    <t>01/14/2020 20:21:21</t>
  </si>
  <si>
    <t>01/14/2020 20:21:22</t>
  </si>
  <si>
    <t>01/14/2020 20:21:25</t>
  </si>
  <si>
    <t>01/14/2020 20:21:30</t>
  </si>
  <si>
    <t>01/14/2020 20:21:31</t>
  </si>
  <si>
    <t>01/14/2020 20:21:32</t>
  </si>
  <si>
    <t>01/14/2020 20:21:35</t>
  </si>
  <si>
    <t>01/14/2020 20:21:36</t>
  </si>
  <si>
    <t>01/14/2020 20:21:37</t>
  </si>
  <si>
    <t>01/14/2020 20:22:44</t>
  </si>
  <si>
    <t>01/14/2020 20:22:47</t>
  </si>
  <si>
    <t>01/14/2020 20:22:48</t>
  </si>
  <si>
    <t>01/14/2020 20:22:49</t>
  </si>
  <si>
    <t>01/14/2020 20:22:54</t>
  </si>
  <si>
    <t>01/14/2020 20:22:55</t>
  </si>
  <si>
    <t>01/14/2020 20:22:56</t>
  </si>
  <si>
    <t>01/14/2020 20:22:58</t>
  </si>
  <si>
    <t>01/14/2020 20:22:59</t>
  </si>
  <si>
    <t>01/14/2020 20:23:00</t>
  </si>
  <si>
    <t>01/14/2020 20:23:03</t>
  </si>
  <si>
    <t>01/14/2020 20:23:04</t>
  </si>
  <si>
    <t>01/14/2020 20:23:05</t>
  </si>
  <si>
    <t>01/14/2020 20:23:09</t>
  </si>
  <si>
    <t>01/14/2020 20:19:41</t>
  </si>
  <si>
    <t>b3ce3335-3f97-4b70-88e2-b8fdda88bbf5.tmp</t>
  </si>
  <si>
    <t>\\acsfs\profiles$\gabrieleods\Downloads\b3ce3335-3f97-4b70-88e2-b8fdda88bbf5.tmp</t>
  </si>
  <si>
    <t>01/14/2020 20:25:40</t>
  </si>
  <si>
    <t>01/14/2020 20:27:40</t>
  </si>
  <si>
    <t>01/14/2020 20:22:45</t>
  </si>
  <si>
    <t>01/14/2020 20:23:45</t>
  </si>
  <si>
    <t>01/14/2020 20:24:47</t>
  </si>
  <si>
    <t>01/14/2020 20:25:45</t>
  </si>
  <si>
    <t>01/14/2020 20:26:45</t>
  </si>
  <si>
    <t>01/14/2020 20:29:40</t>
  </si>
  <si>
    <t>01/14/2020 20:25:58</t>
  </si>
  <si>
    <t>e63232e6-9be5-4f71-8552-8e536c4c9f21.tmp</t>
  </si>
  <si>
    <t>\\acsfs\profiles$\brendadsl\Downloads\e63232e6-9be5-4f71-8552-8e536c4c9f21.tmp</t>
  </si>
  <si>
    <t>01/14/2020 20:26:12</t>
  </si>
  <si>
    <t>01/14/2020 20:26:14</t>
  </si>
  <si>
    <t>01/14/2020 20:26:15</t>
  </si>
  <si>
    <t>01/14/2020 20:26:16</t>
  </si>
  <si>
    <t>01/14/2020 20:26:17</t>
  </si>
  <si>
    <t>01/14/2020 20:26:18</t>
  </si>
  <si>
    <t>01/14/2020 20:26:19</t>
  </si>
  <si>
    <t>01/14/2020 20:26:25</t>
  </si>
  <si>
    <t>01/14/2020 20:26:35</t>
  </si>
  <si>
    <t>01/14/2020 20:26:36</t>
  </si>
  <si>
    <t>01/14/2020 20:26:38</t>
  </si>
  <si>
    <t>01/14/2020 20:26:41</t>
  </si>
  <si>
    <t>01/14/2020 20:26:42</t>
  </si>
  <si>
    <t>01/14/2020 20:26:43</t>
  </si>
  <si>
    <t>01/14/2020 20:26:44</t>
  </si>
  <si>
    <t>01/14/2020 20:26:46</t>
  </si>
  <si>
    <t>01/14/2020 20:26:48</t>
  </si>
  <si>
    <t>01/14/2020 20:26:51</t>
  </si>
  <si>
    <t>01/14/2020 20:26:53</t>
  </si>
  <si>
    <t>01/14/2020 20:26:57</t>
  </si>
  <si>
    <t>01/14/2020 20:27:21</t>
  </si>
  <si>
    <t>01/14/2020 20:27:22</t>
  </si>
  <si>
    <t>01/14/2020 20:27:23</t>
  </si>
  <si>
    <t>01/14/2020 20:27:29</t>
  </si>
  <si>
    <t>01/14/2020 20:27:31</t>
  </si>
  <si>
    <t>01/14/2020 20:27:39</t>
  </si>
  <si>
    <t>01/14/2020 20:27:41</t>
  </si>
  <si>
    <t>01/14/2020 20:27:43</t>
  </si>
  <si>
    <t>01/14/2020 20:27:45</t>
  </si>
  <si>
    <t>01/14/2020 20:27:46</t>
  </si>
  <si>
    <t>01/14/2020 20:27:48</t>
  </si>
  <si>
    <t>01/14/2020 20:27:50</t>
  </si>
  <si>
    <t>01/14/2020 20:27:51</t>
  </si>
  <si>
    <t>01/14/2020 20:30:55</t>
  </si>
  <si>
    <t>01/14/2020 20:32:39</t>
  </si>
  <si>
    <t>01/14/2020 20:28:45</t>
  </si>
  <si>
    <t>01/14/2020 20:29:36</t>
  </si>
  <si>
    <t>01/14/2020 20:29:45</t>
  </si>
  <si>
    <t>01/14/2020 20:30:45</t>
  </si>
  <si>
    <t>01/14/2020 20:31:45</t>
  </si>
  <si>
    <t>01/14/2020 20:32:18</t>
  </si>
  <si>
    <t>7ad07a8a-01f2-4328-9d33-71eadc1efc84.tmp</t>
  </si>
  <si>
    <t>\\acsfs\profiles$\joycemmdl\Downloads\7ad07a8a-01f2-4328-9d33-71eadc1efc84.tmp</t>
  </si>
  <si>
    <t>01/14/2020 20:29:07</t>
  </si>
  <si>
    <t>01/14/2020 20:33:40</t>
  </si>
  <si>
    <t>01/14/2020 20:29:19</t>
  </si>
  <si>
    <t>01/14/2020 20:34:40</t>
  </si>
  <si>
    <t>01/14/2020 20:33:51</t>
  </si>
  <si>
    <t>01/14/2020 20:37:39</t>
  </si>
  <si>
    <t>01/14/2020 20:32:45</t>
  </si>
  <si>
    <t>01/14/2020 20:33:45</t>
  </si>
  <si>
    <t>01/14/2020 20:34:45</t>
  </si>
  <si>
    <t>01/14/2020 20:35:45</t>
  </si>
  <si>
    <t>01/14/2020 20:36:45</t>
  </si>
  <si>
    <t>01/14/2020 20:34:44</t>
  </si>
  <si>
    <t>01/14/2020 20:38:40</t>
  </si>
  <si>
    <t>01/14/2020 20:38:16</t>
  </si>
  <si>
    <t>01/14/2020 20:39:39</t>
  </si>
  <si>
    <t>7ffd1f68-f5be-48ab-81dd-495b8b42e49c.tmp</t>
  </si>
  <si>
    <t>\\acsfs\profiles$\regisedsj\Downloads\7ffd1f68-f5be-48ab-81dd-495b8b42e49c.tmp</t>
  </si>
  <si>
    <t>01/14/2020 20:38:37</t>
  </si>
  <si>
    <t>01/14/2020 20:38:51</t>
  </si>
  <si>
    <t>01/14/2020 20:42:40</t>
  </si>
  <si>
    <t>6e23f359-d55f-4b24-9998-6362868ff7f6.tmp</t>
  </si>
  <si>
    <t>\\acsfs\profiles$\nycolleemdj\Downloads\6e23f359-d55f-4b24-9998-6362868ff7f6.tmp</t>
  </si>
  <si>
    <t>01/14/2020 20:39:57</t>
  </si>
  <si>
    <t>27bd5a47-3de3-4117-ae2e-93a46f993e37.tmp</t>
  </si>
  <si>
    <t>\\acsfs\profiles$\nycolleemdj\Downloads\27bd5a47-3de3-4117-ae2e-93a46f993e37.tmp</t>
  </si>
  <si>
    <t>01/14/2020 20:37:45</t>
  </si>
  <si>
    <t>01/14/2020 20:38:45</t>
  </si>
  <si>
    <t>01/14/2020 20:39:45</t>
  </si>
  <si>
    <t>01/14/2020 20:40:45</t>
  </si>
  <si>
    <t>01/14/2020 20:41:45</t>
  </si>
  <si>
    <t>01/14/2020 20:40:09</t>
  </si>
  <si>
    <t>01/14/2020 20:44:40</t>
  </si>
  <si>
    <t>01/14/2020 20:47:41</t>
  </si>
  <si>
    <t>01/14/2020 20:42:45</t>
  </si>
  <si>
    <t>01/14/2020 20:43:45</t>
  </si>
  <si>
    <t>01/14/2020 20:44:45</t>
  </si>
  <si>
    <t>01/14/2020 20:45:45</t>
  </si>
  <si>
    <t>01/14/2020 20:46:45</t>
  </si>
  <si>
    <t>01/14/2020 20:47:45</t>
  </si>
  <si>
    <t>01/14/2020 20:52:41</t>
  </si>
  <si>
    <t>01/14/2020 20:48:45</t>
  </si>
  <si>
    <t>01/14/2020 20:49:45</t>
  </si>
  <si>
    <t>01/14/2020 20:50:45</t>
  </si>
  <si>
    <t>01/14/2020 20:51:45</t>
  </si>
  <si>
    <t>01/14/2020 20:52:45</t>
  </si>
  <si>
    <t>01/14/2020 20:57:41</t>
  </si>
  <si>
    <t>01/14/2020 20:53:45</t>
  </si>
  <si>
    <t>01/14/2020 20:54:45</t>
  </si>
  <si>
    <t>01/14/2020 20:55:48</t>
  </si>
  <si>
    <t>01/14/2020 20:56:45</t>
  </si>
  <si>
    <t>01/14/2020 20:55:13</t>
  </si>
  <si>
    <t>30756d4d-0d99-4a7a-9fe0-c690be5bd990.tmp</t>
  </si>
  <si>
    <t>\\acsfs\profiles$\joycemmdl\Downloads\30756d4d-0d99-4a7a-9fe0-c690be5bd990.tmp</t>
  </si>
  <si>
    <t>01/14/2020 20:54:15</t>
  </si>
  <si>
    <t>01/14/2020 20:59:41</t>
  </si>
  <si>
    <t>38bb424b-9c87-4d0f-bf40-a81d0702aac0.tmp</t>
  </si>
  <si>
    <t>\\acsfs\profiles$\rafaelacdoc\Downloads\38bb424b-9c87-4d0f-bf40-a81d0702aac0.tmp</t>
  </si>
  <si>
    <t>01/14/2020 20:55:15</t>
  </si>
  <si>
    <t>C:\Users\flaviacno\Downloads\</t>
  </si>
  <si>
    <t>Ingrid Freitas.jpg</t>
  </si>
  <si>
    <t>01/14/2020 20:55:20</t>
  </si>
  <si>
    <t>01/14/2020 20:55:21</t>
  </si>
  <si>
    <t>https://algar.folhasinergyrh.com.br/afastamento/upload?id=0&amp;idsolicitacao=21102</t>
  </si>
  <si>
    <t>01/14/2020 20:57:45</t>
  </si>
  <si>
    <t>01/14/2020 21:02:41</t>
  </si>
  <si>
    <t>01/14/2020 20:58:45</t>
  </si>
  <si>
    <t>01/14/2020 20:59:45</t>
  </si>
  <si>
    <t>01/14/2020 21:00:45</t>
  </si>
  <si>
    <t>01/14/2020 21:01:45</t>
  </si>
  <si>
    <t>01/14/2020 21:02:57</t>
  </si>
  <si>
    <t>01/14/2020 21:04:41</t>
  </si>
  <si>
    <t>http://erp.algartech.com/techonline/workflow/postupload.aspx?tp=add&amp;info_s=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</t>
  </si>
  <si>
    <t>Ingrid Freitas 2.jpg</t>
  </si>
  <si>
    <t>01/14/2020 21:03:02</t>
  </si>
  <si>
    <t>01/14/2020 21:02:08</t>
  </si>
  <si>
    <t>01/14/2020 21:06:41</t>
  </si>
  <si>
    <t>01/14/2020 21:02:54</t>
  </si>
  <si>
    <t>01/14/2020 21:07:40</t>
  </si>
  <si>
    <t>https://links.services.disqus.com/api/domains</t>
  </si>
  <si>
    <t>https://links.services.disqus.com/api/optimize</t>
  </si>
  <si>
    <t>01/14/2020 21:03:00</t>
  </si>
  <si>
    <t>01/14/2020 21:02:45</t>
  </si>
  <si>
    <t>01/14/2020 21:03:45</t>
  </si>
  <si>
    <t>01/14/2020 21:04:45</t>
  </si>
  <si>
    <t>01/14/2020 21:05:45</t>
  </si>
  <si>
    <t>01/14/2020 21:06:45</t>
  </si>
  <si>
    <t>01/14/2020 21:08:41</t>
  </si>
  <si>
    <t>01/14/2020 21:06:04</t>
  </si>
  <si>
    <t>01/14/2020 21:09:41</t>
  </si>
  <si>
    <t>XLOG_marcosvnds_14012020_134649.log</t>
  </si>
  <si>
    <t>\\acsfs\profiles$\marcosvnds\My Documents\xworkcenter\logs\XLOG_marcosvnds_14012020_134649.log</t>
  </si>
  <si>
    <t>XLOG_marcosvnds_14012020_134320.log</t>
  </si>
  <si>
    <t>\\acsfs\profiles$\marcosvnds\My Documents\xworkcenter\logs\XLOG_marcosvnds_14012020_134320.log</t>
  </si>
  <si>
    <t>01/14/2020 21:06:05</t>
  </si>
  <si>
    <t>\\acsfs\profiles$\marcosvnds\My Documents\xworkcenter\logs\wrapper.log</t>
  </si>
  <si>
    <t>01/14/2020 21:12:40</t>
  </si>
  <si>
    <t>aca47d58-2bb1-463f-a7fa-03af193e3211.tmp</t>
  </si>
  <si>
    <t>\\acsfs\profiles$\gabrielamdp\Downloads\aca47d58-2bb1-463f-a7fa-03af193e3211.tmp</t>
  </si>
  <si>
    <t>01/14/2020 21:07:45</t>
  </si>
  <si>
    <t>01/14/2020 21:08:45</t>
  </si>
  <si>
    <t>01/14/2020 21:09:46</t>
  </si>
  <si>
    <t>01/14/2020 21:10:45</t>
  </si>
  <si>
    <t>01/14/2020 21:11:45</t>
  </si>
  <si>
    <t>01/14/2020 21:11:39</t>
  </si>
  <si>
    <t>01/14/2020 21:14:41</t>
  </si>
  <si>
    <t>01/14/2020 21:12:25</t>
  </si>
  <si>
    <t>01/14/2020 21:16:41</t>
  </si>
  <si>
    <t>b86fd39d-5375-4cae-b079-a3ca122cc280.tmp</t>
  </si>
  <si>
    <t>\\acsfs\profiles$\regisadsa\Downloads\b86fd39d-5375-4cae-b079-a3ca122cc280.tmp</t>
  </si>
  <si>
    <t>01/14/2020 21:12:45</t>
  </si>
  <si>
    <t>01/14/2020 21:17:41</t>
  </si>
  <si>
    <t>01/14/2020 21:13:45</t>
  </si>
  <si>
    <t>01/14/2020 21:14:45</t>
  </si>
  <si>
    <t>01/14/2020 21:15:45</t>
  </si>
  <si>
    <t>01/14/2020 21:16:45</t>
  </si>
  <si>
    <t>01/14/2020 21:19:41</t>
  </si>
  <si>
    <t>01/14/2020 21:16:00</t>
  </si>
  <si>
    <t>c9e11f8e-955e-4724-9575-188763eea92e.tmp</t>
  </si>
  <si>
    <t>\\acsfs\profiles$\brendadsl\Downloads\c9e11f8e-955e-4724-9575-188763eea92e.tmp</t>
  </si>
  <si>
    <t>01/14/2020 21:17:45</t>
  </si>
  <si>
    <t>01/14/2020 21:22:41</t>
  </si>
  <si>
    <t>01/14/2020 21:18:45</t>
  </si>
  <si>
    <t>01/14/2020 21:19:45</t>
  </si>
  <si>
    <t>01/14/2020 21:20:45</t>
  </si>
  <si>
    <t>01/14/2020 21:21:45</t>
  </si>
  <si>
    <t>01/14/2020 21:27:41</t>
  </si>
  <si>
    <t>01/14/2020 21:22:45</t>
  </si>
  <si>
    <t>01/14/2020 21:23:45</t>
  </si>
  <si>
    <t>01/14/2020 21:24:47</t>
  </si>
  <si>
    <t>01/14/2020 21:25:45</t>
  </si>
  <si>
    <t>01/14/2020 21:26:45</t>
  </si>
  <si>
    <t>01/14/2020 21:26:31</t>
  </si>
  <si>
    <t>01/14/2020 21:30:41</t>
  </si>
  <si>
    <t>903865bb-5e88-493d-8f9d-1a52eb180449.tmp</t>
  </si>
  <si>
    <t>\\acsfs\profiles$\Adrieledgc\Downloads\903865bb-5e88-493d-8f9d-1a52eb180449.tmp</t>
  </si>
  <si>
    <t>01/14/2020 21:27:45</t>
  </si>
  <si>
    <t>01/14/2020 21:32:41</t>
  </si>
  <si>
    <t>01/14/2020 21:28:45</t>
  </si>
  <si>
    <t>01/14/2020 21:29:38</t>
  </si>
  <si>
    <t>01/14/2020 21:29:45</t>
  </si>
  <si>
    <t>01/14/2020 21:30:45</t>
  </si>
  <si>
    <t>01/14/2020 21:31:45</t>
  </si>
  <si>
    <t>01/14/2020 21:32:45</t>
  </si>
  <si>
    <t>01/14/2020 21:37:41</t>
  </si>
  <si>
    <t>01/14/2020 21:33:45</t>
  </si>
  <si>
    <t>01/14/2020 21:34:45</t>
  </si>
  <si>
    <t>01/14/2020 21:35:45</t>
  </si>
  <si>
    <t>01/14/2020 21:36:45</t>
  </si>
  <si>
    <t>01/14/2020 21:37:26</t>
  </si>
  <si>
    <t>b948d6a5-61bd-4e4b-b5a7-33676e2898b3.tmp</t>
  </si>
  <si>
    <t>\\acsfs\profiles$\ROBERTM\Downloads\b948d6a5-61bd-4e4b-b5a7-33676e2898b3.tmp</t>
  </si>
  <si>
    <t>01/14/2020 21:35:06</t>
  </si>
  <si>
    <t>01/14/2020 21:38:41</t>
  </si>
  <si>
    <t>c8886798-4ff6-4115-8215-c4d1825a74b7.tmp</t>
  </si>
  <si>
    <t>\\acsfs\profiles$\leonardocb\Downloads\c8886798-4ff6-4115-8215-c4d1825a74b7.tmp</t>
  </si>
  <si>
    <t>01/14/2020 21:37:45</t>
  </si>
  <si>
    <t>01/14/2020 21:42:41</t>
  </si>
  <si>
    <t>01/14/2020 21:38:45</t>
  </si>
  <si>
    <t>01/14/2020 21:39:47</t>
  </si>
  <si>
    <t>01/14/2020 21:40:45</t>
  </si>
  <si>
    <t>01/14/2020 21:41:45</t>
  </si>
  <si>
    <t>01/14/2020 21:38:16</t>
  </si>
  <si>
    <t>fedb41a7-ba4e-4f88-a22c-338f5212b3f0.tmp</t>
  </si>
  <si>
    <t>\\acsfs\profiles$\ROBERTM\Downloads\fedb41a7-ba4e-4f88-a22c-338f5212b3f0.tmp</t>
  </si>
  <si>
    <t>01/14/2020 21:38:35</t>
  </si>
  <si>
    <t>f92a15ee-782a-49b7-9305-d85f7d13f061.tmp</t>
  </si>
  <si>
    <t>\\acsfs\profiles$\ROBERTM\Downloads\f92a15ee-782a-49b7-9305-d85f7d13f061.tmp</t>
  </si>
  <si>
    <t>01/14/2020 21:41:31</t>
  </si>
  <si>
    <t>01/14/2020 21:43:40</t>
  </si>
  <si>
    <t>a3d48245-6dfa-4bdd-939e-aaceb78f4ecc.tmp</t>
  </si>
  <si>
    <t>\\acsfs\profiles$\fabianafv\Downloads\a3d48245-6dfa-4bdd-939e-aaceb78f4ecc.tmp</t>
  </si>
  <si>
    <t>01/14/2020 21:42:45</t>
  </si>
  <si>
    <t>01/14/2020 21:47:41</t>
  </si>
  <si>
    <t>01/14/2020 21:43:45</t>
  </si>
  <si>
    <t>01/14/2020 21:44:45</t>
  </si>
  <si>
    <t>01/14/2020 21:45:45</t>
  </si>
  <si>
    <t>01/14/2020 21:46:45</t>
  </si>
  <si>
    <t>01/14/2020 21:48:40</t>
  </si>
  <si>
    <t>01/14/2020 21:44:52</t>
  </si>
  <si>
    <t>81e2d098-fc42-4f35-8d9f-5e13e607f36f.tmp</t>
  </si>
  <si>
    <t>\\acsfs\profiles$\fabianafv\Downloads\81e2d098-fc42-4f35-8d9f-5e13e607f36f.tmp</t>
  </si>
  <si>
    <t>01/14/2020 21:47:45</t>
  </si>
  <si>
    <t>01/14/2020 21:52:41</t>
  </si>
  <si>
    <t>01/14/2020 21:48:45</t>
  </si>
  <si>
    <t>01/14/2020 21:49:45</t>
  </si>
  <si>
    <t>01/14/2020 21:50:45</t>
  </si>
  <si>
    <t>01/14/2020 21:51:45</t>
  </si>
  <si>
    <t>01/14/2020 21:54:50</t>
  </si>
  <si>
    <t>01/14/2020 21:57:41</t>
  </si>
  <si>
    <t>db440324-c7fb-4144-9c4b-16add616527f.tmp</t>
  </si>
  <si>
    <t>\\acsfs\profiles$\rogeriofd\Downloads\db440324-c7fb-4144-9c4b-16add616527f.tmp</t>
  </si>
  <si>
    <t>01/14/2020 21:52:45</t>
  </si>
  <si>
    <t>01/14/2020 21:53:45</t>
  </si>
  <si>
    <t>01/14/2020 21:54:45</t>
  </si>
  <si>
    <t>01/14/2020 21:55:48</t>
  </si>
  <si>
    <t>01/14/2020 21:56:45</t>
  </si>
  <si>
    <t>01/14/2020 21:58:26</t>
  </si>
  <si>
    <t>01/14/2020 22:01:41</t>
  </si>
  <si>
    <t>01/14/2020 22:00:18</t>
  </si>
  <si>
    <t>XLOG_andrezacapf_14012020_135219.log</t>
  </si>
  <si>
    <t>\\acsfs\profiles$\andrezacapf\My Documents\xworkcenter\logs\XLOG_andrezacapf_14012020_135219.log</t>
  </si>
  <si>
    <t>\\acsfs\profiles$\andrezacapf\My Documents\xworkcenter\logs\wrapper.log</t>
  </si>
  <si>
    <t>01/14/2020 21:58:30</t>
  </si>
  <si>
    <t>01/14/2020 22:02:41</t>
  </si>
  <si>
    <t>b5d0a76b-73df-40a5-9c95-5c71d38dcd78.tmp</t>
  </si>
  <si>
    <t>\\acsfs\profiles$\rogeriofd\Downloads\b5d0a76b-73df-40a5-9c95-5c71d38dcd78.tmp</t>
  </si>
  <si>
    <t>01/14/2020 21:57:45</t>
  </si>
  <si>
    <t>01/14/2020 21:58:45</t>
  </si>
  <si>
    <t>01/14/2020 21:59:45</t>
  </si>
  <si>
    <t>01/14/2020 22:00:45</t>
  </si>
  <si>
    <t>01/14/2020 22:01:45</t>
  </si>
  <si>
    <t>01/14/2020 22:00:06</t>
  </si>
  <si>
    <t>916368c8-cb4c-4823-8e6c-47caa9aac6d5.tmp</t>
  </si>
  <si>
    <t>\\acsfs\profiles$\joycemmdl\Downloads\916368c8-cb4c-4823-8e6c-47caa9aac6d5.tmp</t>
  </si>
  <si>
    <t>01/14/2020 22:02:45</t>
  </si>
  <si>
    <t>01/14/2020 22:07:41</t>
  </si>
  <si>
    <t>01/14/2020 22:03:45</t>
  </si>
  <si>
    <t>01/14/2020 22:04:45</t>
  </si>
  <si>
    <t>01/14/2020 22:05:45</t>
  </si>
  <si>
    <t>01/14/2020 22:06:45</t>
  </si>
  <si>
    <t>01/14/2020 22:12:42</t>
  </si>
  <si>
    <t>01/14/2020 22:07:45</t>
  </si>
  <si>
    <t>01/14/2020 22:08:45</t>
  </si>
  <si>
    <t>01/14/2020 22:09:45</t>
  </si>
  <si>
    <t>01/14/2020 22:10:45</t>
  </si>
  <si>
    <t>01/14/2020 22:11:45</t>
  </si>
  <si>
    <t>01/14/2020 22:12:45</t>
  </si>
  <si>
    <t>01/14/2020 22:17:42</t>
  </si>
  <si>
    <t>01/14/2020 22:13:45</t>
  </si>
  <si>
    <t>01/14/2020 22:14:45</t>
  </si>
  <si>
    <t>01/14/2020 22:15:45</t>
  </si>
  <si>
    <t>01/14/2020 22:16:45</t>
  </si>
  <si>
    <t>01/14/2020 22:17:45</t>
  </si>
  <si>
    <t>01/14/2020 22:22:41</t>
  </si>
  <si>
    <t>01/14/2020 22:18:45</t>
  </si>
  <si>
    <t>01/14/2020 22:19:45</t>
  </si>
  <si>
    <t>01/14/2020 22:20:45</t>
  </si>
  <si>
    <t>01/14/2020 22:21:45</t>
  </si>
  <si>
    <t>01/14/2020 22:21:22</t>
  </si>
  <si>
    <t>01/14/2020 22:23:42</t>
  </si>
  <si>
    <t>01/14/2020 22:21:23</t>
  </si>
  <si>
    <t>lu314203qhuxv.tmp</t>
  </si>
  <si>
    <t>\\acsfs\profiles$\jalilebds\Downloads\lu314203qhuxv.tmp</t>
  </si>
  <si>
    <t>01/14/2020 22:22:15</t>
  </si>
  <si>
    <t>\\acsfs\profiles$\jalilebds\Downloads\$RECYCLE.BIN\</t>
  </si>
  <si>
    <t>$IE63EBS.xlsx</t>
  </si>
  <si>
    <t>\\acsfs\profiles$\jalilebds\Downloads\$RECYCLE.BIN\$IE63EBS.xlsx</t>
  </si>
  <si>
    <t>01/14/2020 22:22:16</t>
  </si>
  <si>
    <t>$I7E5YDY.xlsx</t>
  </si>
  <si>
    <t>\\acsfs\profiles$\jalilebds\Downloads\$RECYCLE.BIN\$I7E5YDY.xlsx</t>
  </si>
  <si>
    <t>$IR6JL2K.xlsx</t>
  </si>
  <si>
    <t>\\acsfs\profiles$\jalilebds\Downloads\$RECYCLE.BIN\$IR6JL2K.xlsx</t>
  </si>
  <si>
    <t>$ISX98NM.xlsx</t>
  </si>
  <si>
    <t>\\acsfs\profiles$\jalilebds\Downloads\$RECYCLE.BIN\$ISX98NM.xlsx</t>
  </si>
  <si>
    <t>01/14/2020 22:22:17</t>
  </si>
  <si>
    <t>$I5B146S.xlsx</t>
  </si>
  <si>
    <t>\\acsfs\profiles$\jalilebds\Downloads\$RECYCLE.BIN\$I5B146S.xlsx</t>
  </si>
  <si>
    <t>$IAH58M8.xlsx</t>
  </si>
  <si>
    <t>\\acsfs\profiles$\jalilebds\Downloads\$RECYCLE.BIN\$IAH58M8.xlsx</t>
  </si>
  <si>
    <t>$I48LCJN.xlsx</t>
  </si>
  <si>
    <t>\\acsfs\profiles$\jalilebds\Downloads\$RECYCLE.BIN\$I48LCJN.xlsx</t>
  </si>
  <si>
    <t>01/14/2020 22:25:42</t>
  </si>
  <si>
    <t>01/14/2020 22:24:29</t>
  </si>
  <si>
    <t>bba82db4-4553-4d2d-90c7-76bcb2fd2989.tmp</t>
  </si>
  <si>
    <t>\\acsfs\profiles$\Adrieledgc\Downloads\bba82db4-4553-4d2d-90c7-76bcb2fd2989.tmp</t>
  </si>
  <si>
    <t>01/14/2020 22:22:45</t>
  </si>
  <si>
    <t>01/14/2020 22:27:42</t>
  </si>
  <si>
    <t>01/14/2020 22:23:45</t>
  </si>
  <si>
    <t>01/14/2020 22:24:45</t>
  </si>
  <si>
    <t>01/14/2020 22:25:45</t>
  </si>
  <si>
    <t>01/14/2020 22:26:45</t>
  </si>
  <si>
    <t>01/14/2020 22:28:43</t>
  </si>
  <si>
    <t>7eb2c815-aff1-4d25-a248-53803d410c62.tmp</t>
  </si>
  <si>
    <t>\\acsfs\profiles$\jalilebds\Downloads\7eb2c815-aff1-4d25-a248-53803d410c62.tmp</t>
  </si>
  <si>
    <t>01/14/2020 22:27:45</t>
  </si>
  <si>
    <t>01/14/2020 22:32:42</t>
  </si>
  <si>
    <t>01/14/2020 22:28:45</t>
  </si>
  <si>
    <t>01/14/2020 22:29:41</t>
  </si>
  <si>
    <t>01/14/2020 22:29:45</t>
  </si>
  <si>
    <t>01/14/2020 22:30:45</t>
  </si>
  <si>
    <t>01/14/2020 22:31:45</t>
  </si>
  <si>
    <t>01/14/2020 22:30:02</t>
  </si>
  <si>
    <t>01/14/2020 22:33:43</t>
  </si>
  <si>
    <t>01/14/2020 22:32:45</t>
  </si>
  <si>
    <t>01/14/2020 22:37:43</t>
  </si>
  <si>
    <t>01/14/2020 22:33:46</t>
  </si>
  <si>
    <t>01/14/2020 22:34:45</t>
  </si>
  <si>
    <t>01/14/2020 22:35:45</t>
  </si>
  <si>
    <t>01/14/2020 22:36:45</t>
  </si>
  <si>
    <t>01/14/2020 22:37:45</t>
  </si>
  <si>
    <t>01/14/2020 22:42:43</t>
  </si>
  <si>
    <t>01/14/2020 22:38:45</t>
  </si>
  <si>
    <t>01/14/2020 22:39:48</t>
  </si>
  <si>
    <t>01/14/2020 22:40:45</t>
  </si>
  <si>
    <t>01/14/2020 22:41:45</t>
  </si>
  <si>
    <t>01/14/2020 22:41:58</t>
  </si>
  <si>
    <t>01/14/2020 22:43:43</t>
  </si>
  <si>
    <t>01/14/2020 22:41:59</t>
  </si>
  <si>
    <t>lu3970849j0k0.tmp</t>
  </si>
  <si>
    <t>\\acsfs\profiles$\jalilebds\Downloads\lu3970849j0k0.tmp</t>
  </si>
  <si>
    <t>01/14/2020 22:42:45</t>
  </si>
  <si>
    <t>01/14/2020 22:47:43</t>
  </si>
  <si>
    <t>01/14/2020 22:43:45</t>
  </si>
  <si>
    <t>01/14/2020 22:44:45</t>
  </si>
  <si>
    <t>01/14/2020 22:45:45</t>
  </si>
  <si>
    <t>01/14/2020 22:46:45</t>
  </si>
  <si>
    <t>01/14/2020 22:47:26</t>
  </si>
  <si>
    <t>01/14/2020 22:48:43</t>
  </si>
  <si>
    <t>02fddc3a-25c0-40b6-8cd0-020227f22f09.tmp</t>
  </si>
  <si>
    <t>\\acsfs\profiles$\leonardocb\Downloads\02fddc3a-25c0-40b6-8cd0-020227f22f09.tmp</t>
  </si>
  <si>
    <t>01/14/2020 22:47:45</t>
  </si>
  <si>
    <t>01/14/2020 22:52:43</t>
  </si>
  <si>
    <t>01/14/2020 22:48:45</t>
  </si>
  <si>
    <t>01/14/2020 22:49:45</t>
  </si>
  <si>
    <t>01/14/2020 22:50:45</t>
  </si>
  <si>
    <t>01/14/2020 22:51:45</t>
  </si>
  <si>
    <t>01/14/2020 22:53:43</t>
  </si>
  <si>
    <t>01/14/2020 22:52:27</t>
  </si>
  <si>
    <t>lu3970849j0k8.tmp</t>
  </si>
  <si>
    <t>\\acsfs\profiles$\jalilebds\Downloads\lu3970849j0k8.tmp</t>
  </si>
  <si>
    <t>01/14/2020 22:57:43</t>
  </si>
  <si>
    <t>01/14/2020 22:52:45</t>
  </si>
  <si>
    <t>01/14/2020 22:53:45</t>
  </si>
  <si>
    <t>01/14/2020 22:54:45</t>
  </si>
  <si>
    <t>01/14/2020 22:55:45</t>
  </si>
  <si>
    <t>01/14/2020 22:56:45</t>
  </si>
  <si>
    <t>01/14/2020 23:02:43</t>
  </si>
  <si>
    <t>01/14/2020 22:57:45</t>
  </si>
  <si>
    <t>01/14/2020 22:58:45</t>
  </si>
  <si>
    <t>01/14/2020 22:59:45</t>
  </si>
  <si>
    <t>01/14/2020 23:00:45</t>
  </si>
  <si>
    <t>01/14/2020 23:01:45</t>
  </si>
  <si>
    <t>01/14/2020 23:02:05</t>
  </si>
  <si>
    <t>01/14/2020 23:06:43</t>
  </si>
  <si>
    <t>407e3fe5-390a-4fa7-96ec-c393f4a85354.tmp</t>
  </si>
  <si>
    <t>\\acsfs\profiles$\marlyannegdls\Downloads\407e3fe5-390a-4fa7-96ec-c393f4a85354.tmp</t>
  </si>
  <si>
    <t>01/14/2020 23:03:19</t>
  </si>
  <si>
    <t>6dad4add-dfd6-49f0-9569-a8a54b944b04.tmp</t>
  </si>
  <si>
    <t>\\acsfs\profiles$\marlyannegdls\Downloads\6dad4add-dfd6-49f0-9569-a8a54b944b04.tmp</t>
  </si>
  <si>
    <t>01/14/2020 23:02:45</t>
  </si>
  <si>
    <t>01/14/2020 23:07:43</t>
  </si>
  <si>
    <t>01/14/2020 23:03:45</t>
  </si>
  <si>
    <t>01/14/2020 23:04:45</t>
  </si>
  <si>
    <t>01/14/2020 23:05:45</t>
  </si>
  <si>
    <t>01/14/2020 23:06:45</t>
  </si>
  <si>
    <t>01/14/2020 23:08:43</t>
  </si>
  <si>
    <t>01/14/2020 23:04:55</t>
  </si>
  <si>
    <t>lu3970849j0kg.tmp</t>
  </si>
  <si>
    <t>\\acsfs\profiles$\jalilebds\Downloads\lu3970849j0kg.tmp</t>
  </si>
  <si>
    <t>01/14/2020 23:07:45</t>
  </si>
  <si>
    <t>01/14/2020 23:12:43</t>
  </si>
  <si>
    <t>01/14/2020 23:08:45</t>
  </si>
  <si>
    <t>01/14/2020 23:09:48</t>
  </si>
  <si>
    <t>01/14/2020 23:10:45</t>
  </si>
  <si>
    <t>01/14/2020 23:11:45</t>
  </si>
  <si>
    <t>01/14/2020 23:12:42</t>
  </si>
  <si>
    <t>01/14/2020 23:13:43</t>
  </si>
  <si>
    <t>lu3970849j0kj.tmp</t>
  </si>
  <si>
    <t>\\acsfs\profiles$\jalilebds\Downloads\lu3970849j0kj.tmp</t>
  </si>
  <si>
    <t>01/14/2020 23:12:45</t>
  </si>
  <si>
    <t>01/14/2020 23:17:43</t>
  </si>
  <si>
    <t>01/14/2020 23:13:45</t>
  </si>
  <si>
    <t>01/14/2020 23:14:45</t>
  </si>
  <si>
    <t>01/14/2020 23:15:45</t>
  </si>
  <si>
    <t>01/14/2020 23:16:45</t>
  </si>
  <si>
    <t>01/14/2020 23:16:09</t>
  </si>
  <si>
    <t>01/14/2020 23:18:43</t>
  </si>
  <si>
    <t>01/14/2020 23:16:10</t>
  </si>
  <si>
    <t>lu3970849j0km.tmp</t>
  </si>
  <si>
    <t>\\acsfs\profiles$\jalilebds\Downloads\lu3970849j0km.tmp</t>
  </si>
  <si>
    <t>01/14/2020 23:17:45</t>
  </si>
  <si>
    <t>01/14/2020 23:22:43</t>
  </si>
  <si>
    <t>01/14/2020 23:18:45</t>
  </si>
  <si>
    <t>01/14/2020 23:19:45</t>
  </si>
  <si>
    <t>01/14/2020 23:20:45</t>
  </si>
  <si>
    <t>01/14/2020 23:21:45</t>
  </si>
  <si>
    <t>01/14/2020 23:22:45</t>
  </si>
  <si>
    <t>01/14/2020 23:27:43</t>
  </si>
  <si>
    <t>01/14/2020 23:23:45</t>
  </si>
  <si>
    <t>01/14/2020 23:24:45</t>
  </si>
  <si>
    <t>01/14/2020 23:25:45</t>
  </si>
  <si>
    <t>01/14/2020 23:26:45</t>
  </si>
  <si>
    <t>01/14/2020 23:27:45</t>
  </si>
  <si>
    <t>01/14/2020 23:32:43</t>
  </si>
  <si>
    <t>01/14/2020 23:28:45</t>
  </si>
  <si>
    <t>01/14/2020 23:29:44</t>
  </si>
  <si>
    <t>01/14/2020 23:29:45</t>
  </si>
  <si>
    <t>01/14/2020 23:30:45</t>
  </si>
  <si>
    <t>01/14/2020 23:31:45</t>
  </si>
  <si>
    <t>01/14/2020 23:32:10</t>
  </si>
  <si>
    <t>01/14/2020 23:33:43</t>
  </si>
  <si>
    <t>lu3970849j0ku.tmp</t>
  </si>
  <si>
    <t>\\acsfs\profiles$\jalilebds\Downloads\lu3970849j0ku.tmp</t>
  </si>
  <si>
    <t>01/14/2020 23:35:44</t>
  </si>
  <si>
    <t>d4ce788e-012f-4726-b7aa-96f05f56eab1.tmp</t>
  </si>
  <si>
    <t>\\acsfs\profiles$\Adrieledgc\Downloads\d4ce788e-012f-4726-b7aa-96f05f56eab1.tmp</t>
  </si>
  <si>
    <t>01/14/2020 23:37:43</t>
  </si>
  <si>
    <t>01/14/2020 23:32:45</t>
  </si>
  <si>
    <t>01/14/2020 23:33:45</t>
  </si>
  <si>
    <t>01/14/2020 23:34:45</t>
  </si>
  <si>
    <t>01/14/2020 23:35:45</t>
  </si>
  <si>
    <t>01/14/2020 23:36:45</t>
  </si>
  <si>
    <t>01/14/2020 23:34:32</t>
  </si>
  <si>
    <t>48139988-6d2c-4e87-9679-c7f57dfd8025.tmp</t>
  </si>
  <si>
    <t>\\acsfs\profiles$\ROBERTM\Downloads\48139988-6d2c-4e87-9679-c7f57dfd8025.tmp</t>
  </si>
  <si>
    <t>01/14/2020 23:37:45</t>
  </si>
  <si>
    <t>01/14/2020 23:42:44</t>
  </si>
  <si>
    <t>01/14/2020 23:38:45</t>
  </si>
  <si>
    <t>01/14/2020 23:39:45</t>
  </si>
  <si>
    <t>01/14/2020 23:40:48</t>
  </si>
  <si>
    <t>01/14/2020 23:41:45</t>
  </si>
  <si>
    <t>01/14/2020 23:42:45</t>
  </si>
  <si>
    <t>01/14/2020 23:47:43</t>
  </si>
  <si>
    <t>01/14/2020 23:43:45</t>
  </si>
  <si>
    <t>01/14/2020 23:44:45</t>
  </si>
  <si>
    <t>01/14/2020 23:45:45</t>
  </si>
  <si>
    <t>01/14/2020 23:46:45</t>
  </si>
  <si>
    <t>01/14/2020 23:46:13</t>
  </si>
  <si>
    <t>01/14/2020 23:48:43</t>
  </si>
  <si>
    <t>lu3970849j0l2.tmp</t>
  </si>
  <si>
    <t>\\acsfs\profiles$\jalilebds\Downloads\lu3970849j0l2.tmp</t>
  </si>
  <si>
    <t>01/14/2020 23:47:45</t>
  </si>
  <si>
    <t>01/14/2020 23:52:43</t>
  </si>
  <si>
    <t>01/14/2020 23:48:45</t>
  </si>
  <si>
    <t>01/14/2020 23:49:45</t>
  </si>
  <si>
    <t>01/14/2020 23:50:45</t>
  </si>
  <si>
    <t>01/14/2020 23:51:45</t>
  </si>
  <si>
    <t>01/14/2020 23:53:36</t>
  </si>
  <si>
    <t>01/14/2020 23:53:43</t>
  </si>
  <si>
    <t>01/14/2020 23:53:37</t>
  </si>
  <si>
    <t>lu3970849j0l5.tmp</t>
  </si>
  <si>
    <t>\\acsfs\profiles$\jalilebds\Downloads\lu3970849j0l5.tmp</t>
  </si>
  <si>
    <t>01/14/2020 23:52:45</t>
  </si>
  <si>
    <t>01/14/2020 23:57:43</t>
  </si>
  <si>
    <t>01/14/2020 23:53:45</t>
  </si>
  <si>
    <t>01/14/2020 23:54:48</t>
  </si>
  <si>
    <t>01/14/2020 23:55:45</t>
  </si>
  <si>
    <t>01/14/2020 23:56:45</t>
  </si>
  <si>
    <t>01/15/2020 00:06:43</t>
  </si>
  <si>
    <t>01/15/2020 00:01:53</t>
  </si>
  <si>
    <t>01/14/2020 23:57:45</t>
  </si>
  <si>
    <t>01/14/2020 23:58:45</t>
  </si>
  <si>
    <t>01/14/2020 23:59:45</t>
  </si>
  <si>
    <t>01/15/2020 00:00:45</t>
  </si>
  <si>
    <t>01/15/2020 00:01:45</t>
  </si>
  <si>
    <t>01/15/2020 00:11:43</t>
  </si>
  <si>
    <t>01/15/2020 00:02:45</t>
  </si>
  <si>
    <t>01/15/2020 00:03:45</t>
  </si>
  <si>
    <t>01/15/2020 00:04:45</t>
  </si>
  <si>
    <t>01/15/2020 00:05:45</t>
  </si>
  <si>
    <t>01/15/2020 00:06:45</t>
  </si>
  <si>
    <t>01/15/2020 00:07:45</t>
  </si>
  <si>
    <t>01/15/2020 00:08:45</t>
  </si>
  <si>
    <t>01/15/2020 00:09:45</t>
  </si>
  <si>
    <t>01/15/2020 00:10:45</t>
  </si>
  <si>
    <t>01/15/2020 00:16:43</t>
  </si>
  <si>
    <t>01/15/2020 00:11:45</t>
  </si>
  <si>
    <t>01/15/2020 00:12:46</t>
  </si>
  <si>
    <t>01/15/2020 00:13:45</t>
  </si>
  <si>
    <t>01/15/2020 00:14:45</t>
  </si>
  <si>
    <t>01/15/2020 00:15:45</t>
  </si>
  <si>
    <t>01/15/2020 00:16:45</t>
  </si>
  <si>
    <t>01/15/2020 00:21:43</t>
  </si>
  <si>
    <t>01/15/2020 00:17:45</t>
  </si>
  <si>
    <t>01/15/2020 00:18:45</t>
  </si>
  <si>
    <t>01/15/2020 00:19:45</t>
  </si>
  <si>
    <t>01/15/2020 00:20:45</t>
  </si>
  <si>
    <t>01/15/2020 00:21:45</t>
  </si>
  <si>
    <t>01/15/2020 00:26:43</t>
  </si>
  <si>
    <t>01/15/2020 00:22:45</t>
  </si>
  <si>
    <t>01/15/2020 00:23:45</t>
  </si>
  <si>
    <t>01/15/2020 00:24:48</t>
  </si>
  <si>
    <t>01/15/2020 00:25:45</t>
  </si>
  <si>
    <t>01/15/2020 00:26:45</t>
  </si>
  <si>
    <t>01/15/2020 00:31:42</t>
  </si>
  <si>
    <t>01/15/2020 00:27:45</t>
  </si>
  <si>
    <t>01/15/2020 00:28:45</t>
  </si>
  <si>
    <t>01/15/2020 00:29:45</t>
  </si>
  <si>
    <t>01/15/2020 00:29:50</t>
  </si>
  <si>
    <t>01/15/2020 00:30:45</t>
  </si>
  <si>
    <t>01/15/2020 00:31:45</t>
  </si>
  <si>
    <t>01/15/2020 00:36:43</t>
  </si>
  <si>
    <t>01/15/2020 00:32:45</t>
  </si>
  <si>
    <t>01/15/2020 00:33:45</t>
  </si>
  <si>
    <t>01/15/2020 00:34:45</t>
  </si>
  <si>
    <t>01/15/2020 00:35:45</t>
  </si>
  <si>
    <t>01/15/2020 00:36:45</t>
  </si>
  <si>
    <t>01/15/2020 00:41:43</t>
  </si>
  <si>
    <t>01/15/2020 00:37:45</t>
  </si>
  <si>
    <t>01/15/2020 00:38:45</t>
  </si>
  <si>
    <t>01/15/2020 00:39:45</t>
  </si>
  <si>
    <t>01/15/2020 00:40:45</t>
  </si>
  <si>
    <t>01/15/2020 00:41:45</t>
  </si>
  <si>
    <t>01/15/2020 00:46:44</t>
  </si>
  <si>
    <t>01/15/2020 00:42:45</t>
  </si>
  <si>
    <t>01/15/2020 00:43:45</t>
  </si>
  <si>
    <t>01/15/2020 00:44:45</t>
  </si>
  <si>
    <t>01/15/2020 00:45:45</t>
  </si>
  <si>
    <t>01/15/2020 00:49:45</t>
  </si>
  <si>
    <t>01/15/2020 00:46:45</t>
  </si>
  <si>
    <t>01/15/2020 00:51:44</t>
  </si>
  <si>
    <t>01/15/2020 00:47:45</t>
  </si>
  <si>
    <t>01/15/2020 00:48:45</t>
  </si>
  <si>
    <t>01/15/2020 00:50:45</t>
  </si>
  <si>
    <t>01/15/2020 00:47:56</t>
  </si>
  <si>
    <t>01/15/2020 00:52:44</t>
  </si>
  <si>
    <t>def375dc-dca4-4e39-8f33-bd40b2413076.tmp</t>
  </si>
  <si>
    <t>\\acsfs\profiles$\ROBERTM\Downloads\def375dc-dca4-4e39-8f33-bd40b2413076.tmp</t>
  </si>
  <si>
    <t>01/15/2020 00:51:45</t>
  </si>
  <si>
    <t>01/15/2020 00:56:45</t>
  </si>
  <si>
    <t>01/15/2020 00:52:45</t>
  </si>
  <si>
    <t>01/15/2020 00:53:45</t>
  </si>
  <si>
    <t>01/15/2020 00:54:45</t>
  </si>
  <si>
    <t>01/15/2020 00:55:45</t>
  </si>
  <si>
    <t>01/15/2020 01:01:45</t>
  </si>
  <si>
    <t>01/15/2020 00:57:48</t>
  </si>
  <si>
    <t>01/15/2020 00:58:45</t>
  </si>
  <si>
    <t>01/15/2020 00:59:45</t>
  </si>
  <si>
    <t>01/15/2020 01:00:45</t>
  </si>
  <si>
    <t>01/15/2020 01:06:44</t>
  </si>
  <si>
    <t>01/15/2020 01:02:45</t>
  </si>
  <si>
    <t>01/15/2020 01:03:45</t>
  </si>
  <si>
    <t>01/15/2020 01:04:45</t>
  </si>
  <si>
    <t>01/15/2020 01:05:45</t>
  </si>
  <si>
    <t>01/15/2020 01:06:45</t>
  </si>
  <si>
    <t>01/15/2020 01:11:44</t>
  </si>
  <si>
    <t>01/15/2020 01:07:45</t>
  </si>
  <si>
    <t>01/15/2020 01:08:45</t>
  </si>
  <si>
    <t>01/15/2020 01:09:48</t>
  </si>
  <si>
    <t>01/15/2020 01:10:45</t>
  </si>
  <si>
    <t>01/15/2020 01:11:45</t>
  </si>
  <si>
    <t>01/15/2020 01:16:44</t>
  </si>
  <si>
    <t>01/15/2020 01:12:45</t>
  </si>
  <si>
    <t>01/15/2020 01:13:45</t>
  </si>
  <si>
    <t>01/15/2020 01:14:45</t>
  </si>
  <si>
    <t>01/15/2020 01:15:45</t>
  </si>
  <si>
    <t>01/15/2020 01:21:45</t>
  </si>
  <si>
    <t>01/15/2020 01:16:45</t>
  </si>
  <si>
    <t>01/15/2020 01:17:45</t>
  </si>
  <si>
    <t>01/15/2020 01:18:45</t>
  </si>
  <si>
    <t>01/15/2020 01:19:43</t>
  </si>
  <si>
    <t>https://excel.officeapps.live.com/x/_vti_bin/ewainternalwebservice.json/closeworkbook?waccluster=br2</t>
  </si>
  <si>
    <t>01/15/2020 01:19:46</t>
  </si>
  <si>
    <t>01/15/2020 01:19:52</t>
  </si>
  <si>
    <t>01/15/2020 01:20:46</t>
  </si>
  <si>
    <t>01/15/2020 01:26:44</t>
  </si>
  <si>
    <t>01/15/2020 01:22:45</t>
  </si>
  <si>
    <t>01/15/2020 01:23:45</t>
  </si>
  <si>
    <t>01/15/2020 01:24:48</t>
  </si>
  <si>
    <t>01/15/2020 01:25:45</t>
  </si>
  <si>
    <t>01/15/2020 01:31:44</t>
  </si>
  <si>
    <t>01/15/2020 01:26:45</t>
  </si>
  <si>
    <t>01/15/2020 01:27:45</t>
  </si>
  <si>
    <t>01/15/2020 01:28:45</t>
  </si>
  <si>
    <t>01/15/2020 01:29:46</t>
  </si>
  <si>
    <t>01/15/2020 01:29:52</t>
  </si>
  <si>
    <t>01/15/2020 01:30:46</t>
  </si>
  <si>
    <t>01/15/2020 01:31:46</t>
  </si>
  <si>
    <t>01/15/2020 01:36:45</t>
  </si>
  <si>
    <t>01/15/2020 01:32:46</t>
  </si>
  <si>
    <t>01/15/2020 01:33:46</t>
  </si>
  <si>
    <t>01/15/2020 01:34:46</t>
  </si>
  <si>
    <t>01/15/2020 01:35:46</t>
  </si>
  <si>
    <t>01/15/2020 01:36:46</t>
  </si>
  <si>
    <t>01/15/2020 01:41:44</t>
  </si>
  <si>
    <t>01/15/2020 01:37:46</t>
  </si>
  <si>
    <t>01/15/2020 01:38:46</t>
  </si>
  <si>
    <t>01/15/2020 01:39:48</t>
  </si>
  <si>
    <t>01/15/2020 01:40:46</t>
  </si>
  <si>
    <t>01/15/2020 01:45:46</t>
  </si>
  <si>
    <t>01/15/2020 01:46:44</t>
  </si>
  <si>
    <t>01/15/2020 01:41:46</t>
  </si>
  <si>
    <t>01/15/2020 01:42:46</t>
  </si>
  <si>
    <t>01/15/2020 01:43:46</t>
  </si>
  <si>
    <t>01/15/2020 01:44:46</t>
  </si>
  <si>
    <t>01/15/2020 01:46:46</t>
  </si>
  <si>
    <t>01/15/2020 01:51:44</t>
  </si>
  <si>
    <t>01/15/2020 01:47:46</t>
  </si>
  <si>
    <t>01/15/2020 01:48:46</t>
  </si>
  <si>
    <t>01/15/2020 01:49:46</t>
  </si>
  <si>
    <t>01/15/2020 01:50:46</t>
  </si>
  <si>
    <t>01/15/2020 01:51:46</t>
  </si>
  <si>
    <t>01/15/2020 01:56:44</t>
  </si>
  <si>
    <t>01/15/2020 01:52:46</t>
  </si>
  <si>
    <t>01/15/2020 01:53:46</t>
  </si>
  <si>
    <t>01/15/2020 01:54:46</t>
  </si>
  <si>
    <t>01/15/2020 01:55:46</t>
  </si>
  <si>
    <t>01/15/2020 01:56:46</t>
  </si>
  <si>
    <t>01/15/2020 02:01:44</t>
  </si>
  <si>
    <t>01/15/2020 01:57:46</t>
  </si>
  <si>
    <t>01/15/2020 01:58:46</t>
  </si>
  <si>
    <t>01/15/2020 01:59:46</t>
  </si>
  <si>
    <t>01/15/2020 02:00:46</t>
  </si>
  <si>
    <t>01/15/2020 02:01:46</t>
  </si>
  <si>
    <t>01/15/2020 02:06:45</t>
  </si>
  <si>
    <t>01/15/2020 02:02:46</t>
  </si>
  <si>
    <t>01/15/2020 02:03:45</t>
  </si>
  <si>
    <t>01/15/2020 02:04:45</t>
  </si>
  <si>
    <t>01/15/2020 02:05:45</t>
  </si>
  <si>
    <t>01/15/2020 02:08:45</t>
  </si>
  <si>
    <t>01/15/2020 02:11:44</t>
  </si>
  <si>
    <t>01/15/2020 02:07:45</t>
  </si>
  <si>
    <t>01/15/2020 02:09:45</t>
  </si>
  <si>
    <t>01/15/2020 02:10:45</t>
  </si>
  <si>
    <t>01/15/2020 02:14:44</t>
  </si>
  <si>
    <t>01/15/2020 02:15:44</t>
  </si>
  <si>
    <t>01/15/2020 02:16:44</t>
  </si>
  <si>
    <t>01/15/2020 02:12:44</t>
  </si>
  <si>
    <t>01/15/2020 02:13:44</t>
  </si>
  <si>
    <t>01/15/2020 02:17:44</t>
  </si>
  <si>
    <t>01/15/2020 02:19:44</t>
  </si>
  <si>
    <t>01/15/2020 02:21:44</t>
  </si>
  <si>
    <t>01/15/2020 02:18:44</t>
  </si>
  <si>
    <t>01/15/2020 02:20:44</t>
  </si>
  <si>
    <t>01/15/2020 02:25:44</t>
  </si>
  <si>
    <t>01/15/2020 02:26:45</t>
  </si>
  <si>
    <t>01/15/2020 02:22:44</t>
  </si>
  <si>
    <t>01/15/2020 02:23:44</t>
  </si>
  <si>
    <t>01/15/2020 02:24:47</t>
  </si>
  <si>
    <t>01/15/2020 02:27:44</t>
  </si>
  <si>
    <t>01/15/2020 02:31:45</t>
  </si>
  <si>
    <t>01/15/2020 02:26:44</t>
  </si>
  <si>
    <t>01/15/2020 02:28:44</t>
  </si>
  <si>
    <t>01/15/2020 02:29:44</t>
  </si>
  <si>
    <t>01/15/2020 02:29:54</t>
  </si>
  <si>
    <t>01/15/2020 02:30:44</t>
  </si>
  <si>
    <t>01/15/2020 02:32:44</t>
  </si>
  <si>
    <t>01/15/2020 02:36:45</t>
  </si>
  <si>
    <t>01/15/2020 02:31:44</t>
  </si>
  <si>
    <t>01/15/2020 02:33:44</t>
  </si>
  <si>
    <t>01/15/2020 02:34:44</t>
  </si>
  <si>
    <t>01/15/2020 02:35:44</t>
  </si>
  <si>
    <t>01/15/2020 02:37:44</t>
  </si>
  <si>
    <t>01/15/2020 02:36:44</t>
  </si>
  <si>
    <t>01/15/2020 02:41:44</t>
  </si>
  <si>
    <t>01/15/2020 02:38:44</t>
  </si>
  <si>
    <t>01/15/2020 02:39:44</t>
  </si>
  <si>
    <t>01/15/2020 02:40:44</t>
  </si>
  <si>
    <t>01/15/2020 02:45:44</t>
  </si>
  <si>
    <t>01/15/2020 02:46:44</t>
  </si>
  <si>
    <t>01/15/2020 02:42:44</t>
  </si>
  <si>
    <t>01/15/2020 02:43:44</t>
  </si>
  <si>
    <t>01/15/2020 02:44:44</t>
  </si>
  <si>
    <t>01/15/2020 02:47:44</t>
  </si>
  <si>
    <t>01/15/2020 02:51:44</t>
  </si>
  <si>
    <t>01/15/2020 02:48:44</t>
  </si>
  <si>
    <t>01/15/2020 02:49:44</t>
  </si>
  <si>
    <t>01/15/2020 02:50:44</t>
  </si>
  <si>
    <t>01/15/2020 02:52:44</t>
  </si>
  <si>
    <t>01/15/2020 02:53:44</t>
  </si>
  <si>
    <t>01/15/2020 02:56:43</t>
  </si>
  <si>
    <t>01/15/2020 02:54:47</t>
  </si>
  <si>
    <t>01/15/2020 02:55:44</t>
  </si>
  <si>
    <t>01/15/2020 02:57:44</t>
  </si>
  <si>
    <t>01/15/2020 02:56:44</t>
  </si>
  <si>
    <t>01/15/2020 03:01:44</t>
  </si>
  <si>
    <t>01/15/2020 02:58:44</t>
  </si>
  <si>
    <t>01/15/2020 02:59:44</t>
  </si>
  <si>
    <t>01/15/2020 03:00:44</t>
  </si>
  <si>
    <t>01/15/2020 03:02:44</t>
  </si>
  <si>
    <t>01/15/2020 03:06:44</t>
  </si>
  <si>
    <t>01/15/2020 03:03:44</t>
  </si>
  <si>
    <t>01/15/2020 03:04:44</t>
  </si>
  <si>
    <t>01/15/2020 03:05:44</t>
  </si>
  <si>
    <t>01/15/2020 03:07:45</t>
  </si>
  <si>
    <t>01/15/2020 03:11:45</t>
  </si>
  <si>
    <t>01/15/2020 03:07:44</t>
  </si>
  <si>
    <t>01/15/2020 03:08:44</t>
  </si>
  <si>
    <t>01/15/2020 03:09:47</t>
  </si>
  <si>
    <t>01/15/2020 03:10:44</t>
  </si>
  <si>
    <t>01/15/2020 03:12:44</t>
  </si>
  <si>
    <t>01/15/2020 03:14:44</t>
  </si>
  <si>
    <t>01/15/2020 03:16:44</t>
  </si>
  <si>
    <t>01/15/2020 03:11:44</t>
  </si>
  <si>
    <t>01/15/2020 03:13:44</t>
  </si>
  <si>
    <t>01/15/2020 03:15:44</t>
  </si>
  <si>
    <t>01/15/2020 03:17:44</t>
  </si>
  <si>
    <t>01/15/2020 03:19:44</t>
  </si>
  <si>
    <t>01/15/2020 03:20:44</t>
  </si>
  <si>
    <t>01/15/2020 03:21:44</t>
  </si>
  <si>
    <t>01/15/2020 03:18:44</t>
  </si>
  <si>
    <t>01/15/2020 03:22:44</t>
  </si>
  <si>
    <t>01/15/2020 03:26:44</t>
  </si>
  <si>
    <t>01/15/2020 03:23:44</t>
  </si>
  <si>
    <t>01/15/2020 03:24:44</t>
  </si>
  <si>
    <t>01/15/2020 03:25:44</t>
  </si>
  <si>
    <t>01/15/2020 03:27:44</t>
  </si>
  <si>
    <t>01/15/2020 03:26:47</t>
  </si>
  <si>
    <t>01/15/2020 03:31:44</t>
  </si>
  <si>
    <t>01/15/2020 03:27:45</t>
  </si>
  <si>
    <t>01/15/2020 03:28:44</t>
  </si>
  <si>
    <t>01/15/2020 03:29:26</t>
  </si>
  <si>
    <t>01/15/2020 03:29:44</t>
  </si>
  <si>
    <t>01/15/2020 03:30:44</t>
  </si>
  <si>
    <t>01/15/2020 03:32:45</t>
  </si>
  <si>
    <t>01/15/2020 03:36:44</t>
  </si>
  <si>
    <t>01/15/2020 03:32:44</t>
  </si>
  <si>
    <t>01/15/2020 03:33:44</t>
  </si>
  <si>
    <t>01/15/2020 03:34:44</t>
  </si>
  <si>
    <t>01/15/2020 03:35:44</t>
  </si>
  <si>
    <t>01/15/2020 03:37:44</t>
  </si>
  <si>
    <t>01/15/2020 03:40:44</t>
  </si>
  <si>
    <t>01/15/2020 03:38:45</t>
  </si>
  <si>
    <t>01/15/2020 03:41:44</t>
  </si>
  <si>
    <t>01/15/2020 03:39:47</t>
  </si>
  <si>
    <t>01/15/2020 03:42:43</t>
  </si>
  <si>
    <t>01/15/2020 03:43:44</t>
  </si>
  <si>
    <t>01/15/2020 03:45:44</t>
  </si>
  <si>
    <t>01/15/2020 03:46:44</t>
  </si>
  <si>
    <t>01/15/2020 03:42:44</t>
  </si>
  <si>
    <t>01/15/2020 03:44:44</t>
  </si>
  <si>
    <t>01/15/2020 03:47:45</t>
  </si>
  <si>
    <t>01/15/2020 03:48:44</t>
  </si>
  <si>
    <t>01/15/2020 03:51:45</t>
  </si>
  <si>
    <t>01/15/2020 03:47:44</t>
  </si>
  <si>
    <t>01/15/2020 03:49:44</t>
  </si>
  <si>
    <t>01/15/2020 03:50:44</t>
  </si>
  <si>
    <t>01/15/2020 03:52:44</t>
  </si>
  <si>
    <t>01/15/2020 03:53:44</t>
  </si>
  <si>
    <t>01/15/2020 03:51:44</t>
  </si>
  <si>
    <t>01/15/2020 03:56:44</t>
  </si>
  <si>
    <t>01/15/2020 03:54:44</t>
  </si>
  <si>
    <t>01/15/2020 03:55:44</t>
  </si>
  <si>
    <t>01/15/2020 03:57:44</t>
  </si>
  <si>
    <t>01/15/2020 04:04:44</t>
  </si>
  <si>
    <t>01/15/2020 03:58:44</t>
  </si>
  <si>
    <t>01/15/2020 03:59:44</t>
  </si>
  <si>
    <t>01/15/2020 04:00:44</t>
  </si>
  <si>
    <t>01/15/2020 04:05:44</t>
  </si>
  <si>
    <t>01/15/2020 04:06:44</t>
  </si>
  <si>
    <t>01/15/2020 04:07:44</t>
  </si>
  <si>
    <t>01/15/2020 04:08:44</t>
  </si>
  <si>
    <t>01/15/2020 04:09:44</t>
  </si>
  <si>
    <t>01/15/2020 04:01:44</t>
  </si>
  <si>
    <t>01/15/2020 04:02:44</t>
  </si>
  <si>
    <t>01/15/2020 04:03:44</t>
  </si>
  <si>
    <t>01/15/2020 04:10:44</t>
  </si>
  <si>
    <t>01/15/2020 04:14:44</t>
  </si>
  <si>
    <t>01/15/2020 04:11:44</t>
  </si>
  <si>
    <t>01/15/2020 04:12:44</t>
  </si>
  <si>
    <t>01/15/2020 04:13:44</t>
  </si>
  <si>
    <t>01/15/2020 04:15:44</t>
  </si>
  <si>
    <t>01/15/2020 04:17:44</t>
  </si>
  <si>
    <t>01/15/2020 04:19:44</t>
  </si>
  <si>
    <t>01/15/2020 04:16:44</t>
  </si>
  <si>
    <t>01/15/2020 04:18:44</t>
  </si>
  <si>
    <t>01/15/2020 04:20:44</t>
  </si>
  <si>
    <t>01/15/2020 04:21:44</t>
  </si>
  <si>
    <t>01/15/2020 04:24:44</t>
  </si>
  <si>
    <t>01/15/2020 04:22:44</t>
  </si>
  <si>
    <t>01/15/2020 04:23:44</t>
  </si>
  <si>
    <t>01/15/2020 04:26:44</t>
  </si>
  <si>
    <t>01/15/2020 04:29:44</t>
  </si>
  <si>
    <t>01/15/2020 04:24:46</t>
  </si>
  <si>
    <t>01/15/2020 04:25:44</t>
  </si>
  <si>
    <t>01/15/2020 04:27:44</t>
  </si>
  <si>
    <t>01/15/2020 04:28:44</t>
  </si>
  <si>
    <t>01/15/2020 04:29:29</t>
  </si>
  <si>
    <t>01/15/2020 04:30:44</t>
  </si>
  <si>
    <t>01/15/2020 04:31:44</t>
  </si>
  <si>
    <t>01/15/2020 04:34:44</t>
  </si>
  <si>
    <t>01/15/2020 04:32:44</t>
  </si>
  <si>
    <t>01/15/2020 04:33:44</t>
  </si>
  <si>
    <t>01/15/2020 04:39:43</t>
  </si>
  <si>
    <t>01/15/2020 04:35:44</t>
  </si>
  <si>
    <t>01/15/2020 04:36:44</t>
  </si>
  <si>
    <t>01/15/2020 04:37:44</t>
  </si>
  <si>
    <t>01/15/2020 04:38:44</t>
  </si>
  <si>
    <t>01/15/2020 04:42:44</t>
  </si>
  <si>
    <t>01/15/2020 04:44:44</t>
  </si>
  <si>
    <t>01/15/2020 04:39:46</t>
  </si>
  <si>
    <t>01/15/2020 04:40:44</t>
  </si>
  <si>
    <t>01/15/2020 04:41:44</t>
  </si>
  <si>
    <t>01/15/2020 04:43:44</t>
  </si>
  <si>
    <t>01/15/2020 04:49:44</t>
  </si>
  <si>
    <t>01/15/2020 04:45:44</t>
  </si>
  <si>
    <t>01/15/2020 04:46:44</t>
  </si>
  <si>
    <t>01/15/2020 04:47:44</t>
  </si>
  <si>
    <t>01/15/2020 04:48:44</t>
  </si>
  <si>
    <t>01/15/2020 04:54:45</t>
  </si>
  <si>
    <t>01/15/2020 04:50:44</t>
  </si>
  <si>
    <t>01/15/2020 04:51:44</t>
  </si>
  <si>
    <t>01/15/2020 04:52:44</t>
  </si>
  <si>
    <t>01/15/2020 04:53:44</t>
  </si>
  <si>
    <t>01/15/2020 04:59:45</t>
  </si>
  <si>
    <t>01/15/2020 04:54:44</t>
  </si>
  <si>
    <t>01/15/2020 04:55:44</t>
  </si>
  <si>
    <t>01/15/2020 04:56:44</t>
  </si>
  <si>
    <t>01/15/2020 04:57:44</t>
  </si>
  <si>
    <t>01/15/2020 04:58:44</t>
  </si>
  <si>
    <t>01/15/2020 05:01:44</t>
  </si>
  <si>
    <t>01/15/2020 05:04:45</t>
  </si>
  <si>
    <t>01/15/2020 04:59:44</t>
  </si>
  <si>
    <t>01/15/2020 05:00:44</t>
  </si>
  <si>
    <t>01/15/2020 05:02:44</t>
  </si>
  <si>
    <t>01/15/2020 05:03:44</t>
  </si>
  <si>
    <t>01/15/2020 05:09:45</t>
  </si>
  <si>
    <t>01/15/2020 05:04:44</t>
  </si>
  <si>
    <t>01/15/2020 05:05:44</t>
  </si>
  <si>
    <t>01/15/2020 05:06:44</t>
  </si>
  <si>
    <t>01/15/2020 05:07:44</t>
  </si>
  <si>
    <t>01/15/2020 05:08:44</t>
  </si>
  <si>
    <t>01/15/2020 05:14:45</t>
  </si>
  <si>
    <t>01/15/2020 05:09:46</t>
  </si>
  <si>
    <t>01/15/2020 05:10:44</t>
  </si>
  <si>
    <t>01/15/2020 05:11:44</t>
  </si>
  <si>
    <t>01/15/2020 05:12:44</t>
  </si>
  <si>
    <t>01/15/2020 05:13:44</t>
  </si>
  <si>
    <t>01/15/2020 05:19:45</t>
  </si>
  <si>
    <t>01/15/2020 05:14:44</t>
  </si>
  <si>
    <t>01/15/2020 05:20:45</t>
  </si>
  <si>
    <t>01/15/2020 05:15:44</t>
  </si>
  <si>
    <t>01/15/2020 05:16:44</t>
  </si>
  <si>
    <t>01/15/2020 05:17:44</t>
  </si>
  <si>
    <t>01/15/2020 05:18:44</t>
  </si>
  <si>
    <t>01/15/2020 05:19:44</t>
  </si>
  <si>
    <t>01/15/2020 05:24:45</t>
  </si>
  <si>
    <t>01/15/2020 05:20:44</t>
  </si>
  <si>
    <t>01/15/2020 05:25:45</t>
  </si>
  <si>
    <t>01/15/2020 05:21:44</t>
  </si>
  <si>
    <t>01/15/2020 05:22:44</t>
  </si>
  <si>
    <t>01/15/2020 05:23:44</t>
  </si>
  <si>
    <t>01/15/2020 05:24:44</t>
  </si>
  <si>
    <t>01/15/2020 05:29:45</t>
  </si>
  <si>
    <t>01/15/2020 05:25:44</t>
  </si>
  <si>
    <t>01/15/2020 05:30:45</t>
  </si>
  <si>
    <t>01/15/2020 05:26:47</t>
  </si>
  <si>
    <t>01/15/2020 05:27:44</t>
  </si>
  <si>
    <t>01/15/2020 05:28:44</t>
  </si>
  <si>
    <t>01/15/2020 05:29:32</t>
  </si>
  <si>
    <t>01/15/2020 05:29:44</t>
  </si>
  <si>
    <t>01/15/2020 05:34:45</t>
  </si>
  <si>
    <t>01/15/2020 05:30:44</t>
  </si>
  <si>
    <t>01/15/2020 05:35:45</t>
  </si>
  <si>
    <t>01/15/2020 05:31:44</t>
  </si>
  <si>
    <t>01/15/2020 05:32:44</t>
  </si>
  <si>
    <t>01/15/2020 05:33:44</t>
  </si>
  <si>
    <t>01/15/2020 05:34:44</t>
  </si>
  <si>
    <t>01/15/2020 05:39:45</t>
  </si>
  <si>
    <t>01/15/2020 05:35:44</t>
  </si>
  <si>
    <t>01/15/2020 05:40:44</t>
  </si>
  <si>
    <t>01/15/2020 05:36:44</t>
  </si>
  <si>
    <t>01/15/2020 05:37:44</t>
  </si>
  <si>
    <t>01/15/2020 05:38:44</t>
  </si>
  <si>
    <t>01/15/2020 05:44:44</t>
  </si>
  <si>
    <t>01/15/2020 05:45:45</t>
  </si>
  <si>
    <t>01/15/2020 05:39:47</t>
  </si>
  <si>
    <t>01/15/2020 05:41:44</t>
  </si>
  <si>
    <t>01/15/2020 05:42:44</t>
  </si>
  <si>
    <t>01/15/2020 05:43:44</t>
  </si>
  <si>
    <t>01/15/2020 05:49:44</t>
  </si>
  <si>
    <t>01/15/2020 05:50:45</t>
  </si>
  <si>
    <t>01/15/2020 05:45:44</t>
  </si>
  <si>
    <t>01/15/2020 05:46:44</t>
  </si>
  <si>
    <t>01/15/2020 05:47:44</t>
  </si>
  <si>
    <t>01/15/2020 05:48:44</t>
  </si>
  <si>
    <t>01/15/2020 05:53:17</t>
  </si>
  <si>
    <t>01/15/2020 05:54:44</t>
  </si>
  <si>
    <t>3304c7a6-225e-4dad-acea-d710f3d708e9.tmp</t>
  </si>
  <si>
    <t>\\acsfs\profiles$\ROZENCAM\Downloads\3304c7a6-225e-4dad-acea-d710f3d708e9.tmp</t>
  </si>
  <si>
    <t>01/15/2020 05:55:45</t>
  </si>
  <si>
    <t>01/15/2020 05:50:44</t>
  </si>
  <si>
    <t>01/15/2020 05:51:44</t>
  </si>
  <si>
    <t>01/15/2020 05:52:44</t>
  </si>
  <si>
    <t>01/15/2020 05:53:44</t>
  </si>
  <si>
    <t>01/15/2020 05:54:47</t>
  </si>
  <si>
    <t>01/15/2020 05:54:34</t>
  </si>
  <si>
    <t>01/15/2020 05:59:44</t>
  </si>
  <si>
    <t>ad22f446-48be-4f94-aaad-4b3446ccf2fd.tmp</t>
  </si>
  <si>
    <t>\\acsfs\profiles$\ROZENCAM\Downloads\ad22f446-48be-4f94-aaad-4b3446ccf2fd.tmp</t>
  </si>
  <si>
    <t>01/15/2020 06:00:44</t>
  </si>
  <si>
    <t>01/15/2020 05:55:44</t>
  </si>
  <si>
    <t>01/15/2020 05:56:44</t>
  </si>
  <si>
    <t>01/15/2020 05:57:44</t>
  </si>
  <si>
    <t>01/15/2020 05:58:44</t>
  </si>
  <si>
    <t>01/15/2020 06:01:11</t>
  </si>
  <si>
    <t>01/15/2020 06:01:44</t>
  </si>
  <si>
    <t>bdc10778-9867-4246-a859-678899c62bda.tmp</t>
  </si>
  <si>
    <t>\\acsfs\profiles$\lucasqdss\Downloads\bdc10778-9867-4246-a859-678899c62bda.tmp</t>
  </si>
  <si>
    <t>01/15/2020 06:04:45</t>
  </si>
  <si>
    <t>01/15/2020 06:05:44</t>
  </si>
  <si>
    <t>01/15/2020 06:02:44</t>
  </si>
  <si>
    <t>01/15/2020 06:03:44</t>
  </si>
  <si>
    <t>01/15/2020 06:04:44</t>
  </si>
  <si>
    <t>01/15/2020 06:02:56</t>
  </si>
  <si>
    <t>01/15/2020 06:06:45</t>
  </si>
  <si>
    <t>c662ecf1-2b79-41df-92c9-7bf52ac3030a.tmp</t>
  </si>
  <si>
    <t>\\acsfs\profiles$\lucasqdss\Downloads\c662ecf1-2b79-41df-92c9-7bf52ac3030a.tmp</t>
  </si>
  <si>
    <t>01/15/2020 06:07:44</t>
  </si>
  <si>
    <t>01/15/2020 06:09:45</t>
  </si>
  <si>
    <t>01/15/2020 06:10:46</t>
  </si>
  <si>
    <t>01/15/2020 06:06:44</t>
  </si>
  <si>
    <t>01/15/2020 06:08:44</t>
  </si>
  <si>
    <t>01/15/2020 06:09:44</t>
  </si>
  <si>
    <t>01/15/2020 06:14:46</t>
  </si>
  <si>
    <t>01/15/2020 06:15:46</t>
  </si>
  <si>
    <t>01/15/2020 06:10:44</t>
  </si>
  <si>
    <t>01/15/2020 06:11:44</t>
  </si>
  <si>
    <t>01/15/2020 06:12:44</t>
  </si>
  <si>
    <t>01/15/2020 06:13:44</t>
  </si>
  <si>
    <t>01/15/2020 06:14:44</t>
  </si>
  <si>
    <t>01/15/2020 06:19:46</t>
  </si>
  <si>
    <t>01/15/2020 06:20:46</t>
  </si>
  <si>
    <t>01/15/2020 06:15:44</t>
  </si>
  <si>
    <t>01/15/2020 06:16:43</t>
  </si>
  <si>
    <t>01/15/2020 06:17:43</t>
  </si>
  <si>
    <t>01/15/2020 06:18:43</t>
  </si>
  <si>
    <t>01/15/2020 06:19:43</t>
  </si>
  <si>
    <t>01/15/2020 06:25:46</t>
  </si>
  <si>
    <t>01/15/2020 06:20:44</t>
  </si>
  <si>
    <t>01/15/2020 06:21:43</t>
  </si>
  <si>
    <t>01/15/2020 06:22:43</t>
  </si>
  <si>
    <t>01/15/2020 06:23:43</t>
  </si>
  <si>
    <t>01/15/2020 06:24:43</t>
  </si>
  <si>
    <t>01/15/2020 06:20:33</t>
  </si>
  <si>
    <t>ce2aa15c-f5fd-4c01-b7e7-4dd88abdc377.tmp</t>
  </si>
  <si>
    <t>\\acsfs\profiles$\danielac\Downloads\ce2aa15c-f5fd-4c01-b7e7-4dd88abdc377.tmp</t>
  </si>
  <si>
    <t>01/15/2020 06:20:58</t>
  </si>
  <si>
    <t>c70c8e6f-eaf7-44fd-8b08-6283ee49267d.tmp</t>
  </si>
  <si>
    <t>\\acsfs\profiles$\danielac\Downloads\c70c8e6f-eaf7-44fd-8b08-6283ee49267d.tmp</t>
  </si>
  <si>
    <t>01/15/2020 06:22:06</t>
  </si>
  <si>
    <t>f7744b7d-be85-4ea1-848a-e5c12976ad50.tmp</t>
  </si>
  <si>
    <t>\\acsfs\profiles$\danielac\Downloads\f7744b7d-be85-4ea1-848a-e5c12976ad50.tmp</t>
  </si>
  <si>
    <t>01/15/2020 06:25:55</t>
  </si>
  <si>
    <t>01/15/2020 06:30:46</t>
  </si>
  <si>
    <t>b7d8b98b-575f-428d-bdc9-df87b5e77b0b.tmp</t>
  </si>
  <si>
    <t>\\acsfs\profiles$\ALYNYA\Downloads\b7d8b98b-575f-428d-bdc9-df87b5e77b0b.tmp</t>
  </si>
  <si>
    <t>01/15/2020 06:27:30</t>
  </si>
  <si>
    <t>6cc778f4-96f4-47b2-8545-59ec2c4b40b3.tmp</t>
  </si>
  <si>
    <t>\\acsfs\profiles$\ALYNYA\Downloads\6cc778f4-96f4-47b2-8545-59ec2c4b40b3.tmp</t>
  </si>
  <si>
    <t>01/15/2020 06:25:43</t>
  </si>
  <si>
    <t>01/15/2020 06:26:43</t>
  </si>
  <si>
    <t>01/15/2020 06:27:43</t>
  </si>
  <si>
    <t>01/15/2020 06:28:43</t>
  </si>
  <si>
    <t>01/15/2020 06:29:34</t>
  </si>
  <si>
    <t>01/15/2020 06:29:43</t>
  </si>
  <si>
    <t>01/15/2020 06:30:01</t>
  </si>
  <si>
    <t>01/15/2020 06:34:46</t>
  </si>
  <si>
    <t>19b0741d-74d1-45f4-b17c-884f1e588564.tmp</t>
  </si>
  <si>
    <t>\\acsfs\profiles$\BRUNAAR\Downloads\19b0741d-74d1-45f4-b17c-884f1e588564.tmp</t>
  </si>
  <si>
    <t>01/15/2020 06:35:46</t>
  </si>
  <si>
    <t>01/15/2020 06:30:43</t>
  </si>
  <si>
    <t>01/15/2020 06:31:43</t>
  </si>
  <si>
    <t>01/15/2020 06:32:43</t>
  </si>
  <si>
    <t>01/15/2020 06:33:43</t>
  </si>
  <si>
    <t>01/15/2020 06:34:43</t>
  </si>
  <si>
    <t>01/15/2020 06:37:00</t>
  </si>
  <si>
    <t>01/15/2020 06:39:46</t>
  </si>
  <si>
    <t>01/15/2020 06:38:23</t>
  </si>
  <si>
    <t>01/15/2020 06:38:24</t>
  </si>
  <si>
    <t>lu103321fz62n.tmp</t>
  </si>
  <si>
    <t>\\acsfs\profiles$\BRUNAAR\Numero\lu103321fz62n.tmp</t>
  </si>
  <si>
    <t>01/15/2020 06:34:59</t>
  </si>
  <si>
    <t>01/15/2020 06:40:46</t>
  </si>
  <si>
    <t>01/15/2020 06:35:42</t>
  </si>
  <si>
    <t>e549ec71-46dd-4d83-af5c-154f2f3ce56e.tmp</t>
  </si>
  <si>
    <t>\\acsfs\profiles$\ALYNYA\Downloads\e549ec71-46dd-4d83-af5c-154f2f3ce56e.tmp</t>
  </si>
  <si>
    <t>01/15/2020 06:40:47</t>
  </si>
  <si>
    <t>01/15/2020 06:35:43</t>
  </si>
  <si>
    <t>01/15/2020 06:36:43</t>
  </si>
  <si>
    <t>01/15/2020 06:37:43</t>
  </si>
  <si>
    <t>01/15/2020 06:38:43</t>
  </si>
  <si>
    <t>01/15/2020 06:39:43</t>
  </si>
  <si>
    <t>01/15/2020 06:44:43</t>
  </si>
  <si>
    <t>01/15/2020 06:45:46</t>
  </si>
  <si>
    <t>01/15/2020 06:40:43</t>
  </si>
  <si>
    <t>01/15/2020 06:41:43</t>
  </si>
  <si>
    <t>01/15/2020 06:42:43</t>
  </si>
  <si>
    <t>01/15/2020 06:43:44</t>
  </si>
  <si>
    <t>01/15/2020 06:45:35</t>
  </si>
  <si>
    <t>01/15/2020 06:47:47</t>
  </si>
  <si>
    <t>7423fb27-e19d-409e-8e9b-84995623759c.tmp</t>
  </si>
  <si>
    <t>\\acsfs\profiles$\monicargds\Downloads\7423fb27-e19d-409e-8e9b-84995623759c.tmp</t>
  </si>
  <si>
    <t>01/15/2020 06:47:02</t>
  </si>
  <si>
    <t>01/15/2020 06:50:46</t>
  </si>
  <si>
    <t>01/15/2020 06:45:43</t>
  </si>
  <si>
    <t>01/15/2020 06:46:43</t>
  </si>
  <si>
    <t>01/15/2020 06:47:43</t>
  </si>
  <si>
    <t>01/15/2020 06:48:43</t>
  </si>
  <si>
    <t>01/15/2020 06:49:43</t>
  </si>
  <si>
    <t>01/15/2020 06:49:44</t>
  </si>
  <si>
    <t>01/15/2020 06:47:06</t>
  </si>
  <si>
    <t>01/15/2020 06:52:46</t>
  </si>
  <si>
    <t>420f6355-609b-4d3d-a267-ebac06bb3f36.tmp</t>
  </si>
  <si>
    <t>\\acsfs\profiles$\monicargds\Downloads\420f6355-609b-4d3d-a267-ebac06bb3f36.tmp</t>
  </si>
  <si>
    <t>01/15/2020 06:47:10</t>
  </si>
  <si>
    <t>3ffd6212-e140-4bdf-9968-cc0ac349c58a.tmp</t>
  </si>
  <si>
    <t>\\acsfs\profiles$\monicargds\Downloads\3ffd6212-e140-4bdf-9968-cc0ac349c58a.tmp</t>
  </si>
  <si>
    <t>01/15/2020 06:47:24</t>
  </si>
  <si>
    <t>01/15/2020 06:47:25</t>
  </si>
  <si>
    <t>01/15/2020 06:55:46</t>
  </si>
  <si>
    <t>01/15/2020 06:50:43</t>
  </si>
  <si>
    <t>01/15/2020 06:51:43</t>
  </si>
  <si>
    <t>01/15/2020 06:52:43</t>
  </si>
  <si>
    <t>01/15/2020 06:53:43</t>
  </si>
  <si>
    <t>01/15/2020 06:54:46</t>
  </si>
  <si>
    <t>01/15/2020 06:58:46</t>
  </si>
  <si>
    <t>01/15/2020 06:57:12</t>
  </si>
  <si>
    <t>e74dba2b-7444-41a3-8442-a500181b98b8.tmp</t>
  </si>
  <si>
    <t>\\acsfs\profiles$\anafsb\Downloads\e74dba2b-7444-41a3-8442-a500181b98b8.tmp</t>
  </si>
  <si>
    <t>01/15/2020 06:57:13</t>
  </si>
  <si>
    <t>313794c3-8771-44a2-b8cb-a845c9ea8e82.tmp</t>
  </si>
  <si>
    <t>\\acsfs\profiles$\anafsb\Downloads\313794c3-8771-44a2-b8cb-a845c9ea8e82.tmp</t>
  </si>
  <si>
    <t>01/15/2020 06:57:15</t>
  </si>
  <si>
    <t>426a6f99-6ec6-4bfc-ae69-e703473e2435.tmp</t>
  </si>
  <si>
    <t>\\acsfs\profiles$\anafsb\Downloads\426a6f99-6ec6-4bfc-ae69-e703473e2435.tmp</t>
  </si>
  <si>
    <t>6b573730-b718-471d-83da-1d4407803742.tmp</t>
  </si>
  <si>
    <t>\\acsfs\profiles$\anafsb\Downloads\6b573730-b718-471d-83da-1d4407803742.tmp</t>
  </si>
  <si>
    <t>01/15/2020 06:57:43</t>
  </si>
  <si>
    <t>21948e7e-e634-4097-bc54-22adf7b83ba8.tmp</t>
  </si>
  <si>
    <t>\\acsfs\profiles$\anafsb\Downloads\21948e7e-e634-4097-bc54-22adf7b83ba8.tmp</t>
  </si>
  <si>
    <t>01/15/2020 06:57:16</t>
  </si>
  <si>
    <t>01/15/2020 06:59:45</t>
  </si>
  <si>
    <t>4665abd9-8a59-44b4-96e7-ebe5dfc6de36.tmp</t>
  </si>
  <si>
    <t>\\acsfs\profiles$\vivianealda\Downloads\4665abd9-8a59-44b4-96e7-ebe5dfc6de36.tmp</t>
  </si>
  <si>
    <t>01/15/2020 06:58:29</t>
  </si>
  <si>
    <t>8ab5a019-b59e-4b47-8032-11b22e899761.tmp</t>
  </si>
  <si>
    <t>\\acsfs\profiles$\vivianealda\Downloads\8ab5a019-b59e-4b47-8032-11b22e899761.tmp</t>
  </si>
  <si>
    <t>01/15/2020 06:58:37</t>
  </si>
  <si>
    <t>60434187-61f9-4e90-9c99-c953dd948281.tmp</t>
  </si>
  <si>
    <t>\\acsfs\profiles$\gustavoab\Downloads\60434187-61f9-4e90-9c99-c953dd948281.tmp</t>
  </si>
  <si>
    <t>01/15/2020 07:00:46</t>
  </si>
  <si>
    <t>01/15/2020 06:55:43</t>
  </si>
  <si>
    <t>01/15/2020 06:56:43</t>
  </si>
  <si>
    <t>01/15/2020 06:58:43</t>
  </si>
  <si>
    <t>01/15/2020 06:59:43</t>
  </si>
  <si>
    <t>01/14/2020 13:32:45</t>
  </si>
  <si>
    <t>01/15/2020 07:01:45</t>
  </si>
  <si>
    <t>01/14/2020 13:32:46</t>
  </si>
  <si>
    <t>lu941615w494.tmp</t>
  </si>
  <si>
    <t>\\acsfs\profiles$\CINTIADCF\lu941615w494.tmp</t>
  </si>
  <si>
    <t>\\acsfs\profiles$\CINTIADCF\lu941615w494.tmp\</t>
  </si>
  <si>
    <t>\\acsfs\profiles$\CINTIADCF\lu941615w494.tmp\META-INF\</t>
  </si>
  <si>
    <t>01/15/2020 07:01:46</t>
  </si>
  <si>
    <t>\\acsfs\profiles$\CINTIADCF\lu941615w494.tmp\Thumbnails\</t>
  </si>
  <si>
    <t>01/15/2020 06:57:59</t>
  </si>
  <si>
    <t>01/15/2020 06:58:00</t>
  </si>
  <si>
    <t>01/15/2020 06:58:01</t>
  </si>
  <si>
    <t>01/15/2020 06:58:02</t>
  </si>
  <si>
    <t>01/15/2020 06:58:03</t>
  </si>
  <si>
    <t>01/15/2020 06:58:04</t>
  </si>
  <si>
    <t>01/15/2020 06:58:05</t>
  </si>
  <si>
    <t>01/15/2020 06:58:06</t>
  </si>
  <si>
    <t>01/15/2020 06:58:07</t>
  </si>
  <si>
    <t>01/15/2020 06:58:08</t>
  </si>
  <si>
    <t>01/15/2020 06:58:09</t>
  </si>
  <si>
    <t>01/15/2020 06:58:10</t>
  </si>
  <si>
    <t>01/15/2020 06:58:11</t>
  </si>
  <si>
    <t>01/15/2020 06:58:12</t>
  </si>
  <si>
    <t>01/15/2020 06:58:13</t>
  </si>
  <si>
    <t>01/15/2020 06:58:14</t>
  </si>
  <si>
    <t>01/15/2020 06:58:15</t>
  </si>
  <si>
    <t>01/15/2020 06:58:16</t>
  </si>
  <si>
    <t>01/15/2020 06:58:17</t>
  </si>
  <si>
    <t>01/15/2020 06:58:19</t>
  </si>
  <si>
    <t>01/15/2020 06:58:20</t>
  </si>
  <si>
    <t>01/15/2020 06:58:21</t>
  </si>
  <si>
    <t>01/15/2020 06:58:22</t>
  </si>
  <si>
    <t>01/15/2020 06:58:23</t>
  </si>
  <si>
    <t>01/15/2020 07:00:24</t>
  </si>
  <si>
    <t>01/15/2020 07:02:33</t>
  </si>
  <si>
    <t>01/15/2020 07:03:46</t>
  </si>
  <si>
    <t>87095944-c566-4804-9080-de186f81f1d9.tmp</t>
  </si>
  <si>
    <t>\\acsfs\profiles$\anafsb\Downloads\87095944-c566-4804-9080-de186f81f1d9.tmp</t>
  </si>
  <si>
    <t>01/15/2020 06:59:00</t>
  </si>
  <si>
    <t>4d90fdaf-b101-445e-87ef-d0fba0813f23.tmp</t>
  </si>
  <si>
    <t>\\acsfs\profiles$\vivianealda\Downloads\4d90fdaf-b101-445e-87ef-d0fba0813f23.tmp</t>
  </si>
  <si>
    <t>01/15/2020 07:02:30</t>
  </si>
  <si>
    <t>aaffac35-c194-4619-a7ef-08ce4f701a82.tmp</t>
  </si>
  <si>
    <t>\\acsfs\profiles$\vivianealda\Downloads\aaffac35-c194-4619-a7ef-08ce4f701a82.tmp</t>
  </si>
  <si>
    <t>01/15/2020 07:02:31</t>
  </si>
  <si>
    <t>4ca2846e-65b6-4f37-8ff9-ae6bd7d8c64d.tmp</t>
  </si>
  <si>
    <t>\\acsfs\profiles$\vivianealda\Downloads\4ca2846e-65b6-4f37-8ff9-ae6bd7d8c64d.tmp</t>
  </si>
  <si>
    <t>01/15/2020 06:59:30</t>
  </si>
  <si>
    <t>01/15/2020 07:04:46</t>
  </si>
  <si>
    <t>c1520ef2-5f85-433c-9b24-ec146b8619ea.tmp</t>
  </si>
  <si>
    <t>\\acsfs\profiles$\gustavoab\Downloads\c1520ef2-5f85-433c-9b24-ec146b8619ea.tmp</t>
  </si>
  <si>
    <t>01/15/2020 07:00:17</t>
  </si>
  <si>
    <t>cdb69627-1cd0-4d13-bac6-61bc69b7f911.tmp</t>
  </si>
  <si>
    <t>\\acsfs\profiles$\gustavoab\Downloads\cdb69627-1cd0-4d13-bac6-61bc69b7f911.tmp</t>
  </si>
  <si>
    <t>01/15/2020 07:05:47</t>
  </si>
  <si>
    <t>01/15/2020 07:00:43</t>
  </si>
  <si>
    <t>01/15/2020 07:01:43</t>
  </si>
  <si>
    <t>01/15/2020 07:02:43</t>
  </si>
  <si>
    <t>01/15/2020 07:03:43</t>
  </si>
  <si>
    <t>01/15/2020 07:04:43</t>
  </si>
  <si>
    <t>01/15/2020 07:04:45</t>
  </si>
  <si>
    <t>01/15/2020 07:04:47</t>
  </si>
  <si>
    <t>01/15/2020 07:04:48</t>
  </si>
  <si>
    <t>01/15/2020 07:04:49</t>
  </si>
  <si>
    <t>01/15/2020 07:04:50</t>
  </si>
  <si>
    <t>01/15/2020 07:04:51</t>
  </si>
  <si>
    <t>01/15/2020 07:04:52</t>
  </si>
  <si>
    <t>01/15/2020 07:04:53</t>
  </si>
  <si>
    <t>01/15/2020 07:04:54</t>
  </si>
  <si>
    <t>01/15/2020 07:04:55</t>
  </si>
  <si>
    <t>01/15/2020 07:04:56</t>
  </si>
  <si>
    <t>01/15/2020 07:04:57</t>
  </si>
  <si>
    <t>01/15/2020 07:04:58</t>
  </si>
  <si>
    <t>01/15/2020 07:04:59</t>
  </si>
  <si>
    <t>01/15/2020 07:05:00</t>
  </si>
  <si>
    <t>01/15/2020 07:05:01</t>
  </si>
  <si>
    <t>01/15/2020 07:05:02</t>
  </si>
  <si>
    <t>01/15/2020 07:05:51</t>
  </si>
  <si>
    <t>01/15/2020 07:06:46</t>
  </si>
  <si>
    <t>https://udpmailboxap01.acs.com.br:8443/h/search?si=1&amp;so=0&amp;sc=73639&amp;st=conversation&amp;action=compose&amp;paction=paneview</t>
  </si>
  <si>
    <t>01/15/2020 07:01:57</t>
  </si>
  <si>
    <t>c5394e73-1e8b-4316-83af-cfa4d383322a.tmp</t>
  </si>
  <si>
    <t>\\acsfs\profiles$\cintiadcf\Downloads\c5394e73-1e8b-4316-83af-cfa4d383322a.tmp</t>
  </si>
  <si>
    <t>01/15/2020 07:02:00</t>
  </si>
  <si>
    <t>4d9fb0dd-8d6c-4b60-8fe7-adbd5deac304.tmp</t>
  </si>
  <si>
    <t>\\acsfs\profiles$\cintiadcf\Downloads\4d9fb0dd-8d6c-4b60-8fe7-adbd5deac304.tmp</t>
  </si>
  <si>
    <t>01/15/2020 07:04:38</t>
  </si>
  <si>
    <t>772a5e71-47fb-4f5c-b72b-c3c918e20ce7.tmp</t>
  </si>
  <si>
    <t>\\acsfs\profiles$\cintiadcf\Downloads\772a5e71-47fb-4f5c-b72b-c3c918e20ce7.tmp</t>
  </si>
  <si>
    <t>01/15/2020 07:05:34</t>
  </si>
  <si>
    <t>01/15/2020 07:07:46</t>
  </si>
  <si>
    <t>01/15/2020 07:04:34</t>
  </si>
  <si>
    <t>01/15/2020 07:09:46</t>
  </si>
  <si>
    <t>f1140d3c-f261-4e43-811b-312081b50d8b.tmp</t>
  </si>
  <si>
    <t>\\acsfs\profiles$\eduardobb\Downloads\f1140d3c-f261-4e43-811b-312081b50d8b.tmp</t>
  </si>
  <si>
    <t>01/15/2020 07:06:29</t>
  </si>
  <si>
    <t>62734b8c-2db1-4f78-8317-e90095dfb0c0.tmp</t>
  </si>
  <si>
    <t>\\acsfs\profiles$\eduardobb\Downloads\62734b8c-2db1-4f78-8317-e90095dfb0c0.tmp</t>
  </si>
  <si>
    <t>01/15/2020 07:07:03</t>
  </si>
  <si>
    <t>1286c5b7-75fc-442f-9f91-7fd104f0b604.tmp</t>
  </si>
  <si>
    <t>\\acsfs\profiles$\eduardobb\Downloads\1286c5b7-75fc-442f-9f91-7fd104f0b604.tmp</t>
  </si>
  <si>
    <t>01/15/2020 07:07:27</t>
  </si>
  <si>
    <t>bb2e89d0-7510-43ee-95ae-e7b07d9aaa48.tmp</t>
  </si>
  <si>
    <t>\\acsfs\profiles$\eduardobb\Downloads\bb2e89d0-7510-43ee-95ae-e7b07d9aaa48.tmp</t>
  </si>
  <si>
    <t>01/15/2020 07:08:28</t>
  </si>
  <si>
    <t>b62a0c29-045f-452a-8076-b4158db8fbd8.tmp</t>
  </si>
  <si>
    <t>\\acsfs\profiles$\eduardobb\Downloads\b62a0c29-045f-452a-8076-b4158db8fbd8.tmp</t>
  </si>
  <si>
    <t>01/15/2020 07:10:47</t>
  </si>
  <si>
    <t>01/15/2020 07:05:43</t>
  </si>
  <si>
    <t>01/15/2020 07:06:43</t>
  </si>
  <si>
    <t>01/15/2020 07:07:43</t>
  </si>
  <si>
    <t>01/15/2020 07:08:43</t>
  </si>
  <si>
    <t>01/15/2020 07:05:03</t>
  </si>
  <si>
    <t>01/15/2020 07:05:04</t>
  </si>
  <si>
    <t>01/15/2020 07:05:05</t>
  </si>
  <si>
    <t>01/15/2020 07:05:06</t>
  </si>
  <si>
    <t>01/15/2020 07:07:21</t>
  </si>
  <si>
    <t>01/15/2020 07:11:46</t>
  </si>
  <si>
    <t>01/15/2020 07:07:51</t>
  </si>
  <si>
    <t>01/15/2020 07:10:18</t>
  </si>
  <si>
    <t>01/15/2020 07:12:47</t>
  </si>
  <si>
    <t>01/15/2020 07:10:19</t>
  </si>
  <si>
    <t>01/15/2020 07:15:46</t>
  </si>
  <si>
    <t>01/15/2020 07:10:43</t>
  </si>
  <si>
    <t>01/15/2020 07:11:45</t>
  </si>
  <si>
    <t>01/15/2020 07:12:43</t>
  </si>
  <si>
    <t>01/15/2020 07:13:43</t>
  </si>
  <si>
    <t>01/15/2020 07:14:43</t>
  </si>
  <si>
    <t>01/15/2020 07:15:12</t>
  </si>
  <si>
    <t>01/15/2020 07:15:15</t>
  </si>
  <si>
    <t>01/15/2020 07:18:45</t>
  </si>
  <si>
    <t>01/15/2020 07:14:37</t>
  </si>
  <si>
    <t>cd0671a3-eee1-4133-a107-471d07f50612.tmp</t>
  </si>
  <si>
    <t>\\acsfs\profiles$\anafsb\Downloads\cd0671a3-eee1-4133-a107-471d07f50612.tmp</t>
  </si>
  <si>
    <t>01/15/2020 07:20:46</t>
  </si>
  <si>
    <t>01/15/2020 07:18:27</t>
  </si>
  <si>
    <t>01/15/2020 07:15:43</t>
  </si>
  <si>
    <t>01/15/2020 07:16:43</t>
  </si>
  <si>
    <t>01/15/2020 07:17:43</t>
  </si>
  <si>
    <t>01/15/2020 07:18:43</t>
  </si>
  <si>
    <t>01/15/2020 07:19:43</t>
  </si>
  <si>
    <t>01/15/2020 07:18:14</t>
  </si>
  <si>
    <t>01/15/2020 07:22:46</t>
  </si>
  <si>
    <t>01/15/2020 07:18:15</t>
  </si>
  <si>
    <t>01/15/2020 07:18:16</t>
  </si>
  <si>
    <t>01/15/2020 07:18:17</t>
  </si>
  <si>
    <t>01/15/2020 07:18:18</t>
  </si>
  <si>
    <t>01/15/2020 07:18:19</t>
  </si>
  <si>
    <t>01/15/2020 07:18:20</t>
  </si>
  <si>
    <t>01/15/2020 07:18:21</t>
  </si>
  <si>
    <t>01/15/2020 07:18:22</t>
  </si>
  <si>
    <t>01/15/2020 07:18:23</t>
  </si>
  <si>
    <t>01/15/2020 07:18:24</t>
  </si>
  <si>
    <t>01/15/2020 07:18:25</t>
  </si>
  <si>
    <t>01/15/2020 07:18:26</t>
  </si>
  <si>
    <t>01/15/2020 07:18:28</t>
  </si>
  <si>
    <t>01/15/2020 07:18:29</t>
  </si>
  <si>
    <t>01/15/2020 07:18:30</t>
  </si>
  <si>
    <t>01/15/2020 07:18:31</t>
  </si>
  <si>
    <t>01/15/2020 07:18:32</t>
  </si>
  <si>
    <t>01/15/2020 07:18:33</t>
  </si>
  <si>
    <t>01/15/2020 07:18:34</t>
  </si>
  <si>
    <t>01/15/2020 07:18:35</t>
  </si>
  <si>
    <t>01/15/2020 07:21:30</t>
  </si>
  <si>
    <t>1905e153-96a3-4b2e-b936-27ddbdf48eb4.tmp</t>
  </si>
  <si>
    <t>\\acsfs\profiles$\inarajst\Downloads\1905e153-96a3-4b2e-b936-27ddbdf48eb4.tmp</t>
  </si>
  <si>
    <t>01/15/2020 07:21:59</t>
  </si>
  <si>
    <t>7aec4f65-2df3-44b7-9511-02d01262ef8f.tmp</t>
  </si>
  <si>
    <t>\\acsfs\profiles$\inarajst\Downloads\7aec4f65-2df3-44b7-9511-02d01262ef8f.tmp</t>
  </si>
  <si>
    <t>01/15/2020 07:22:13</t>
  </si>
  <si>
    <t>a15dbcf5-e6b0-45c0-a308-02e377cbd82c.tmp</t>
  </si>
  <si>
    <t>\\acsfs\profiles$\inarajst\Downloads\a15dbcf5-e6b0-45c0-a308-02e377cbd82c.tmp</t>
  </si>
  <si>
    <t>01/15/2020 07:18:38</t>
  </si>
  <si>
    <t>01/15/2020 07:23:46</t>
  </si>
  <si>
    <t>6dd0a219-e5ad-4fd4-aa82-ea3c3a6de462.tmp</t>
  </si>
  <si>
    <t>\\acsfs\profiles$\claudiajca\Downloads\6dd0a219-e5ad-4fd4-aa82-ea3c3a6de462.tmp</t>
  </si>
  <si>
    <t>01/15/2020 07:19:59</t>
  </si>
  <si>
    <t>5cbc9739-5410-4ead-88c7-cfb3b84fa490.tmp</t>
  </si>
  <si>
    <t>\\acsfs\profiles$\claudiajca\Downloads\5cbc9739-5410-4ead-88c7-cfb3b84fa490.tmp</t>
  </si>
  <si>
    <t>01/15/2020 07:20:59</t>
  </si>
  <si>
    <t>01/15/2020 07:20:32</t>
  </si>
  <si>
    <t>01/15/2020 07:24:46</t>
  </si>
  <si>
    <t>e7fc77c1-be20-4a20-bc72-5247c521b074.tmp</t>
  </si>
  <si>
    <t>\\acsfs\profiles$\BRUNAAR\Downloads\e7fc77c1-be20-4a20-bc72-5247c521b074.tmp</t>
  </si>
  <si>
    <t>01/15/2020 07:25:46</t>
  </si>
  <si>
    <t>01/15/2020 07:20:43</t>
  </si>
  <si>
    <t>01/15/2020 07:21:43</t>
  </si>
  <si>
    <t>01/15/2020 07:22:43</t>
  </si>
  <si>
    <t>01/15/2020 07:23:43</t>
  </si>
  <si>
    <t>01/15/2020 07:25:12</t>
  </si>
  <si>
    <t>57cee928-347f-4a2b-9e63-5b48780b59e6.tmp</t>
  </si>
  <si>
    <t>\\acsfs\profiles$\mariajra\Downloads\57cee928-347f-4a2b-9e63-5b48780b59e6.tmp</t>
  </si>
  <si>
    <t>01/15/2020 07:22:37</t>
  </si>
  <si>
    <t>01/15/2020 07:27:45</t>
  </si>
  <si>
    <t>f20038d3-bf08-4cb9-8e5b-f87df28ff4c9.tmp</t>
  </si>
  <si>
    <t>\\acsfs\profiles$\inarajst\Downloads\f20038d3-bf08-4cb9-8e5b-f87df28ff4c9.tmp</t>
  </si>
  <si>
    <t>01/15/2020 07:22:40</t>
  </si>
  <si>
    <t>823683b5-b87e-4509-8b70-0db211b05528.tmp</t>
  </si>
  <si>
    <t>\\acsfs\profiles$\inarajst\Downloads\823683b5-b87e-4509-8b70-0db211b05528.tmp</t>
  </si>
  <si>
    <t>01/15/2020 07:22:45</t>
  </si>
  <si>
    <t>0733cb4a-f3b8-4d49-bad1-4023a3ef3121.tmp</t>
  </si>
  <si>
    <t>\\acsfs\profiles$\inarajst\Downloads\0733cb4a-f3b8-4d49-bad1-4023a3ef3121.tmp</t>
  </si>
  <si>
    <t>01/15/2020 07:27:12</t>
  </si>
  <si>
    <t>2861796c-1993-4834-9b6a-7a8c2dc9f21a.tmp</t>
  </si>
  <si>
    <t>\\acsfs\profiles$\websondsa\Downloads\2861796c-1993-4834-9b6a-7a8c2dc9f21a.tmp</t>
  </si>
  <si>
    <t>a6e74011-8cd8-4944-9f2c-318f0b022788.tmp</t>
  </si>
  <si>
    <t>\\acsfs\profiles$\websondsa\Downloads\a6e74011-8cd8-4944-9f2c-318f0b022788.tmp</t>
  </si>
  <si>
    <t>01/15/2020 07:30:46</t>
  </si>
  <si>
    <t>01/15/2020 07:25:43</t>
  </si>
  <si>
    <t>01/15/2020 07:26:43</t>
  </si>
  <si>
    <t>01/15/2020 07:27:43</t>
  </si>
  <si>
    <t>01/15/2020 07:28:43</t>
  </si>
  <si>
    <t>01/15/2020 07:29:37</t>
  </si>
  <si>
    <t>01/15/2020 07:29:43</t>
  </si>
  <si>
    <t>01/15/2020 07:29:49</t>
  </si>
  <si>
    <t>01/15/2020 07:29:53</t>
  </si>
  <si>
    <t>01/15/2020 07:30:01</t>
  </si>
  <si>
    <t>01/15/2020 07:30:12</t>
  </si>
  <si>
    <t>01/15/2020 07:28:59</t>
  </si>
  <si>
    <t>08781048-c745-4dd9-8ee0-7df032d5da76.tmp</t>
  </si>
  <si>
    <t>\\acsfs\profiles$\ERICALSR\Downloads\08781048-c745-4dd9-8ee0-7df032d5da76.tmp</t>
  </si>
  <si>
    <t>01/15/2020 07:30:21</t>
  </si>
  <si>
    <t>71881b5b-7383-4cea-a727-c0f4e45d4b2a.tmp</t>
  </si>
  <si>
    <t>\\acsfs\profiles$\ERICALSR\Downloads\71881b5b-7383-4cea-a727-c0f4e45d4b2a.tmp</t>
  </si>
  <si>
    <t>01/15/2020 07:25:39</t>
  </si>
  <si>
    <t>0559dd8c-3167-493a-a3e4-38bb07fc14d5.tmp</t>
  </si>
  <si>
    <t>\\acsfs\profiles$\mariajra\Downloads\0559dd8c-3167-493a-a3e4-38bb07fc14d5.tmp</t>
  </si>
  <si>
    <t>01/15/2020 07:26:47</t>
  </si>
  <si>
    <t>337ce938-ac62-473b-a8af-3f7590b67dc9.tmp</t>
  </si>
  <si>
    <t>\\acsfs\profiles$\mariajra\Downloads\337ce938-ac62-473b-a8af-3f7590b67dc9.tmp</t>
  </si>
  <si>
    <t>01/15/2020 07:30:22</t>
  </si>
  <si>
    <t>01/15/2020 07:31:45</t>
  </si>
  <si>
    <t>6eae570c-01b0-46c5-bbb4-ce534cbb1119.tmp</t>
  </si>
  <si>
    <t>\\acsfs\profiles$\sarahbal\Downloads\6eae570c-01b0-46c5-bbb4-ce534cbb1119.tmp</t>
  </si>
  <si>
    <t>01/15/2020 07:30:44</t>
  </si>
  <si>
    <t>fcdd55ef-e875-409f-854f-a59113d2aa97.tmp</t>
  </si>
  <si>
    <t>\\acsfs\profiles$\sarahbal\Downloads\fcdd55ef-e875-409f-854f-a59113d2aa97.tmp</t>
  </si>
  <si>
    <t>01/15/2020 07:28:12</t>
  </si>
  <si>
    <t>lu1559610ndwb.tmp</t>
  </si>
  <si>
    <t>\\acsfs\profiles$\jonathanwap\lu1559610ndwb.tmp</t>
  </si>
  <si>
    <t>\\acsfs\profiles$\jonathanwap\lu1559610ndwb.tmp\</t>
  </si>
  <si>
    <t>\\acsfs\profiles$\jonathanwap\lu1559610ndwb.tmp\META-INF\</t>
  </si>
  <si>
    <t>\\acsfs\profiles$\jonathanwap\lu1559610ndwb.tmp\Thumbnails\</t>
  </si>
  <si>
    <t>01/15/2020 07:27:29</t>
  </si>
  <si>
    <t>01/15/2020 07:32:46</t>
  </si>
  <si>
    <t>ed1b301a-1da8-4aa3-a6c8-25f8c9dfbc39.tmp</t>
  </si>
  <si>
    <t>\\acsfs\profiles$\inarajst\Downloads\ed1b301a-1da8-4aa3-a6c8-25f8c9dfbc39.tmp</t>
  </si>
  <si>
    <t>01/15/2020 07:27:53</t>
  </si>
  <si>
    <t>41ad9cfa-41b7-4c2a-ae04-3a636df9fcf5.tmp</t>
  </si>
  <si>
    <t>\\acsfs\profiles$\websondsa\Downloads\41ad9cfa-41b7-4c2a-ae04-3a636df9fcf5.tmp</t>
  </si>
  <si>
    <t>01/15/2020 07:32:13</t>
  </si>
  <si>
    <t>ec3dd4ad-83ae-4eda-bc3a-af822aba54c9.tmp</t>
  </si>
  <si>
    <t>\\acsfs\profiles$\websondsa\Downloads\ec3dd4ad-83ae-4eda-bc3a-af822aba54c9.tmp</t>
  </si>
  <si>
    <t>48fb21bf-1d66-4482-b12e-32729b01ff2c.tmp</t>
  </si>
  <si>
    <t>\\acsfs\profiles$\websondsa\Downloads\48fb21bf-1d66-4482-b12e-32729b01ff2c.tmp</t>
  </si>
  <si>
    <t>01/15/2020 07:32:18</t>
  </si>
  <si>
    <t>4e988071-434d-4c8e-b8f1-a956244cb16a.tmp</t>
  </si>
  <si>
    <t>\\acsfs\profiles$\websondsa\Downloads\4e988071-434d-4c8e-b8f1-a956244cb16a.tmp</t>
  </si>
  <si>
    <t>01/15/2020 07:32:05</t>
  </si>
  <si>
    <t>01/15/2020 07:31:08</t>
  </si>
  <si>
    <t>01/15/2020 07:34:46</t>
  </si>
  <si>
    <t>a361b297-ff09-4700-a9f2-084f7927208f.tmp</t>
  </si>
  <si>
    <t>\\acsfs\profiles$\dhiulliananads\Downloads\a361b297-ff09-4700-a9f2-084f7927208f.tmp</t>
  </si>
  <si>
    <t>01/15/2020 07:35:46</t>
  </si>
  <si>
    <t>01/15/2020 07:30:43</t>
  </si>
  <si>
    <t>01/15/2020 07:31:46</t>
  </si>
  <si>
    <t>01/15/2020 07:32:43</t>
  </si>
  <si>
    <t>01/15/2020 07:33:43</t>
  </si>
  <si>
    <t>01/15/2020 07:34:43</t>
  </si>
  <si>
    <t>01/15/2020 07:30:19</t>
  </si>
  <si>
    <t>01/15/2020 07:30:23</t>
  </si>
  <si>
    <t>01/15/2020 07:31:15</t>
  </si>
  <si>
    <t>01/15/2020 07:31:18</t>
  </si>
  <si>
    <t>01/15/2020 07:31:22</t>
  </si>
  <si>
    <t>01/15/2020 07:32:24</t>
  </si>
  <si>
    <t>0c60b805-3801-456e-9892-80716327e488.tmp</t>
  </si>
  <si>
    <t>\\acsfs\profiles$\mariajra\Downloads\0c60b805-3801-456e-9892-80716327e488.tmp</t>
  </si>
  <si>
    <t>01/15/2020 07:33:16</t>
  </si>
  <si>
    <t>343c5d0e-7d29-4c7b-82aa-6161d4dda9a4.tmp</t>
  </si>
  <si>
    <t>\\acsfs\profiles$\mariajra\Downloads\343c5d0e-7d29-4c7b-82aa-6161d4dda9a4.tmp</t>
  </si>
  <si>
    <t>01/15/2020 07:33:22</t>
  </si>
  <si>
    <t>9b6e5dac-f959-4a81-a7e9-c0d9bf6bc76b.tmp</t>
  </si>
  <si>
    <t>\\acsfs\profiles$\mariajra\Downloads\9b6e5dac-f959-4a81-a7e9-c0d9bf6bc76b.tmp</t>
  </si>
  <si>
    <t>01/15/2020 07:33:42</t>
  </si>
  <si>
    <t>0087d121-b765-4cbd-8876-f0548e741b8b.tmp</t>
  </si>
  <si>
    <t>\\acsfs\profiles$\mariajra\Downloads\0087d121-b765-4cbd-8876-f0548e741b8b.tmp</t>
  </si>
  <si>
    <t>01/15/2020 07:31:47</t>
  </si>
  <si>
    <t>01/15/2020 07:36:46</t>
  </si>
  <si>
    <t>fb00852d-3032-48b5-85a7-a6a429e6ebc8.tmp</t>
  </si>
  <si>
    <t>\\acsfs\profiles$\sarahbal\Downloads\fb00852d-3032-48b5-85a7-a6a429e6ebc8.tmp</t>
  </si>
  <si>
    <t>07ffacc5-dee3-4eea-94a0-b1a35acb3a97.tmp</t>
  </si>
  <si>
    <t>\\acsfs\profiles$\sarahbal\Downloads\07ffacc5-dee3-4eea-94a0-b1a35acb3a97.tmp</t>
  </si>
  <si>
    <t>01/15/2020 07:33:54</t>
  </si>
  <si>
    <t>e7c635e4-1d22-4a69-bc98-e3221880c7f6.tmp</t>
  </si>
  <si>
    <t>\\acsfs\profiles$\sarahbal\Downloads\e7c635e4-1d22-4a69-bc98-e3221880c7f6.tmp</t>
  </si>
  <si>
    <t>01/15/2020 07:35:28</t>
  </si>
  <si>
    <t>01/15/2020 07:35:32</t>
  </si>
  <si>
    <t>01/15/2020 07:35:38</t>
  </si>
  <si>
    <t>01/15/2020 07:35:45</t>
  </si>
  <si>
    <t>01/15/2020 07:37:38</t>
  </si>
  <si>
    <t>01/15/2020 07:39:46</t>
  </si>
  <si>
    <t>899672cc-7eeb-4df5-a1fb-0f74c1cbe7fc.tmp</t>
  </si>
  <si>
    <t>\\acsfs\profiles$\gustavoab\Downloads\899672cc-7eeb-4df5-a1fb-0f74c1cbe7fc.tmp</t>
  </si>
  <si>
    <t>01/15/2020 07:38:03</t>
  </si>
  <si>
    <t>77857b0c-e3cb-4389-b088-0d4d5b6522d8.tmp</t>
  </si>
  <si>
    <t>\\acsfs\profiles$\gustavoab\Downloads\77857b0c-e3cb-4389-b088-0d4d5b6522d8.tmp</t>
  </si>
  <si>
    <t>01/15/2020 07:40:46</t>
  </si>
  <si>
    <t>01/15/2020 07:35:43</t>
  </si>
  <si>
    <t>01/15/2020 07:36:43</t>
  </si>
  <si>
    <t>01/15/2020 07:37:01</t>
  </si>
  <si>
    <t>bloco 2° ciclo.txt</t>
  </si>
  <si>
    <t>\\acsfs\ACS\001 - Qualidade Lilian\PAULO\Pasta Tainara\bloco 2° ciclo.txt</t>
  </si>
  <si>
    <t>01/15/2020 07:37:43</t>
  </si>
  <si>
    <t>01/15/2020 07:38:43</t>
  </si>
  <si>
    <t>01/15/2020 07:41:46</t>
  </si>
  <si>
    <t>01/15/2020 07:38:54</t>
  </si>
  <si>
    <t>01/15/2020 07:38:55</t>
  </si>
  <si>
    <t>lu1559610ndwk.tmp</t>
  </si>
  <si>
    <t>\\acsfs\profiles$\jonathanwap\lu1559610ndwk.tmp</t>
  </si>
  <si>
    <t>\\acsfs\profiles$\jonathanwap\lu1559610ndwk.tmp\</t>
  </si>
  <si>
    <t>\\acsfs\profiles$\jonathanwap\lu1559610ndwk.tmp\META-INF\</t>
  </si>
  <si>
    <t>\\acsfs\profiles$\jonathanwap\lu1559610ndwk.tmp\Thumbnails\</t>
  </si>
  <si>
    <t>01/15/2020 07:43:12</t>
  </si>
  <si>
    <t>01/15/2020 07:44:45</t>
  </si>
  <si>
    <t>https://www.bing.com/orgid/idtoken/nosignin</t>
  </si>
  <si>
    <t>01/15/2020 07:39:30</t>
  </si>
  <si>
    <t>2f2fb935-0d3a-4add-adf7-b0eeeb12f7cc.tmp</t>
  </si>
  <si>
    <t>\\acsfs\profiles$\gustavoab\Downloads\2f2fb935-0d3a-4add-adf7-b0eeeb12f7cc.tmp</t>
  </si>
  <si>
    <t>01/15/2020 07:40:15</t>
  </si>
  <si>
    <t>1a7fa92e-b0df-442d-b458-c1e6f5a54905.tmp</t>
  </si>
  <si>
    <t>\\acsfs\profiles$\gustavoab\Downloads\1a7fa92e-b0df-442d-b458-c1e6f5a54905.tmp</t>
  </si>
  <si>
    <t>01/15/2020 07:41:16</t>
  </si>
  <si>
    <t>dd90813e-1072-4324-8e8b-77922e98a110.tmp</t>
  </si>
  <si>
    <t>\\acsfs\profiles$\dhiulliananads\Downloads\dd90813e-1072-4324-8e8b-77922e98a110.tmp</t>
  </si>
  <si>
    <t>01/15/2020 07:41:40</t>
  </si>
  <si>
    <t>01/15/2020 07:45:46</t>
  </si>
  <si>
    <t>01/15/2020 07:40:43</t>
  </si>
  <si>
    <t>01/15/2020 07:41:43</t>
  </si>
  <si>
    <t>01/15/2020 07:42:43</t>
  </si>
  <si>
    <t>01/15/2020 07:43:43</t>
  </si>
  <si>
    <t>01/15/2020 07:44:43</t>
  </si>
  <si>
    <t>01/15/2020 07:48:46</t>
  </si>
  <si>
    <t>01/15/2020 07:45:17</t>
  </si>
  <si>
    <t>01/15/2020 07:49:46</t>
  </si>
  <si>
    <t>01/15/2020 07:45:41</t>
  </si>
  <si>
    <t>22d4dd05-ec5a-4201-a6b5-a3888759f406.tmp</t>
  </si>
  <si>
    <t>\\acsfs\profiles$\felipetds\Downloads\22d4dd05-ec5a-4201-a6b5-a3888759f406.tmp</t>
  </si>
  <si>
    <t>01/15/2020 07:47:03</t>
  </si>
  <si>
    <t>83cfee5c-489e-41ac-b808-5e4200010e55.tmp</t>
  </si>
  <si>
    <t>\\acsfs\profiles$\felipetds\Downloads\83cfee5c-489e-41ac-b808-5e4200010e55.tmp</t>
  </si>
  <si>
    <t>01/15/2020 07:50:46</t>
  </si>
  <si>
    <t>01/15/2020 07:45:43</t>
  </si>
  <si>
    <t>01/15/2020 07:46:23</t>
  </si>
  <si>
    <t>01/15/2020 07:46:33</t>
  </si>
  <si>
    <t>01/15/2020 07:46:43</t>
  </si>
  <si>
    <t>01/15/2020 07:47:43</t>
  </si>
  <si>
    <t>01/15/2020 07:48:43</t>
  </si>
  <si>
    <t>01/15/2020 07:49:43</t>
  </si>
  <si>
    <t>01/15/2020 07:46:21</t>
  </si>
  <si>
    <t>01/15/2020 07:51:46</t>
  </si>
  <si>
    <t>01/15/2020 07:46:51</t>
  </si>
  <si>
    <t>01/15/2020 07:48:21</t>
  </si>
  <si>
    <t>01/15/2020 07:48:51</t>
  </si>
  <si>
    <t>01/15/2020 07:49:21</t>
  </si>
  <si>
    <t>01/15/2020 07:50:01</t>
  </si>
  <si>
    <t>01/15/2020 07:49:53</t>
  </si>
  <si>
    <t>01/15/2020 07:50:10</t>
  </si>
  <si>
    <t>01/15/2020 07:48:35</t>
  </si>
  <si>
    <t>01/15/2020 07:52:46</t>
  </si>
  <si>
    <t>59ebd18a-4a5c-42b0-8908-89c126ae28e8.tmp</t>
  </si>
  <si>
    <t>\\acsfs\profiles$\geovannasm\Downloads\59ebd18a-4a5c-42b0-8908-89c126ae28e8.tmp</t>
  </si>
  <si>
    <t>296468a3-9bc2-41d4-bd55-15e4c05a94c0.tmp</t>
  </si>
  <si>
    <t>\\acsfs\profiles$\geovannasm\Downloads\296468a3-9bc2-41d4-bd55-15e4c05a94c0.tmp</t>
  </si>
  <si>
    <t>01/15/2020 07:49:49</t>
  </si>
  <si>
    <t>c0a02ec2-567c-4653-b69a-7ac213578b41.tmp</t>
  </si>
  <si>
    <t>\\acsfs\profiles$\geovannasm\Downloads\c0a02ec2-567c-4653-b69a-7ac213578b41.tmp</t>
  </si>
  <si>
    <t>01/15/2020 07:52:11</t>
  </si>
  <si>
    <t>3e6bcdfa-212b-48bb-85aa-82306f2e9e65.tmp</t>
  </si>
  <si>
    <t>\\acsfs\profiles$\geovannasm\Downloads\3e6bcdfa-212b-48bb-85aa-82306f2e9e65.tmp</t>
  </si>
  <si>
    <t>01/15/2020 07:50:00</t>
  </si>
  <si>
    <t>01/15/2020 07:54:46</t>
  </si>
  <si>
    <t>https://excel.officeapps.live.com/x/_layouts/xlviewerinternal.aspx?unified=1&amp;ui=pt-br&amp;rs=pt-br&amp;wopisrc=https://algarnet-my.sharepoint.com/personal/josiascdsj_algartech_com/_vti_bin/wopi.ashx/files/69aca668fc0a42819068a83011a1d846&amp;wdenableroaming=1&amp;mscc=1&amp;wdodb=1&amp;hid=fdaf2b9f-60b0-0000-4915-b9df7aebc41e&amp;wdorigin=other&amp;jsapi=1&amp;newsession=1&amp;corrid=b905870c-6910-4278-a049-c45bb23f32e3&amp;usid=b905870c-6910-4278-a049-c45bb23f32e3&amp;wdredirectionreason=force_singlestepboot</t>
  </si>
  <si>
    <t>01/15/2020 07:50:06</t>
  </si>
  <si>
    <t>01/15/2020 07:50:07</t>
  </si>
  <si>
    <t>https://excel.officeapps.live.com/x/_layouts/mruservicehandler.ashx?action=updatemruentry&amp;app=1&amp;lc=pt-br&amp;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zkywyyyjlmlt</t>
  </si>
  <si>
    <t>01/15/2020 07:50:08</t>
  </si>
  <si>
    <t>01/15/2020 07:50:11</t>
  </si>
  <si>
    <t>01/15/2020 07:50:13</t>
  </si>
  <si>
    <t>01/15/2020 07:50:14</t>
  </si>
  <si>
    <t>01/15/2020 07:50:15</t>
  </si>
  <si>
    <t>https://excel.officeapps.live.com/afhs/cloudpolicysettings.ashx?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zkywyyyjlmltywyjatmdawmc00ote1lwi5zgy3ywviyzqxzsj9.xl</t>
  </si>
  <si>
    <t>https://excel.officeapps.live.com/afhs/applicationfeaturehelperhandler.ashx?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zkywyyyjlmltywyjatmdawmc00ote1lwi5zgy3ywv</t>
  </si>
  <si>
    <t>01/15/2020 07:50:18</t>
  </si>
  <si>
    <t>01/15/2020 07:50:21</t>
  </si>
  <si>
    <t>01/15/2020 07:50:22</t>
  </si>
  <si>
    <t>01/15/2020 07:50:23</t>
  </si>
  <si>
    <t>01/15/2020 07:50:25</t>
  </si>
  <si>
    <t>https://excel.officeapps.live.com/x/_layouts/addinservicehandler.ashx?action=getaddins&amp;app=excel&amp;catalog=privatecatalog&amp;clientcode=wac_excel&amp;clientversion=16.0.0.0&amp;corr=aec63d8a-f616-ae8f-48bb-294e0978bfdd&amp;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t>
  </si>
  <si>
    <t>01/15/2020 07:50:28</t>
  </si>
  <si>
    <t>01/15/2020 07:50:37</t>
  </si>
  <si>
    <t>https://excel.officeapps.live.com/x/_layouts/roamingappshandler.ashx?wdenableroaming=1</t>
  </si>
  <si>
    <t>https://excel.officeapps.live.com/x/_layouts/xlfilehandler.aspx?wacusertype=wopi&amp;usid=b905870c-6910-4278-a049-c45bb23f32e3&amp;noauth=1&amp;waccluster=br2</t>
  </si>
  <si>
    <t>01/15/2020 07:50:38</t>
  </si>
  <si>
    <t>01/15/2020 07:50:43</t>
  </si>
  <si>
    <t>01/15/2020 07:50:55</t>
  </si>
  <si>
    <t>01/15/2020 07:51:08</t>
  </si>
  <si>
    <t>01/15/2020 07:51:55</t>
  </si>
  <si>
    <t>01/15/2020 07:52:55</t>
  </si>
  <si>
    <t>01/15/2020 07:53:13</t>
  </si>
  <si>
    <t>01/15/2020 07:53:19</t>
  </si>
  <si>
    <t>01/15/2020 07:50:02</t>
  </si>
  <si>
    <t>a70b11e2-fe18-4cc0-9ec2-0e522297fa07.tmp</t>
  </si>
  <si>
    <t>\\acsfs\profiles$\BRUNAAR\Downloads\a70b11e2-fe18-4cc0-9ec2-0e522297fa07.tmp</t>
  </si>
  <si>
    <t>01/15/2020 07:53:22</t>
  </si>
  <si>
    <t>84196f9e-5b1e-438f-9b48-64930b3a60bf.tmp</t>
  </si>
  <si>
    <t>\\acsfs\profiles$\luanarda\Downloads\84196f9e-5b1e-438f-9b48-64930b3a60bf.tmp</t>
  </si>
  <si>
    <t>01/15/2020 07:55:46</t>
  </si>
  <si>
    <t>01/15/2020 07:51:43</t>
  </si>
  <si>
    <t>01/15/2020 07:52:43</t>
  </si>
  <si>
    <t>01/15/2020 07:53:43</t>
  </si>
  <si>
    <t>01/15/2020 07:54:29</t>
  </si>
  <si>
    <t>7442c086-037b-44e0-ae50-4701bcc28278.tmp</t>
  </si>
  <si>
    <t>\\acsfs\profiles$\ERICALSR\Downloads\7442c086-037b-44e0-ae50-4701bcc28278.tmp</t>
  </si>
  <si>
    <t>01/15/2020 07:52:21</t>
  </si>
  <si>
    <t>01/15/2020 07:56:46</t>
  </si>
  <si>
    <t>01/15/2020 07:53:51</t>
  </si>
  <si>
    <t>01/15/2020 07:55:21</t>
  </si>
  <si>
    <t>01/15/2020 07:52:30</t>
  </si>
  <si>
    <t>01/15/2020 07:52:41</t>
  </si>
  <si>
    <t>01/15/2020 07:52:57</t>
  </si>
  <si>
    <t>01/15/2020 07:53:06</t>
  </si>
  <si>
    <t>01/15/2020 07:53:16</t>
  </si>
  <si>
    <t>01/15/2020 07:53:24</t>
  </si>
  <si>
    <t>01/15/2020 07:53:38</t>
  </si>
  <si>
    <t>01/15/2020 07:53:58</t>
  </si>
  <si>
    <t>01/15/2020 07:54:05</t>
  </si>
  <si>
    <t>01/15/2020 07:54:16</t>
  </si>
  <si>
    <t>01/15/2020 07:54:32</t>
  </si>
  <si>
    <t>mail.google.com/sync/u/0/i/s?hl=pt-BR&amp;c=140</t>
  </si>
  <si>
    <t>01/15/2020 07:54:37</t>
  </si>
  <si>
    <t>01/15/2020 07:54:44</t>
  </si>
  <si>
    <t>01/15/2020 07:55:22</t>
  </si>
  <si>
    <t>01/15/2020 07:56:23</t>
  </si>
  <si>
    <t>01/15/2020 07:56:31</t>
  </si>
  <si>
    <t>01/15/2020 07:53:45</t>
  </si>
  <si>
    <t>01/15/2020 07:57:46</t>
  </si>
  <si>
    <t>418550c0-87e4-4047-84d6-89ddd18c38ac.tmp</t>
  </si>
  <si>
    <t>\\acsfs\profiles$\geovannasm\Downloads\418550c0-87e4-4047-84d6-89ddd18c38ac.tmp</t>
  </si>
  <si>
    <t>01/15/2020 07:55:31</t>
  </si>
  <si>
    <t>d85448c6-b56a-4cc2-a174-7be3592de8a2.tmp</t>
  </si>
  <si>
    <t>\\acsfs\profiles$\geovannasm\Downloads\d85448c6-b56a-4cc2-a174-7be3592de8a2.tmp</t>
  </si>
  <si>
    <t>01/15/2020 07:53:55</t>
  </si>
  <si>
    <t>01/15/2020 07:59:46</t>
  </si>
  <si>
    <t>01/15/2020 07:54:55</t>
  </si>
  <si>
    <t>01/15/2020 07:55:05</t>
  </si>
  <si>
    <t>01/15/2020 07:55:55</t>
  </si>
  <si>
    <t>01/15/2020 07:56:55</t>
  </si>
  <si>
    <t>01/15/2020 07:57:55</t>
  </si>
  <si>
    <t>01/15/2020 07:58:07</t>
  </si>
  <si>
    <t>01/15/2020 07:57:24</t>
  </si>
  <si>
    <t>a2fd3f45-69d3-49a5-bf94-e60dc3fe3143.tmp</t>
  </si>
  <si>
    <t>\\acsfs\profiles$\nayarasds\Downloads\a2fd3f45-69d3-49a5-bf94-e60dc3fe3143.tmp</t>
  </si>
  <si>
    <t>01/15/2020 07:57:57</t>
  </si>
  <si>
    <t>52a4d862-b133-4010-8106-1efae10e8546.tmp</t>
  </si>
  <si>
    <t>\\acsfs\profiles$\nayarasds\Downloads\52a4d862-b133-4010-8106-1efae10e8546.tmp</t>
  </si>
  <si>
    <t>01/15/2020 07:56:25</t>
  </si>
  <si>
    <t>01/15/2020 07:56:36</t>
  </si>
  <si>
    <t>01/15/2020 07:56:43</t>
  </si>
  <si>
    <t>01/15/2020 07:56:52</t>
  </si>
  <si>
    <t>01/15/2020 07:56:57</t>
  </si>
  <si>
    <t>01/15/2020 07:56:21</t>
  </si>
  <si>
    <t>8ad92cc8-a8d8-4007-b1ac-40d042c65812.tmp</t>
  </si>
  <si>
    <t>\\acsfs\profiles$\luanarda\Downloads\8ad92cc8-a8d8-4007-b1ac-40d042c65812.tmp</t>
  </si>
  <si>
    <t>01/15/2020 08:00:46</t>
  </si>
  <si>
    <t>01/15/2020 07:55:43</t>
  </si>
  <si>
    <t>01/15/2020 07:57:43</t>
  </si>
  <si>
    <t>01/15/2020 07:58:43</t>
  </si>
  <si>
    <t>01/15/2020 07:59:43</t>
  </si>
  <si>
    <t>01/15/2020 07:58:19</t>
  </si>
  <si>
    <t>01/15/2020 07:58:24</t>
  </si>
  <si>
    <t>01/15/2020 07:58:35</t>
  </si>
  <si>
    <t>01/15/2020 07:58:36</t>
  </si>
  <si>
    <t>01/15/2020 07:58:54</t>
  </si>
  <si>
    <t>01/15/2020 07:59:10</t>
  </si>
  <si>
    <t>01/15/2020 07:59:25</t>
  </si>
  <si>
    <t>01/15/2020 08:00:14</t>
  </si>
  <si>
    <t>01/15/2020 07:58:14</t>
  </si>
  <si>
    <t>19ced520-f283-4255-914a-45e97a79e9a5.tmp</t>
  </si>
  <si>
    <t>\\acsfs\profiles$\ERICALSR\Downloads\19ced520-f283-4255-914a-45e97a79e9a5.tmp</t>
  </si>
  <si>
    <t>01/15/2020 07:56:35</t>
  </si>
  <si>
    <t>01/15/2020 08:01:46</t>
  </si>
  <si>
    <t>01/15/2020 07:56:42</t>
  </si>
  <si>
    <t>01/15/2020 07:57:36</t>
  </si>
  <si>
    <t>01/15/2020 07:57:37</t>
  </si>
  <si>
    <t>01/15/2020 07:57:51</t>
  </si>
  <si>
    <t>01/15/2020 07:58:28</t>
  </si>
  <si>
    <t>01/15/2020 07:58:42</t>
  </si>
  <si>
    <t>01/15/2020 08:01:18</t>
  </si>
  <si>
    <t>01/15/2020 07:58:52</t>
  </si>
  <si>
    <t>01/15/2020 08:02:46</t>
  </si>
  <si>
    <t>37674141-1f41-4930-b5ed-d8c4d62b7d5f.tmp</t>
  </si>
  <si>
    <t>\\acsfs\profiles$\RAFAELRF\Downloads\37674141-1f41-4930-b5ed-d8c4d62b7d5f.tmp</t>
  </si>
  <si>
    <t>01/15/2020 07:59:26</t>
  </si>
  <si>
    <t>e96a4e9b-7491-4ea1-907b-104a07d68568.tmp</t>
  </si>
  <si>
    <t>\\acsfs\profiles$\RAFAELRF\Downloads\e96a4e9b-7491-4ea1-907b-104a07d68568.tmp</t>
  </si>
  <si>
    <t>01/15/2020 07:58:55</t>
  </si>
  <si>
    <t>01/15/2020 08:04:45</t>
  </si>
  <si>
    <t>01/15/2020 07:59:55</t>
  </si>
  <si>
    <t>01/15/2020 08:00:05</t>
  </si>
  <si>
    <t>01/15/2020 08:00:55</t>
  </si>
  <si>
    <t>01/15/2020 08:01:55</t>
  </si>
  <si>
    <t>01/15/2020 08:02:55</t>
  </si>
  <si>
    <t>01/15/2020 08:02:57</t>
  </si>
  <si>
    <t>https://excel.officeapps.live.com/x/_layouts/xlviewerinternal.aspx?unified=1&amp;ui=pt-br&amp;rs=pt-br&amp;wopisrc=https://algarnet-my.sharepoint.com/personal/josiascdsj_algartech_com/_vti_bin/wopi.ashx/files/69aca668fc0a42819068a83011a1d846&amp;wdenableroaming=1&amp;mscc=1&amp;wdodb=1&amp;hid=bbb02b9f-002f-0000-559b-d1fa8cb0889a&amp;wdorigin=other&amp;jsapi=1&amp;newsession=1&amp;corrid=8420bfbe-a3e4-4067-ba11-7b17d5a2ed23&amp;usid=8420bfbe-a3e4-4067-ba11-7b17d5a2ed23&amp;wdredirectionreason=force_singlestepboot&amp;preseededsessionkey=67545055-54cf-ebd7-8c51-6420de04b183&amp;preseededwacsessionid=02815542-3c18-5af8-b3ee-29d6d8404b51</t>
  </si>
  <si>
    <t>01/15/2020 08:03:00</t>
  </si>
  <si>
    <t>01/15/2020 08:03:02</t>
  </si>
  <si>
    <t>https://excel.officeapps.live.com/x/_layouts/mruservicehandler.ashx?action=updatemruentry&amp;app=1&amp;lc=pt-br&amp;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jiyjayyjlmlt</t>
  </si>
  <si>
    <t>01/15/2020 08:03:04</t>
  </si>
  <si>
    <t>01/15/2020 08:03:05</t>
  </si>
  <si>
    <t>01/15/2020 08:03:08</t>
  </si>
  <si>
    <t>01/15/2020 08:03:09</t>
  </si>
  <si>
    <t>01/15/2020 08:03:10</t>
  </si>
  <si>
    <t>https://excel.officeapps.live.com/afhs/cloudpolicysettings.ashx?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jiyjayyjlmltawmmytmdawmc01ntlilwqxzme4y2iwodg5ysj9.gx</t>
  </si>
  <si>
    <t>https://excel.officeapps.live.com/afhs/applicationfeaturehelperhandler.ashx?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jiyjayyjlmltawmmytmdawmc01ntlilwqxzme4y2i</t>
  </si>
  <si>
    <t>01/15/2020 08:03:11</t>
  </si>
  <si>
    <t>01/15/2020 08:03:20</t>
  </si>
  <si>
    <t>01/15/2020 08:03:21</t>
  </si>
  <si>
    <t>01/15/2020 08:03:24</t>
  </si>
  <si>
    <t>https://excel.officeapps.live.com/x/_layouts/addinservicehandler.ashx?action=getaddins&amp;app=excel&amp;catalog=privatecatalog&amp;clientcode=wac_excel&amp;clientversion=16.0.0.0&amp;corr=e6f4fd8a-f616-5e4b-38aa-0dbc79d44ae8&amp;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t>
  </si>
  <si>
    <t>01/15/2020 08:03:28</t>
  </si>
  <si>
    <t>01/15/2020 08:03:32</t>
  </si>
  <si>
    <t>01/15/2020 08:03:35</t>
  </si>
  <si>
    <t>01/15/2020 08:03:38</t>
  </si>
  <si>
    <t>01/15/2020 08:03:43</t>
  </si>
  <si>
    <t>https://excel.officeapps.live.com/x/_layouts/wsaupload.ashx</t>
  </si>
  <si>
    <t>https://excel.officeapps.live.com/x/_vti_bin/ewainternalwebservice.json/xlendcommand?waccluster=br2</t>
  </si>
  <si>
    <t>01/15/2020 08:05:46</t>
  </si>
  <si>
    <t>01/15/2020 08:00:43</t>
  </si>
  <si>
    <t>01/15/2020 08:01:43</t>
  </si>
  <si>
    <t>01/15/2020 08:02:43</t>
  </si>
  <si>
    <t>01/15/2020 08:04:43</t>
  </si>
  <si>
    <t>01/15/2020 08:00:18</t>
  </si>
  <si>
    <t>01/15/2020 08:00:22</t>
  </si>
  <si>
    <t>01/15/2020 08:00:28</t>
  </si>
  <si>
    <t>01/15/2020 08:00:32</t>
  </si>
  <si>
    <t>01/15/2020 08:00:51</t>
  </si>
  <si>
    <t>01/15/2020 08:00:52</t>
  </si>
  <si>
    <t>01/15/2020 08:03:15</t>
  </si>
  <si>
    <t>01/15/2020 08:03:18</t>
  </si>
  <si>
    <t>01/15/2020 08:03:30</t>
  </si>
  <si>
    <t>01/15/2020 08:03:40</t>
  </si>
  <si>
    <t>01/15/2020 08:03:46</t>
  </si>
  <si>
    <t>01/15/2020 08:03:52</t>
  </si>
  <si>
    <t>01/15/2020 08:04:01</t>
  </si>
  <si>
    <t>01/15/2020 08:01:42</t>
  </si>
  <si>
    <t>d5857630-e3dc-4a1a-a999-9852df79ecb5.tmp</t>
  </si>
  <si>
    <t>\\acsfs\profiles$\vivianalds\Downloads\d5857630-e3dc-4a1a-a999-9852df79ecb5.tmp</t>
  </si>
  <si>
    <t>e615c192-9f4e-417b-b780-64d3e10c32c9.tmp</t>
  </si>
  <si>
    <t>\\acsfs\profiles$\vivianalds\Downloads\e615c192-9f4e-417b-b780-64d3e10c32c9.tmp</t>
  </si>
  <si>
    <t>01/15/2020 08:04:17</t>
  </si>
  <si>
    <t>01/15/2020 08:02:30</t>
  </si>
  <si>
    <t>ec25a678-006f-4a1b-9913-affed9a57a2b.tmp</t>
  </si>
  <si>
    <t>\\acsfs\profiles$\ANAPDSB\Downloads\ec25a678-006f-4a1b-9913-affed9a57a2b.tmp</t>
  </si>
  <si>
    <t>01/15/2020 08:02:50</t>
  </si>
  <si>
    <t>01/15/2020 08:03:54</t>
  </si>
  <si>
    <t>7b80fbbc-3cc9-4768-8cd1-7eaf8496dbae.tmp</t>
  </si>
  <si>
    <t>\\acsfs\profiles$\ANAPDSB\Downloads\7b80fbbc-3cc9-4768-8cd1-7eaf8496dbae.tmp</t>
  </si>
  <si>
    <t>01/15/2020 08:02:58</t>
  </si>
  <si>
    <t>01/15/2020 08:06:46</t>
  </si>
  <si>
    <t>8c58eb35-cc04-4485-a611-a80487f7ac45.tmp</t>
  </si>
  <si>
    <t>\\acsfs\profiles$\milenaas\Downloads\8c58eb35-cc04-4485-a611-a80487f7ac45.tmp</t>
  </si>
  <si>
    <t>01/15/2020 08:04:48</t>
  </si>
  <si>
    <t>dd2a1e41-abd8-4291-a96b-fb2c258b6caf.tmp</t>
  </si>
  <si>
    <t>\\acsfs\profiles$\milenaas\Downloads\dd2a1e41-abd8-4291-a96b-fb2c258b6caf.tmp</t>
  </si>
  <si>
    <t>01/15/2020 08:05:10</t>
  </si>
  <si>
    <t>a5bd2532-b105-49dd-b535-5c1890b31b64.tmp</t>
  </si>
  <si>
    <t>\\acsfs\profiles$\milenaas\Downloads\a5bd2532-b105-49dd-b535-5c1890b31b64.tmp</t>
  </si>
  <si>
    <t>lu1559610ndwp.tmp</t>
  </si>
  <si>
    <t>\\acsfs\profiles$\jonathanwap\lu1559610ndwp.tmp</t>
  </si>
  <si>
    <t>\\acsfs\profiles$\jonathanwap\lu1559610ndwp.tmp\</t>
  </si>
  <si>
    <t>\\acsfs\profiles$\jonathanwap\lu1559610ndwp.tmp\META-INF\</t>
  </si>
  <si>
    <t>\\acsfs\profiles$\jonathanwap\lu1559610ndwp.tmp\Thumbnails\</t>
  </si>
  <si>
    <t>01/15/2020 08:04:35</t>
  </si>
  <si>
    <t>01/15/2020 08:09:46</t>
  </si>
  <si>
    <t>3ec0c05e-3f8c-44a7-a2c5-5cd436660094.tmp</t>
  </si>
  <si>
    <t>\\acsfs\profiles$\nayarasds\Downloads\3ec0c05e-3f8c-44a7-a2c5-5cd436660094.tmp</t>
  </si>
  <si>
    <t>01/15/2020 08:05:24</t>
  </si>
  <si>
    <t>84092fb7-a198-4043-8394-b682ea81c1ce.tmp</t>
  </si>
  <si>
    <t>\\acsfs\profiles$\nayarasds\Downloads\84092fb7-a198-4043-8394-b682ea81c1ce.tmp</t>
  </si>
  <si>
    <t>01/15/2020 08:07:31</t>
  </si>
  <si>
    <t>5ec8456e-fe9d-43e6-92ff-fe9c0cc40bcc.tmp</t>
  </si>
  <si>
    <t>\\acsfs\profiles$\nayarasds\Downloads\5ec8456e-fe9d-43e6-92ff-fe9c0cc40bcc.tmp</t>
  </si>
  <si>
    <t>01/15/2020 08:07:36</t>
  </si>
  <si>
    <t>1db0183e-8e0a-4f9c-a02b-0ce74be15c00.tmp</t>
  </si>
  <si>
    <t>\\acsfs\profiles$\nayarasds\Downloads\1db0183e-8e0a-4f9c-a02b-0ce74be15c00.tmp</t>
  </si>
  <si>
    <t>01/15/2020 08:03:55</t>
  </si>
  <si>
    <t>01/15/2020 08:04:13</t>
  </si>
  <si>
    <t>01/15/2020 08:04:22</t>
  </si>
  <si>
    <t>01/15/2020 08:04:25</t>
  </si>
  <si>
    <t>01/15/2020 08:04:27</t>
  </si>
  <si>
    <t>01/15/2020 08:04:30</t>
  </si>
  <si>
    <t>01/15/2020 08:04:34</t>
  </si>
  <si>
    <t>01/15/2020 08:05:05</t>
  </si>
  <si>
    <t>01/15/2020 08:05:07</t>
  </si>
  <si>
    <t>01/15/2020 08:05:34</t>
  </si>
  <si>
    <t>01/15/2020 08:06:34</t>
  </si>
  <si>
    <t>01/15/2020 08:07:34</t>
  </si>
  <si>
    <t>01/15/2020 08:08:11</t>
  </si>
  <si>
    <t>01/15/2020 08:08:13</t>
  </si>
  <si>
    <t>01/15/2020 08:08:17</t>
  </si>
  <si>
    <t>01/15/2020 08:08:27</t>
  </si>
  <si>
    <t>01/15/2020 08:08:38</t>
  </si>
  <si>
    <t>01/15/2020 08:08:40</t>
  </si>
  <si>
    <t>01/15/2020 08:10:46</t>
  </si>
  <si>
    <t>01/15/2020 08:05:43</t>
  </si>
  <si>
    <t>01/15/2020 08:06:43</t>
  </si>
  <si>
    <t>01/15/2020 08:07:43</t>
  </si>
  <si>
    <t>01/15/2020 08:08:43</t>
  </si>
  <si>
    <t>01/15/2020 08:08:33</t>
  </si>
  <si>
    <t>01/15/2020 08:08:34</t>
  </si>
  <si>
    <t>lu11608y3ziv.tmp</t>
  </si>
  <si>
    <t>\\acsfs\profiles$\VIVIANALDS\My Documents\lu11608y3ziv.tmp</t>
  </si>
  <si>
    <t>\\acsfs\profiles$\VIVIANALDS\My Documents\lu11608y3ziv.tmp\</t>
  </si>
  <si>
    <t>\\acsfs\profiles$\VIVIANALDS\My Documents\lu11608y3ziv.tmp\META-INF\</t>
  </si>
  <si>
    <t>\\acsfs\profiles$\VIVIANALDS\My Documents\lu11608y3ziv.tmp\Thumbnails\</t>
  </si>
  <si>
    <t>01/15/2020 08:08:47</t>
  </si>
  <si>
    <t>lu11608y3ziz.tmp</t>
  </si>
  <si>
    <t>\\acsfs\profiles$\VIVIANALDS\My Documents\lu11608y3ziz.tmp</t>
  </si>
  <si>
    <t>\\acsfs\profiles$\VIVIANALDS\My Documents\lu11608y3ziz.tmp\</t>
  </si>
  <si>
    <t>\\acsfs\profiles$\VIVIANALDS\My Documents\lu11608y3ziz.tmp\META-INF\</t>
  </si>
  <si>
    <t>\\acsfs\profiles$\VIVIANALDS\My Documents\lu11608y3ziz.tmp\Thumbnails\</t>
  </si>
  <si>
    <t>01/15/2020 08:08:51</t>
  </si>
  <si>
    <t>01/15/2020 08:08:52</t>
  </si>
  <si>
    <t>lu11608y3zj3.tmp</t>
  </si>
  <si>
    <t>\\acsfs\profiles$\VIVIANALDS\My Documents\lu11608y3zj3.tmp</t>
  </si>
  <si>
    <t>\\acsfs\profiles$\VIVIANALDS\My Documents\lu11608y3zj3.tmp\</t>
  </si>
  <si>
    <t>\\acsfs\profiles$\VIVIANALDS\My Documents\lu11608y3zj3.tmp\META-INF\</t>
  </si>
  <si>
    <t>\\acsfs\profiles$\VIVIANALDS\My Documents\lu11608y3zj3.tmp\Thumbnails\</t>
  </si>
  <si>
    <t>01/15/2020 08:06:21</t>
  </si>
  <si>
    <t>01/15/2020 08:11:46</t>
  </si>
  <si>
    <t>01/15/2020 08:10:51</t>
  </si>
  <si>
    <t>01/15/2020 08:10:41</t>
  </si>
  <si>
    <t>01/15/2020 08:12:46</t>
  </si>
  <si>
    <t>8a3668db-54ee-4c3d-b3a5-bdc066f656f1.tmp</t>
  </si>
  <si>
    <t>\\acsfs\profiles$\ayalabfi\Downloads\8a3668db-54ee-4c3d-b3a5-bdc066f656f1.tmp</t>
  </si>
  <si>
    <t>01/15/2020 08:10:42</t>
  </si>
  <si>
    <t>89b87a46-9e5f-4a5d-bb72-41b3a5f2af2f.tmp</t>
  </si>
  <si>
    <t>\\acsfs\profiles$\ayalabfi\Downloads\89b87a46-9e5f-4a5d-bb72-41b3a5f2af2f.tmp</t>
  </si>
  <si>
    <t>01/15/2020 08:10:44</t>
  </si>
  <si>
    <t>bb818218-9942-40fc-8660-1f090e1a0d18.tmp</t>
  </si>
  <si>
    <t>\\acsfs\profiles$\ayalabfi\Downloads\bb818218-9942-40fc-8660-1f090e1a0d18.tmp</t>
  </si>
  <si>
    <t>01/15/2020 08:07:40</t>
  </si>
  <si>
    <t>17599292-68e3-4a0f-a669-8a2d817fffec.tmp</t>
  </si>
  <si>
    <t>\\acsfs\profiles$\THYAGOSP\Downloads\17599292-68e3-4a0f-a669-8a2d817fffec.tmp</t>
  </si>
  <si>
    <t>01/15/2020 08:08:37</t>
  </si>
  <si>
    <t>47a0f333-4a1e-490a-a1d5-f4021415aeb3.tmp</t>
  </si>
  <si>
    <t>\\acsfs\profiles$\THYAGOSP\Downloads\47a0f333-4a1e-490a-a1d5-f4021415aeb3.tmp</t>
  </si>
  <si>
    <t>01/15/2020 08:08:46</t>
  </si>
  <si>
    <t>4915e509-fbad-4fdd-ad2b-e09a8c6e5958.tmp</t>
  </si>
  <si>
    <t>\\acsfs\profiles$\THYAGOSP\Downloads\4915e509-fbad-4fdd-ad2b-e09a8c6e5958.tmp</t>
  </si>
  <si>
    <t>01/15/2020 08:09:48</t>
  </si>
  <si>
    <t>dc4d24c5-1adf-4d48-888a-dc3b3a27630f.tmp</t>
  </si>
  <si>
    <t>\\acsfs\profiles$\THYAGOSP\Downloads\dc4d24c5-1adf-4d48-888a-dc3b3a27630f.tmp</t>
  </si>
  <si>
    <t>01/15/2020 08:09:24</t>
  </si>
  <si>
    <t>01/15/2020 08:08:57</t>
  </si>
  <si>
    <t>01/15/2020 08:13:46</t>
  </si>
  <si>
    <t>6bb06a26-6af9-4a70-aa42-2a1d0c29d50e.tmp</t>
  </si>
  <si>
    <t>\\acsfs\profiles$\rafaelahpn\Downloads\6bb06a26-6af9-4a70-aa42-2a1d0c29d50e.tmp</t>
  </si>
  <si>
    <t>01/15/2020 08:09:03</t>
  </si>
  <si>
    <t>e28cc9aa-edda-4e28-a266-cb2a6f024694.tmp</t>
  </si>
  <si>
    <t>\\acsfs\profiles$\rafaelahpn\Downloads\e28cc9aa-edda-4e28-a266-cb2a6f024694.tmp</t>
  </si>
  <si>
    <t>01/15/2020 08:12:30</t>
  </si>
  <si>
    <t>642d32e3-1b15-4cde-b12d-ee98027201a2.tmp</t>
  </si>
  <si>
    <t>\\acsfs\profiles$\rafaelahpn\Downloads\642d32e3-1b15-4cde-b12d-ee98027201a2.tmp</t>
  </si>
  <si>
    <t>01/15/2020 08:09:50</t>
  </si>
  <si>
    <t>01/15/2020 08:14:46</t>
  </si>
  <si>
    <t>c06cd1b7-31ff-4d37-a00d-835b2dd24c05.tmp</t>
  </si>
  <si>
    <t>\\acsfs\profiles$\gabrielaff\Downloads\c06cd1b7-31ff-4d37-a00d-835b2dd24c05.tmp</t>
  </si>
  <si>
    <t>01/15/2020 08:10:53</t>
  </si>
  <si>
    <t>aab96370-eea8-4a40-940b-1dbb75a92b1f.tmp</t>
  </si>
  <si>
    <t>\\acsfs\profiles$\gabrielaff\Downloads\aab96370-eea8-4a40-940b-1dbb75a92b1f.tmp</t>
  </si>
  <si>
    <t>01/15/2020 08:13:34</t>
  </si>
  <si>
    <t>7f2db561-436d-4df6-a07b-280657b0d646.tmp</t>
  </si>
  <si>
    <t>\\acsfs\profiles$\gabrielaff\Downloads\7f2db561-436d-4df6-a07b-280657b0d646.tmp</t>
  </si>
  <si>
    <t>01/15/2020 08:09:38</t>
  </si>
  <si>
    <t>01/15/2020 08:10:05</t>
  </si>
  <si>
    <t>01/15/2020 08:10:38</t>
  </si>
  <si>
    <t>01/15/2020 08:11:38</t>
  </si>
  <si>
    <t>01/15/2020 08:12:38</t>
  </si>
  <si>
    <t>01/15/2020 08:13:38</t>
  </si>
  <si>
    <t>01/15/2020 08:10:43</t>
  </si>
  <si>
    <t>01/15/2020 08:11:43</t>
  </si>
  <si>
    <t>01/15/2020 08:12:43</t>
  </si>
  <si>
    <t>01/15/2020 08:15:46</t>
  </si>
  <si>
    <t>01/15/2020 08:12:03</t>
  </si>
  <si>
    <t>01/15/2020 08:12:41</t>
  </si>
  <si>
    <t>01/15/2020 08:14:33</t>
  </si>
  <si>
    <t>01/15/2020 08:10:55</t>
  </si>
  <si>
    <t>01/15/2020 08:13:00</t>
  </si>
  <si>
    <t>01/15/2020 08:13:23</t>
  </si>
  <si>
    <t>01/15/2020 08:14:02</t>
  </si>
  <si>
    <t>01/15/2020 08:14:05</t>
  </si>
  <si>
    <t>01/15/2020 08:15:14</t>
  </si>
  <si>
    <t>01/15/2020 08:11:21</t>
  </si>
  <si>
    <t>01/15/2020 08:16:46</t>
  </si>
  <si>
    <t>01/15/2020 08:11:51</t>
  </si>
  <si>
    <t>01/15/2020 08:12:21</t>
  </si>
  <si>
    <t>01/15/2020 08:12:51</t>
  </si>
  <si>
    <t>01/15/2020 08:13:51</t>
  </si>
  <si>
    <t>01/15/2020 08:14:21</t>
  </si>
  <si>
    <t>01/15/2020 08:14:51</t>
  </si>
  <si>
    <t>01/15/2020 08:15:21</t>
  </si>
  <si>
    <t>01/15/2020 08:15:51</t>
  </si>
  <si>
    <t>01/15/2020 08:15:13</t>
  </si>
  <si>
    <t>edea4745-b26a-4079-b799-e1a39f1fe15a.tmp</t>
  </si>
  <si>
    <t>\\acsfs\profiles$\LUCASNS\Downloads\edea4745-b26a-4079-b799-e1a39f1fe15a.tmp</t>
  </si>
  <si>
    <t>01/15/2020 08:15:41</t>
  </si>
  <si>
    <t>19422e5a-1ae5-4c40-8a09-cabb3e7c39b7.tmp</t>
  </si>
  <si>
    <t>\\acsfs\profiles$\LUCASNS\Downloads\19422e5a-1ae5-4c40-8a09-cabb3e7c39b7.tmp</t>
  </si>
  <si>
    <t>01/15/2020 08:16:00</t>
  </si>
  <si>
    <t>01/15/2020 08:17:46</t>
  </si>
  <si>
    <t>20e3fe12-4b8a-4ab9-ae18-71123caef85b.tmp</t>
  </si>
  <si>
    <t>\\acsfs\profiles$\antoniosva\Downloads\20e3fe12-4b8a-4ab9-ae18-71123caef85b.tmp</t>
  </si>
  <si>
    <t>01/15/2020 08:16:38</t>
  </si>
  <si>
    <t>fb167b9e-55a0-475d-b07e-bbaeed730a58.tmp</t>
  </si>
  <si>
    <t>\\acsfs\profiles$\antoniosva\Downloads\fb167b9e-55a0-475d-b07e-bbaeed730a58.tmp</t>
  </si>
  <si>
    <t>01/15/2020 08:12:11</t>
  </si>
  <si>
    <t>5ad57eca-5eee-4d89-8430-0c8b89b66b25.tmp</t>
  </si>
  <si>
    <t>\\acsfs\profiles$\ayalabfi\Downloads\5ad57eca-5eee-4d89-8430-0c8b89b66b25.tmp</t>
  </si>
  <si>
    <t>396aa499-cde0-4fe6-bbf7-6703dc830625.tmp</t>
  </si>
  <si>
    <t>\\acsfs\profiles$\ayalabfi\Downloads\396aa499-cde0-4fe6-bbf7-6703dc830625.tmp</t>
  </si>
  <si>
    <t>10.200.66.17</t>
  </si>
  <si>
    <t>01/15/2020 08:18:46</t>
  </si>
  <si>
    <t>40d47b3b-766d-4b4e-b270-44f8a6735631.tmp</t>
  </si>
  <si>
    <t>\\acsfs\profiles$\wenderbnm\Downloads\40d47b3b-766d-4b4e-b270-44f8a6735631.tmp</t>
  </si>
  <si>
    <t>01/15/2020 08:15:02</t>
  </si>
  <si>
    <t>b6b4368a-5ff2-4132-86c3-7bca48950682.tmp</t>
  </si>
  <si>
    <t>\\acsfs\profiles$\wenderbnm\Downloads\b6b4368a-5ff2-4132-86c3-7bca48950682.tmp</t>
  </si>
  <si>
    <t>01/15/2020 08:14:38</t>
  </si>
  <si>
    <t>01/15/2020 08:19:46</t>
  </si>
  <si>
    <t>01/15/2020 08:15:05</t>
  </si>
  <si>
    <t>01/15/2020 08:15:38</t>
  </si>
  <si>
    <t>01/15/2020 08:17:07</t>
  </si>
  <si>
    <t>01/15/2020 08:17:08</t>
  </si>
  <si>
    <t>01/15/2020 08:17:38</t>
  </si>
  <si>
    <t>01/15/2020 08:18:38</t>
  </si>
  <si>
    <t>01/15/2020 08:20:46</t>
  </si>
  <si>
    <t>01/15/2020 08:16:42</t>
  </si>
  <si>
    <t>01/15/2020 08:21:46</t>
  </si>
  <si>
    <t>145ae221-0d0e-439c-ac12-e42832b17645.tmp</t>
  </si>
  <si>
    <t>\\acsfs\profiles$\PEDROHAB\Downloads\145ae221-0d0e-439c-ac12-e42832b17645.tmp</t>
  </si>
  <si>
    <t>01/15/2020 08:17:19</t>
  </si>
  <si>
    <t>f0f2d159-0aac-47a1-b41a-e2393a50487c.tmp</t>
  </si>
  <si>
    <t>\\acsfs\profiles$\PEDROHAB\Downloads\f0f2d159-0aac-47a1-b41a-e2393a50487c.tmp</t>
  </si>
  <si>
    <t>01/15/2020 08:17:03</t>
  </si>
  <si>
    <t>e0795c2f-8df2-4980-b113-b3b6594732c5.tmp</t>
  </si>
  <si>
    <t>\\acsfs\profiles$\quindaizaagds\Downloads\e0795c2f-8df2-4980-b113-b3b6594732c5.tmp</t>
  </si>
  <si>
    <t>lu1559610ndwu.tmp</t>
  </si>
  <si>
    <t>\\acsfs\profiles$\jonathanwap\lu1559610ndwu.tmp</t>
  </si>
  <si>
    <t>\\acsfs\profiles$\jonathanwap\lu1559610ndwu.tmp\</t>
  </si>
  <si>
    <t>\\acsfs\profiles$\jonathanwap\lu1559610ndwu.tmp\META-INF\</t>
  </si>
  <si>
    <t>\\acsfs\profiles$\jonathanwap\lu1559610ndwu.tmp\Thumbnails\</t>
  </si>
  <si>
    <t>01/15/2020 08:16:59</t>
  </si>
  <si>
    <t>01/15/2020 08:22:46</t>
  </si>
  <si>
    <t>035e3955-de3e-438c-863f-0941bc166fb5.tmp</t>
  </si>
  <si>
    <t>\\acsfs\profiles$\antoniosva\Downloads\035e3955-de3e-438c-863f-0941bc166fb5.tmp</t>
  </si>
  <si>
    <t>01/15/2020 08:17:49</t>
  </si>
  <si>
    <t>57d38a00-70fa-47f0-972a-0bc6c13c242f.tmp</t>
  </si>
  <si>
    <t>\\acsfs\profiles$\antoniosva\Downloads\57d38a00-70fa-47f0-972a-0bc6c13c242f.tmp</t>
  </si>
  <si>
    <t>01/15/2020 08:17:54</t>
  </si>
  <si>
    <t>3efc5c9f-2ea6-4bf5-ac04-adaf9a988451.tmp</t>
  </si>
  <si>
    <t>\\acsfs\profiles$\antoniosva\Downloads\3efc5c9f-2ea6-4bf5-ac04-adaf9a988451.tmp</t>
  </si>
  <si>
    <t>01/15/2020 08:19:18</t>
  </si>
  <si>
    <t>af2202f1-93d4-4a1c-88cf-6f93d5e9ab46.tmp</t>
  </si>
  <si>
    <t>\\acsfs\profiles$\antoniosva\Downloads\af2202f1-93d4-4a1c-88cf-6f93d5e9ab46.tmp</t>
  </si>
  <si>
    <t>01/15/2020 08:18:15</t>
  </si>
  <si>
    <t>mail.google.com/sync/u/0/i/s?hl=pt-BR&amp;c=151</t>
  </si>
  <si>
    <t>01/15/2020 08:18:39</t>
  </si>
  <si>
    <t>01/15/2020 08:19:16</t>
  </si>
  <si>
    <t>01/15/2020 08:19:43</t>
  </si>
  <si>
    <t>01/15/2020 08:21:02</t>
  </si>
  <si>
    <t>01/15/2020 08:23:47</t>
  </si>
  <si>
    <t>b6fbfe2e-8962-46de-974e-6511e8080248.tmp</t>
  </si>
  <si>
    <t>\\acsfs\profiles$\rafaelahpn\Downloads\b6fbfe2e-8962-46de-974e-6511e8080248.tmp</t>
  </si>
  <si>
    <t>01/15/2020 08:22:44</t>
  </si>
  <si>
    <t>5606f604-b411-46fc-9741-89fd88e7b344.tmp</t>
  </si>
  <si>
    <t>\\acsfs\profiles$\rafaelahpn\Downloads\5606f604-b411-46fc-9741-89fd88e7b344.tmp</t>
  </si>
  <si>
    <t>01/15/2020 08:23:01</t>
  </si>
  <si>
    <t>mail.google.com/sync/u/0/i/s?hl=pt-BR&amp;c=2192</t>
  </si>
  <si>
    <t>_x0003_���_x001C_x�*x_x0006_��e`y_x000E_;"[[];"mozilla/5.0 (windows nt 6.1) applewebkit/537.36 (khtml;0;0];0]";0]22] �_x0003_�_x0006_(�?_x0007_�=�_x0006_9995;0]];0]l;0]ll;0]ribedchildren;0]}ls;1;1253;13;13700014;13700109;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539161\;1578915882896000;1578915886959000;1578923371630\;1578930052848000;1578930058554000;1578930666787;1578940598260;1579002887516;1579004392649;1579014326512;1579030649468;1579037922075\;1579037922677\;1579037932305;17;1]]";1ya5yrwelrso-yxib3ctz0mdjsqkh2uffmn2kfrmynlkfp2vhk5vxrjlyzc1nx1i8</t>
  </si>
  <si>
    <t>_x0003_���_x001C_x�*x_x0006_��e`y_x000E_,"[[],"mozilla/5.0 (windows nt 6.1) applewebkit/537.36 (khtml,0,0],0]",0]22] �_x0003_�_x0006_(�?_x0007_�=�_x0006_9995,0]],0]l,0]ll,0]ribedchildren,0]}ls,1,1253,13,13700014,13700109,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539161\,1578915882896000,1578915886959000,1578923371630\,1578930052848000,1578930058554000,1578930666787,1578940598260,1579002887516,1579004392649,1579014326512,1579030649468,1579037922075\,1579037922677\,1579037932305,17,1]]",1ya5yrwelrso-yxib3ctz0mdjsqkh2uffmn2kfrmynlkfp2vhk5vxrjlyzc1nx1i8</t>
  </si>
  <si>
    <t>01/15/2020 08:19:02</t>
  </si>
  <si>
    <t>836f7697-9fc4-4b76-bda4-c551875613b9.tmp</t>
  </si>
  <si>
    <t>\\acsfs\profiles$\vivianealda\Downloads\836f7697-9fc4-4b76-bda4-c551875613b9.tmp</t>
  </si>
  <si>
    <t>01/15/2020 08:23:45</t>
  </si>
  <si>
    <t>01/15/2020 08:24:46</t>
  </si>
  <si>
    <t>20e6966e-f6f9-4b36-b956-d5ce8e48270f.tmp</t>
  </si>
  <si>
    <t>\\acsfs\profiles$\larissaad\Downloads\20e6966e-f6f9-4b36-b956-d5ce8e48270f.tmp</t>
  </si>
  <si>
    <t>01/15/2020 08:19:38</t>
  </si>
  <si>
    <t>01/15/2020 08:20:05</t>
  </si>
  <si>
    <t>01/15/2020 08:20:38</t>
  </si>
  <si>
    <t>01/15/2020 08:21:38</t>
  </si>
  <si>
    <t>01/15/2020 08:22:38</t>
  </si>
  <si>
    <t>01/15/2020 08:23:38</t>
  </si>
  <si>
    <t>01/15/2020 08:21:42</t>
  </si>
  <si>
    <t>bvs-centralcartoes@bv.com.br;cintia.souza-domingues@dxc.com;eduardo.santana@bv.com.br;fernandorsju@algartech.com;kesiadof@algartech.com;marianeps@algartech.com;talmaiardo@algartech.com;thiagordu@algartech.com;</t>
  </si>
  <si>
    <t>bvs-centralcartoes@bv.com.br,cintia.souza-domingues@dxc.com,eduardo.santana@bv.com.br,fernandorsju@algartech.com,kesiadof@algartech.com,marianeps@algartech.com,talmaiardo@algartech.com,thiagordu@algartech.com</t>
  </si>
  <si>
    <t>01/15/2020 08:21:52</t>
  </si>
  <si>
    <t>01/15/2020 08:21:59</t>
  </si>
  <si>
    <t>01/15/2020 08:22:03</t>
  </si>
  <si>
    <t>01/15/2020 08:22:07</t>
  </si>
  <si>
    <t>01/15/2020 08:22:08</t>
  </si>
  <si>
    <t>01/15/2020 08:23:03</t>
  </si>
  <si>
    <t>ae54af4e-95fd-4830-a805-c7b6dfe14873.tmp</t>
  </si>
  <si>
    <t>\\acsfs\profiles$\felipetds\Downloads\ae54af4e-95fd-4830-a805-c7b6dfe14873.tmp</t>
  </si>
  <si>
    <t>01/15/2020 08:25:47</t>
  </si>
  <si>
    <t>01/15/2020 08:22:36</t>
  </si>
  <si>
    <t>100014123564284;katia.cardoso@bv.com.br;</t>
  </si>
  <si>
    <t>https://100014123564284,katia.cardoso@bv.com.br</t>
  </si>
  <si>
    <t>01/15/2020 08:24:03</t>
  </si>
  <si>
    <t>01/15/2020 08:23:46</t>
  </si>
  <si>
    <t>01/15/2020 08:26:46</t>
  </si>
  <si>
    <t>67a380f0-bccb-4f45-b452-0545afa8eb8a.tmp</t>
  </si>
  <si>
    <t>\\acsfs\profiles$\quindaizaagds\Downloads\67a380f0-bccb-4f45-b452-0545afa8eb8a.tmp</t>
  </si>
  <si>
    <t>01/15/2020 08:24:23</t>
  </si>
  <si>
    <t>01/15/2020 08:23:08</t>
  </si>
  <si>
    <t>01/15/2020 08:27:47</t>
  </si>
  <si>
    <t>\\acsfs\Deptos\EDUCACAO EMPRESARIAL\KÉSIA\LAUDO.docx\</t>
  </si>
  <si>
    <t>image1.wmf</t>
  </si>
  <si>
    <t>\\acsfs\Deptos\EDUCACAO EMPRESARIAL\KÉSIA\LAUDO.docx</t>
  </si>
  <si>
    <t>image2.wmf</t>
  </si>
  <si>
    <t>LAUDO.docx</t>
  </si>
  <si>
    <t>01/15/2020 08:27:00</t>
  </si>
  <si>
    <t>Lucasgpe</t>
  </si>
  <si>
    <t>d511645c-f6fe-4b6d-bea4-ac4b701c63bc.tmp</t>
  </si>
  <si>
    <t>\\acsfs\profiles$\lucasgpe\Downloads\d511645c-f6fe-4b6d-bea4-ac4b701c63bc.tmp</t>
  </si>
  <si>
    <t>01/15/2020 08:25:26</t>
  </si>
  <si>
    <t>6bd4ba48-629a-44b3-af2a-ee1eacc75a8c.tmp</t>
  </si>
  <si>
    <t>\\acsfs\profiles$\geovannasm\Downloads\6bd4ba48-629a-44b3-af2a-ee1eacc75a8c.tmp</t>
  </si>
  <si>
    <t>01/15/2020 08:22:34</t>
  </si>
  <si>
    <t>2f197a35-c9bd-429c-9d3c-98081f765c04.tmp</t>
  </si>
  <si>
    <t>\\acsfs\profiles$\victoriaksr\Downloads\2f197a35-c9bd-429c-9d3c-98081f765c04.tmp</t>
  </si>
  <si>
    <t>01/15/2020 08:22:43</t>
  </si>
  <si>
    <t>2c4f534a-cfc0-4769-846a-c8e48e3d00b1.tmp</t>
  </si>
  <si>
    <t>\\acsfs\profiles$\victoriaksr\Downloads\2c4f534a-cfc0-4769-846a-c8e48e3d00b1.tmp</t>
  </si>
  <si>
    <t>01/15/2020 08:24:21</t>
  </si>
  <si>
    <t>617604a5-6a7d-480d-9d38-fda6444860a1.tmp</t>
  </si>
  <si>
    <t>\\acsfs\profiles$\victoriaksr\Downloads\617604a5-6a7d-480d-9d38-fda6444860a1.tmp</t>
  </si>
  <si>
    <t>01/15/2020 08:24:48</t>
  </si>
  <si>
    <t>d6f1fed5-9b30-44ba-9f83-e25e289e713c.tmp</t>
  </si>
  <si>
    <t>\\acsfs\profiles$\victoriaksr\Downloads\d6f1fed5-9b30-44ba-9f83-e25e289e713c.tmp</t>
  </si>
  <si>
    <t>01/15/2020 08:26:34</t>
  </si>
  <si>
    <t>01/15/2020 08:28:46</t>
  </si>
  <si>
    <t>1f875fd5-589d-4c6b-8bb7-1268c73334f0.tmp</t>
  </si>
  <si>
    <t>\\acsfs\profiles$\rafaelahpn\Downloads\1f875fd5-589d-4c6b-8bb7-1268c73334f0.tmp</t>
  </si>
  <si>
    <t>01/15/2020 08:28:15</t>
  </si>
  <si>
    <t>01/15/2020 08:29:46</t>
  </si>
  <si>
    <t>c9ab0420-e3ac-434e-9f58-93a57c528db6.tmp</t>
  </si>
  <si>
    <t>\\acsfs\profiles$\larissaad\Downloads\c9ab0420-e3ac-434e-9f58-93a57c528db6.tmp</t>
  </si>
  <si>
    <t>01/15/2020 08:25:56</t>
  </si>
  <si>
    <t>7cc18d32-310e-47b7-b046-9d84a2e94f81.tmp</t>
  </si>
  <si>
    <t>\\acsfs\profiles$\KARENDSR\Downloads\7cc18d32-310e-47b7-b046-9d84a2e94f81.tmp</t>
  </si>
  <si>
    <t>01/15/2020 08:26:22</t>
  </si>
  <si>
    <t>6ee89adc-2b08-43eb-98a6-8e6e4dda3712.tmp</t>
  </si>
  <si>
    <t>\\acsfs\profiles$\KARENDSR\Downloads\6ee89adc-2b08-43eb-98a6-8e6e4dda3712.tmp</t>
  </si>
  <si>
    <t>01/15/2020 08:26:44</t>
  </si>
  <si>
    <t>782ea154-1683-4c0b-9bea-f12fed5ec85a.tmp</t>
  </si>
  <si>
    <t>\\acsfs\profiles$\KARENDSR\Downloads\782ea154-1683-4c0b-9bea-f12fed5ec85a.tmp</t>
  </si>
  <si>
    <t>01/15/2020 08:26:47</t>
  </si>
  <si>
    <t>06103da3-242a-490e-9e6d-8bb29bdb85e2.tmp</t>
  </si>
  <si>
    <t>\\acsfs\profiles$\KARENDSR\Downloads\06103da3-242a-490e-9e6d-8bb29bdb85e2.tmp</t>
  </si>
  <si>
    <t>01/15/2020 08:28:17</t>
  </si>
  <si>
    <t>672ecb88-46f6-4952-864a-c2c0cfec8d13.tmp</t>
  </si>
  <si>
    <t>\\acsfs\profiles$\KARENDSR\Downloads\672ecb88-46f6-4952-864a-c2c0cfec8d13.tmp</t>
  </si>
  <si>
    <t>01/15/2020 08:24:38</t>
  </si>
  <si>
    <t>01/15/2020 08:25:05</t>
  </si>
  <si>
    <t>01/15/2020 08:25:38</t>
  </si>
  <si>
    <t>01/15/2020 08:26:38</t>
  </si>
  <si>
    <t>01/15/2020 08:27:38</t>
  </si>
  <si>
    <t>01/15/2020 08:28:39</t>
  </si>
  <si>
    <t>\\acsfs\Deptos\EDUCACAO EMPRESARIAL\FERNANDA MONIT\Fernanda\RECLAMAÇÃO E OUVIDORIA\</t>
  </si>
  <si>
    <t>BACEN_RECLAMAÇÕES - FERNANDA 15-01.xlsx</t>
  </si>
  <si>
    <t>\\acsfs\Deptos\EDUCACAO EMPRESARIAL\FERNANDA MONIT\Fernanda\RECLAMAÇÃO E OUVIDORIA\BACEN_RECLAMAÇÕES - FERNANDA 15-01.xlsx</t>
  </si>
  <si>
    <t>01/15/2020 08:26:53</t>
  </si>
  <si>
    <t>01/15/2020 08:27:10</t>
  </si>
  <si>
    <t>01/15/2020 08:30:45</t>
  </si>
  <si>
    <t>01/15/2020 08:30:19</t>
  </si>
  <si>
    <t>4727f365-3705-4715-9dcf-eece16399b86.tmp</t>
  </si>
  <si>
    <t>\\acsfs\profiles$\ERICALSR\Downloads\4727f365-3705-4715-9dcf-eece16399b86.tmp</t>
  </si>
  <si>
    <t>01/15/2020 08:29:53</t>
  </si>
  <si>
    <t>2d1263ab-0cdf-4780-9454-c8a46dcae0fc.tmp</t>
  </si>
  <si>
    <t>\\acsfs\profiles$\mariajra\Downloads\2d1263ab-0cdf-4780-9454-c8a46dcae0fc.tmp</t>
  </si>
  <si>
    <t>01/15/2020 08:26:51</t>
  </si>
  <si>
    <t>01/15/2020 08:31:46</t>
  </si>
  <si>
    <t>01/15/2020 08:27:21</t>
  </si>
  <si>
    <t>01/15/2020 08:27:51</t>
  </si>
  <si>
    <t>01/15/2020 08:29:21</t>
  </si>
  <si>
    <t>01/15/2020 08:27:29</t>
  </si>
  <si>
    <t>429b457f-b22e-4fec-9433-dafc3a3d5323.tmp</t>
  </si>
  <si>
    <t>\\acsfs\profiles$\milenaas\Downloads\429b457f-b22e-4fec-9433-dafc3a3d5323.tmp</t>
  </si>
  <si>
    <t>01/15/2020 08:28:32</t>
  </si>
  <si>
    <t>cccb9ca0-dc0b-4071-9791-6cf0504f87b2.tmp</t>
  </si>
  <si>
    <t>\\acsfs\profiles$\PEDROHAB\Downloads\cccb9ca0-dc0b-4071-9791-6cf0504f87b2.tmp</t>
  </si>
  <si>
    <t>01/15/2020 08:29:13</t>
  </si>
  <si>
    <t>01/15/2020 08:32:47</t>
  </si>
  <si>
    <t>dc00caa5-ba61-4d28-bb65-3c2f5d934d55.tmp</t>
  </si>
  <si>
    <t>\\acsfs\profiles$\lucasgpe\Downloads\dc00caa5-ba61-4d28-bb65-3c2f5d934d55.tmp</t>
  </si>
  <si>
    <t>01/15/2020 08:30:57</t>
  </si>
  <si>
    <t>01/15/2020 08:28:28</t>
  </si>
  <si>
    <t>01/15/2020 08:33:46</t>
  </si>
  <si>
    <t>64dbe3b5-07c4-4f36-b0ee-3e1ec616bd4c.tmp</t>
  </si>
  <si>
    <t>\\acsfs\profiles$\claudiajca\Downloads\64dbe3b5-07c4-4f36-b0ee-3e1ec616bd4c.tmp</t>
  </si>
  <si>
    <t>01/15/2020 08:29:20</t>
  </si>
  <si>
    <t>01/15/2020 08:34:47</t>
  </si>
  <si>
    <t>6c858f12-e941-4150-8e26-8f1e9334457c.tmp</t>
  </si>
  <si>
    <t>\\acsfs\profiles$\larissaad\Downloads\6c858f12-e941-4150-8e26-8f1e9334457c.tmp</t>
  </si>
  <si>
    <t>01/15/2020 08:29:38</t>
  </si>
  <si>
    <t>01/15/2020 08:30:05</t>
  </si>
  <si>
    <t>01/15/2020 08:30:38</t>
  </si>
  <si>
    <t>01/15/2020 08:31:40</t>
  </si>
  <si>
    <t>01/15/2020 08:32:40</t>
  </si>
  <si>
    <t>01/15/2020 08:33:39</t>
  </si>
  <si>
    <t>01/15/2020 08:32:22</t>
  </si>
  <si>
    <t>e53b42d8-d216-4b17-93c6-2c91f7b818f0.tmp</t>
  </si>
  <si>
    <t>\\acsfs\profiles$\nataliacsl\Downloads\e53b42d8-d216-4b17-93c6-2c91f7b818f0.tmp</t>
  </si>
  <si>
    <t>01/15/2020 08:33:40</t>
  </si>
  <si>
    <t>11d04ba8-9384-4758-a85b-387aaaa61cad.tmp</t>
  </si>
  <si>
    <t>\\acsfs\profiles$\nataliacsl\Downloads\11d04ba8-9384-4758-a85b-387aaaa61cad.tmp</t>
  </si>
  <si>
    <t>01/15/2020 08:30:35</t>
  </si>
  <si>
    <t>2947274d-0593-4b2c-b183-b29760b1cfd3.tmp</t>
  </si>
  <si>
    <t>\\acsfs\profiles$\lorraynevam\Downloads\2947274d-0593-4b2c-b183-b29760b1cfd3.tmp</t>
  </si>
  <si>
    <t>01/15/2020 08:35:46</t>
  </si>
  <si>
    <t>01/15/2020 08:31:28</t>
  </si>
  <si>
    <t>01/15/2020 08:31:31</t>
  </si>
  <si>
    <t>01/15/2020 08:31:35</t>
  </si>
  <si>
    <t>01/15/2020 08:31:42</t>
  </si>
  <si>
    <t>01/15/2020 08:31:57</t>
  </si>
  <si>
    <t>01/15/2020 08:31:58</t>
  </si>
  <si>
    <t>01/15/2020 08:34:14</t>
  </si>
  <si>
    <t>bvcartes-supervisores@algarnet.onmicrosoft.com;joaogvc@algartech.com;leonardoao@algartech.com;marianadjc@algartech.com;paulacn@algartech.com;rafaelggs@algartech.com;ricardodfm@algartech.com.br;taysdss@algartech.com;viniciussg@algartech.com;</t>
  </si>
  <si>
    <t>bvcartes-supervisores@algarnet.onmicrosoft.com,joaogvc@algartech.com,leonardoao@algartech.com,marianadjc@algartech.com,paulacn@algartech.com,rafaelggs@algartech.com,ricardodfm@algartech.com.br,taysdss@algartech.com,viniciussg@algartech.com</t>
  </si>
  <si>
    <t>01/15/2020 08:35:06</t>
  </si>
  <si>
    <t>mail.google.com/sync/u/0/i/s?hl=pt-BR&amp;c=202</t>
  </si>
  <si>
    <t>01/15/2020 08:35:12</t>
  </si>
  <si>
    <t>01/15/2020 08:34:23</t>
  </si>
  <si>
    <t>01/15/2020 08:36:46</t>
  </si>
  <si>
    <t>14-01 RELATORIO DE LOGIN AVON.xlsm</t>
  </si>
  <si>
    <t>\\acsfs\deptos\Operacao\PCP\5 - Comum\CONTROL DESK\2 - DAC2\Control Desk AVON\Relatorios\Status de login\2020\14-01 RELATORIO DE LOGIN AVON.xlsm</t>
  </si>
  <si>
    <t>01/15/2020 08:31:25</t>
  </si>
  <si>
    <t>01/15/2020 08:35:41</t>
  </si>
  <si>
    <t>lu1559610ndwz.tmp</t>
  </si>
  <si>
    <t>\\acsfs\profiles$\jonathanwap\lu1559610ndwz.tmp</t>
  </si>
  <si>
    <t>\\acsfs\profiles$\jonathanwap\lu1559610ndwz.tmp\</t>
  </si>
  <si>
    <t>\\acsfs\profiles$\jonathanwap\lu1559610ndwz.tmp\META-INF\</t>
  </si>
  <si>
    <t>\\acsfs\profiles$\jonathanwap\lu1559610ndwz.tmp\Thumbnails\</t>
  </si>
  <si>
    <t>01/15/2020 08:34:51</t>
  </si>
  <si>
    <t>01/15/2020 08:34:52</t>
  </si>
  <si>
    <t>01/15/2020 08:37:12</t>
  </si>
  <si>
    <t>01/15/2020 08:37:46</t>
  </si>
  <si>
    <t>01/15/2020 08:37:13</t>
  </si>
  <si>
    <t>01/15/2020 08:32:53</t>
  </si>
  <si>
    <t>01/15/2020 08:36:06</t>
  </si>
  <si>
    <t>01/15/2020 08:36:07</t>
  </si>
  <si>
    <t>01/15/2020 08:36:08</t>
  </si>
  <si>
    <t>01/15/2020 08:36:09</t>
  </si>
  <si>
    <t>01/15/2020 08:36:10</t>
  </si>
  <si>
    <t>01/15/2020 08:36:11</t>
  </si>
  <si>
    <t>01/15/2020 08:36:12</t>
  </si>
  <si>
    <t>01/15/2020 08:36:13</t>
  </si>
  <si>
    <t>01/15/2020 08:36:14</t>
  </si>
  <si>
    <t>01/15/2020 08:36:15</t>
  </si>
  <si>
    <t>01/15/2020 08:36:16</t>
  </si>
  <si>
    <t>01/15/2020 08:38:46</t>
  </si>
  <si>
    <t>01/15/2020 08:36:17</t>
  </si>
  <si>
    <t>01/15/2020 08:36:18</t>
  </si>
  <si>
    <t>01/15/2020 08:36:19</t>
  </si>
  <si>
    <t>01/15/2020 08:36:45</t>
  </si>
  <si>
    <t>01/15/2020 08:39:47</t>
  </si>
  <si>
    <t>811aa1b9-fea2-4f07-a0d3-21fcac8cdfa5.tmp</t>
  </si>
  <si>
    <t>\\acsfs\profiles$\larissaad\Downloads\811aa1b9-fea2-4f07-a0d3-21fcac8cdfa5.tmp</t>
  </si>
  <si>
    <t>01/15/2020 08:34:38</t>
  </si>
  <si>
    <t>01/15/2020 08:35:05</t>
  </si>
  <si>
    <t>01/15/2020 08:35:17</t>
  </si>
  <si>
    <t>\\acsfs\ACS\001 - Qualidade Lilian\PAULO\</t>
  </si>
  <si>
    <t>01/15/2020 08:35:38</t>
  </si>
  <si>
    <t>01/15/2020 08:36:38</t>
  </si>
  <si>
    <t>01/15/2020 08:37:38</t>
  </si>
  <si>
    <t>01/15/2020 08:38:09</t>
  </si>
  <si>
    <t>01/15/2020 08:38:38</t>
  </si>
  <si>
    <t>01/15/2020 08:38:57</t>
  </si>
  <si>
    <t>01/15/2020 08:34:24</t>
  </si>
  <si>
    <t>4ff5a3a3-5104-4b71-9c47-efd67774447b.tmp</t>
  </si>
  <si>
    <t>\\acsfs\profiles$\lorraynevam\Downloads\4ff5a3a3-5104-4b71-9c47-efd67774447b.tmp</t>
  </si>
  <si>
    <t>01/15/2020 08:37:06</t>
  </si>
  <si>
    <t>01/15/2020 08:38:17</t>
  </si>
  <si>
    <t>https://hn.inspectlet.com/ginit/549012128</t>
  </si>
  <si>
    <t>01/15/2020 08:40:46</t>
  </si>
  <si>
    <t>01/15/2020 08:37:05</t>
  </si>
  <si>
    <t>01/15/2020 08:37:49</t>
  </si>
  <si>
    <t>100014123564284;joaogvc@algartech.com;katia.cardoso@bv.com.br;leonardoao@algartech.com;marianadjc@algartech.com;paulacn@algartech.com;rafaelggs@algartech.com;ricardodfm@algartech.com.br;taysdss@algartech.com;thiagordu@algartech.com;viniciussg@algartech.com;</t>
  </si>
  <si>
    <t>100014123564284,joaogvc@algartech.com,katia.cardoso@bv.com.br,leonardoao@algartech.com,marianadjc@algartech.com,paulacn@algartech.com,rafaelggs@algartech.com,ricardodfm@algartech.com.br,taysdss@algartech.com,thiagordu@algartech.com,viniciussg@algartech.com</t>
  </si>
  <si>
    <t>01/15/2020 08:38:25</t>
  </si>
  <si>
    <t>100014123564284;joaogvc@algartech.com;leonardoao@algartech.com;marianadjc@algartech.com;paulacn@algartech.com;rafaelggs@algartech.com;ricardodfm@algartech.com.br;taysdss@algartech.com;thiagordu@algartech.com;viniciussg@algartech.com;</t>
  </si>
  <si>
    <t>100014123564284,joaogvc@algartech.com,leonardoao@algartech.com,marianadjc@algartech.com,paulacn@algartech.com,rafaelggs@algartech.com,ricardodfm@algartech.com.br,taysdss@algartech.com,thiagordu@algartech.com,viniciussg@algartech.com</t>
  </si>
  <si>
    <t>01/15/2020 08:38:32</t>
  </si>
  <si>
    <t>01/15/2020 08:38:49</t>
  </si>
  <si>
    <t>01/15/2020 08:38:53</t>
  </si>
  <si>
    <t>01/15/2020 08:38:56</t>
  </si>
  <si>
    <t>01/15/2020 08:39:18</t>
  </si>
  <si>
    <t>01/15/2020 08:39:28</t>
  </si>
  <si>
    <t>01/15/2020 08:39:30</t>
  </si>
  <si>
    <t>01/15/2020 08:39:55</t>
  </si>
  <si>
    <t>01/15/2020 08:40:02</t>
  </si>
  <si>
    <t>01/15/2020 08:40:08</t>
  </si>
  <si>
    <t>01/15/2020 08:40:16</t>
  </si>
  <si>
    <t>01/15/2020 08:36:55</t>
  </si>
  <si>
    <t>01/15/2020 08:36:56</t>
  </si>
  <si>
    <t>01/15/2020 08:42:46</t>
  </si>
  <si>
    <t>01/15/2020 08:39:10</t>
  </si>
  <si>
    <t>01/15/2020 08:44:46</t>
  </si>
  <si>
    <t>01/15/2020 08:39:11</t>
  </si>
  <si>
    <t>01/15/2020 08:39:52</t>
  </si>
  <si>
    <t>01/15/2020 08:40:05</t>
  </si>
  <si>
    <t>01/15/2020 08:40:52</t>
  </si>
  <si>
    <t>01/15/2020 08:41:17</t>
  </si>
  <si>
    <t>01/15/2020 08:41:37</t>
  </si>
  <si>
    <t>01/15/2020 08:41:58</t>
  </si>
  <si>
    <t>01/15/2020 08:42:17</t>
  </si>
  <si>
    <t>01/15/2020 08:42:23</t>
  </si>
  <si>
    <t>01/15/2020 08:42:25</t>
  </si>
  <si>
    <t>01/15/2020 08:42:28</t>
  </si>
  <si>
    <t>01/15/2020 08:42:31</t>
  </si>
  <si>
    <t>01/15/2020 08:42:33</t>
  </si>
  <si>
    <t>01/15/2020 08:42:36</t>
  </si>
  <si>
    <t>01/15/2020 08:43:36</t>
  </si>
  <si>
    <t>01/15/2020 08:45:46</t>
  </si>
  <si>
    <t>01/15/2020 08:40:33</t>
  </si>
  <si>
    <t>01/15/2020 08:40:58</t>
  </si>
  <si>
    <t>01/15/2020 08:46:47</t>
  </si>
  <si>
    <t>01/15/2020 08:41:25</t>
  </si>
  <si>
    <t>01/15/2020 08:41:45</t>
  </si>
  <si>
    <t>01/15/2020 08:41:50</t>
  </si>
  <si>
    <t>01/15/2020 08:42:05</t>
  </si>
  <si>
    <t>mail.google.com/sync/u/0/i/s?hl=pt-BR&amp;c=820</t>
  </si>
  <si>
    <t>01/15/2020 08:42:11</t>
  </si>
  <si>
    <t>01/15/2020 08:42:29</t>
  </si>
  <si>
    <t>mail.google.com/sync/u/0/i/s?hl=pt-BR&amp;c=825</t>
  </si>
  <si>
    <t>01/15/2020 08:44:39</t>
  </si>
  <si>
    <t>mail.google.com/sync/u/0/i/s?hl=pt-BR&amp;c=830</t>
  </si>
  <si>
    <t>01/15/2020 08:44:49</t>
  </si>
  <si>
    <t>mail.google.com/sync/u/0/i/s?hl=pt-BR&amp;c=832</t>
  </si>
  <si>
    <t>01/15/2020 08:45:00</t>
  </si>
  <si>
    <t>01/15/2020 08:45:04</t>
  </si>
  <si>
    <t>01/15/2020 08:45:08</t>
  </si>
  <si>
    <t>01/15/2020 08:45:26</t>
  </si>
  <si>
    <t>01/15/2020 08:45:34</t>
  </si>
  <si>
    <t>01/15/2020 08:49:46</t>
  </si>
  <si>
    <t>01/15/2020 08:44:24</t>
  </si>
  <si>
    <t>01/15/2020 08:44:26</t>
  </si>
  <si>
    <t>01/15/2020 08:44:37</t>
  </si>
  <si>
    <t>01/15/2020 08:44:43</t>
  </si>
  <si>
    <t>01/15/2020 08:44:44</t>
  </si>
  <si>
    <t>01/15/2020 08:45:05</t>
  </si>
  <si>
    <t>01/15/2020 08:45:20</t>
  </si>
  <si>
    <t>01/15/2020 08:45:23</t>
  </si>
  <si>
    <t>01/15/2020 08:46:23</t>
  </si>
  <si>
    <t>01/15/2020 08:47:23</t>
  </si>
  <si>
    <t>01/15/2020 08:48:23</t>
  </si>
  <si>
    <t>01/15/2020 08:48:38</t>
  </si>
  <si>
    <t>01/15/2020 08:48:41</t>
  </si>
  <si>
    <t>01/15/2020 08:48:58</t>
  </si>
  <si>
    <t>01/15/2020 08:45:33</t>
  </si>
  <si>
    <t>10.200.66.46</t>
  </si>
  <si>
    <t>34-E6-D7-FC-BF-5E</t>
  </si>
  <si>
    <t>VOTORANT-MB015</t>
  </si>
  <si>
    <t>esterasg</t>
  </si>
  <si>
    <t>\\acsfs\profiles$\esterasg\Downloads\</t>
  </si>
  <si>
    <t>88d23dc9-8566-43df-b2c5-80d6a8c207da.tmp</t>
  </si>
  <si>
    <t>\\acsfs\profiles$\esterasg\Downloads\88d23dc9-8566-43df-b2c5-80d6a8c207da.tmp</t>
  </si>
  <si>
    <t>01/15/2020 08:46:26</t>
  </si>
  <si>
    <t>e3e2721a-5bb0-426b-aa2e-bf37fe6c7774.tmp</t>
  </si>
  <si>
    <t>\\acsfs\profiles$\esterasg\Downloads\e3e2721a-5bb0-426b-aa2e-bf37fe6c7774.tmp</t>
  </si>
  <si>
    <t>01/15/2020 08:47:27</t>
  </si>
  <si>
    <t>74b0844a-61a7-45cb-a177-4f37eb5fe982.tmp</t>
  </si>
  <si>
    <t>\\acsfs\profiles$\esterasg\Downloads\74b0844a-61a7-45cb-a177-4f37eb5fe982.tmp</t>
  </si>
  <si>
    <t>01/15/2020 08:47:39</t>
  </si>
  <si>
    <t>01/15/2020 08:50:47</t>
  </si>
  <si>
    <t>01/15/2020 08:47:18</t>
  </si>
  <si>
    <t>01/15/2020 08:49:14</t>
  </si>
  <si>
    <t>01/15/2020 08:49:20</t>
  </si>
  <si>
    <t>mail.google.com/_/upload?authuser=0&amp;dcp=asu-n&amp;upload_id=AEnB2Up9_xAmd0-osr8yIOSm8FhLiFI1lv07cgC-MUUdEG2UkufQ2nSx6wBXdBhbA-9HpD-SrTERQ3Sf57mOtNqyD63O0JesvSCbVtL1kERkpqyPNQRaZLQ&amp;upload_protocol=resumable</t>
  </si>
  <si>
    <t>a6c4d63b-8376-42ca-bc4b-b51238397e1d.tmp</t>
  </si>
  <si>
    <t>\\acsfs\profiles$\lorrainerdl\Downloads\a6c4d63b-8376-42ca-bc4b-b51238397e1d.tmp</t>
  </si>
  <si>
    <t>d71c5295-d841-4d55-a1a9-b99225b38431.tmp</t>
  </si>
  <si>
    <t>\\acsfs\profiles$\lorrainerdl\Downloads\d71c5295-d841-4d55-a1a9-b99225b38431.tmp</t>
  </si>
  <si>
    <t>01/15/2020 08:49:35</t>
  </si>
  <si>
    <t>e0274d5a-03f2-4e99-a9b9-cbdc0c587838.tmp</t>
  </si>
  <si>
    <t>\\acsfs\profiles$\lorrainerdl\Downloads\e0274d5a-03f2-4e99-a9b9-cbdc0c587838.tmp</t>
  </si>
  <si>
    <t>1f69772c-f5de-44ee-b2f5-c89f8569a6f0.tmp</t>
  </si>
  <si>
    <t>\\acsfs\profiles$\lorrainerdl\Downloads\1f69772c-f5de-44ee-b2f5-c89f8569a6f0.tmp</t>
  </si>
  <si>
    <t>01/15/2020 08:47:06</t>
  </si>
  <si>
    <t>c05dee43-5203-45bc-ab94-5d54ef602fb5.tmp</t>
  </si>
  <si>
    <t>\\acsfs\profiles$\mariajra\Downloads\c05dee43-5203-45bc-ab94-5d54ef602fb5.tmp</t>
  </si>
  <si>
    <t>01/15/2020 08:50:09</t>
  </si>
  <si>
    <t>01/15/2020 08:51:47</t>
  </si>
  <si>
    <t>mail.google.com/sync/u/0/i/s?hl=pt-BR&amp;c=854</t>
  </si>
  <si>
    <t>01/15/2020 08:50:18</t>
  </si>
  <si>
    <t>01/15/2020 08:50:30</t>
  </si>
  <si>
    <t>01/15/2020 08:50:36</t>
  </si>
  <si>
    <t>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01/15/2020 08:47:45</t>
  </si>
  <si>
    <t>\\acsfs\profiles$\sarahbal\My Documents\</t>
  </si>
  <si>
    <t>Pré auditoria.txt</t>
  </si>
  <si>
    <t>\\acsfs\profiles$\sarahbal\My Documents\Pré auditoria.txt</t>
  </si>
  <si>
    <t>01/15/2020 08:52:10</t>
  </si>
  <si>
    <t>01/15/2020 08:52:46</t>
  </si>
  <si>
    <t>776c3748-49ad-41ba-92d0-dd9f4d2b4628.tmp</t>
  </si>
  <si>
    <t>\\acsfs\profiles$\ayalabfi\Downloads\776c3748-49ad-41ba-92d0-dd9f4d2b4628.tmp</t>
  </si>
  <si>
    <t>01/15/2020 08:53:47</t>
  </si>
  <si>
    <t>01/15/2020 08:50:58</t>
  </si>
  <si>
    <t>7dd69540-e20f-4043-a5be-7f4e41202dcf.tmp</t>
  </si>
  <si>
    <t>\\acsfs\profiles$\anafsb\Downloads\7dd69540-e20f-4043-a5be-7f4e41202dcf.tmp</t>
  </si>
  <si>
    <t>01/15/2020 08:51:00</t>
  </si>
  <si>
    <t>74a4b987-4567-4213-97fa-22f6d27f6aaf.tmp</t>
  </si>
  <si>
    <t>\\acsfs\profiles$\paulovadc\Downloads\74a4b987-4567-4213-97fa-22f6d27f6aaf.tmp</t>
  </si>
  <si>
    <t>01/15/2020 08:52:28</t>
  </si>
  <si>
    <t>23150bb5-e235-4c0c-b43e-88765582d423.tmp</t>
  </si>
  <si>
    <t>\\acsfs\profiles$\paulovadc\Downloads\23150bb5-e235-4c0c-b43e-88765582d423.tmp</t>
  </si>
  <si>
    <t>01/15/2020 08:52:40</t>
  </si>
  <si>
    <t>01/15/2020 08:54:46</t>
  </si>
  <si>
    <t>b7d9e274-326d-48e9-930a-60447785f6ea.tmp</t>
  </si>
  <si>
    <t>\\acsfs\profiles$\larissaad\Downloads\b7d9e274-326d-48e9-930a-60447785f6ea.tmp</t>
  </si>
  <si>
    <t>01/15/2020 08:49:58</t>
  </si>
  <si>
    <t>01/15/2020 08:50:05</t>
  </si>
  <si>
    <t>01/15/2020 08:50:45</t>
  </si>
  <si>
    <t>01/15/2020 08:51:29</t>
  </si>
  <si>
    <t>01/15/2020 08:52:29</t>
  </si>
  <si>
    <t>01/15/2020 08:53:09</t>
  </si>
  <si>
    <t>01/15/2020 08:53:29</t>
  </si>
  <si>
    <t>01/15/2020 08:53:18</t>
  </si>
  <si>
    <t>ff43fbed-12a6-4446-901b-465e3807303b.tmp</t>
  </si>
  <si>
    <t>\\acsfs\profiles$\esterasg\Downloads\ff43fbed-12a6-4446-901b-465e3807303b.tmp</t>
  </si>
  <si>
    <t>01/15/2020 08:52:38</t>
  </si>
  <si>
    <t>lu10756ou0y4.tmp</t>
  </si>
  <si>
    <t>\\acsfs\profiles$\dhiulliananads\My Documents\lu10756ou0y4.tmp</t>
  </si>
  <si>
    <t>\\acsfs\profiles$\dhiulliananads\My Documents\lu10756ou0y4.tmp\</t>
  </si>
  <si>
    <t>\\acsfs\profiles$\dhiulliananads\My Documents\lu10756ou0y4.tmp\META-INF\</t>
  </si>
  <si>
    <t>\\acsfs\profiles$\dhiulliananads\My Documents\lu10756ou0y4.tmp\Thumbnails\</t>
  </si>
  <si>
    <t>01/15/2020 08:53:06</t>
  </si>
  <si>
    <t>01/15/2020 08:55:46</t>
  </si>
  <si>
    <t>01/15/2020 08:52:35</t>
  </si>
  <si>
    <t>01/15/2020 08:52:36</t>
  </si>
  <si>
    <t>01/15/2020 08:51:36</t>
  </si>
  <si>
    <t>01/15/2020 08:56:47</t>
  </si>
  <si>
    <t>01/15/2020 08:52:08</t>
  </si>
  <si>
    <t>01/15/2020 08:53:21</t>
  </si>
  <si>
    <t>b7734b21-ca4e-4f91-a33c-49bb39307fd3.tmp</t>
  </si>
  <si>
    <t>\\acsfs\profiles$\PEDROHAB\Downloads\b7734b21-ca4e-4f91-a33c-49bb39307fd3.tmp</t>
  </si>
  <si>
    <t>01/15/2020 08:53:19</t>
  </si>
  <si>
    <t>01/15/2020 08:55:11</t>
  </si>
  <si>
    <t>01/15/2020 08:57:46</t>
  </si>
  <si>
    <t>0ba34757-7695-4cff-bc76-4f94a240e76e.tmp</t>
  </si>
  <si>
    <t>\\acsfs\profiles$\Angelicacldr\Downloads\0ba34757-7695-4cff-bc76-4f94a240e76e.tmp</t>
  </si>
  <si>
    <t>01/15/2020 08:56:30</t>
  </si>
  <si>
    <t>9fd08467-ad95-4735-b426-8ff84d4a43ff.tmp</t>
  </si>
  <si>
    <t>\\acsfs\profiles$\danielmlds\Downloads\9fd08467-ad95-4735-b426-8ff84d4a43ff.tmp</t>
  </si>
  <si>
    <t>01/15/2020 08:56:56</t>
  </si>
  <si>
    <t>01/15/2020 08:56:51</t>
  </si>
  <si>
    <t>01/15/2020 08:59:46</t>
  </si>
  <si>
    <t>01/15/2020 08:54:21</t>
  </si>
  <si>
    <t>01/15/2020 08:54:23</t>
  </si>
  <si>
    <t>01/15/2020 08:54:24</t>
  </si>
  <si>
    <t>01/15/2020 08:54:41</t>
  </si>
  <si>
    <t>01/15/2020 08:54:49</t>
  </si>
  <si>
    <t>01/15/2020 08:54:52</t>
  </si>
  <si>
    <t>01/15/2020 08:54:55</t>
  </si>
  <si>
    <t>01/15/2020 08:55:05</t>
  </si>
  <si>
    <t>01/15/2020 08:55:31</t>
  </si>
  <si>
    <t>01/15/2020 08:55:35</t>
  </si>
  <si>
    <t>01/15/2020 08:56:09</t>
  </si>
  <si>
    <t>01/15/2020 08:56:35</t>
  </si>
  <si>
    <t>01/15/2020 08:57:35</t>
  </si>
  <si>
    <t>01/15/2020 08:58:07</t>
  </si>
  <si>
    <t>01/15/2020 08:58:14</t>
  </si>
  <si>
    <t>01/15/2020 08:58:16</t>
  </si>
  <si>
    <t>01/15/2020 08:58:45</t>
  </si>
  <si>
    <t>01/15/2020 08:58:23</t>
  </si>
  <si>
    <t>0552a9e8-e97d-4822-8af9-b945ccd0a433.tmp</t>
  </si>
  <si>
    <t>\\acsfs\profiles$\felipetds\Downloads\0552a9e8-e97d-4822-8af9-b945ccd0a433.tmp</t>
  </si>
  <si>
    <t>01/15/2020 09:00:46</t>
  </si>
  <si>
    <t>01/15/2020 08:57:07</t>
  </si>
  <si>
    <t>f9b473e4-c539-4cde-b6c7-813c06ad93c8.tmp</t>
  </si>
  <si>
    <t>\\acsfs\profiles$\talitafdc\Downloads\f9b473e4-c539-4cde-b6c7-813c06ad93c8.tmp</t>
  </si>
  <si>
    <t>01/15/2020 08:57:05</t>
  </si>
  <si>
    <t>Não confirmado 679654.crdownload</t>
  </si>
  <si>
    <t>\\acsfs\profiles$\talitafdc\Downloads\Não confirmado 679654.crdownload</t>
  </si>
  <si>
    <t>01/15/2020 08:57:36</t>
  </si>
  <si>
    <t>6c79dbf2-ce59-4b75-a426-b15790806dd2.tmp</t>
  </si>
  <si>
    <t>\\acsfs\profiles$\talitafdc\Downloads\6c79dbf2-ce59-4b75-a426-b15790806dd2.tmp</t>
  </si>
  <si>
    <t>01/15/2020 08:57:43</t>
  </si>
  <si>
    <t>de4c9389-2dbc-4eb6-b057-53235f10aff8.tmp</t>
  </si>
  <si>
    <t>\\acsfs\profiles$\talitafdc\Downloads\de4c9389-2dbc-4eb6-b057-53235f10aff8.tmp</t>
  </si>
  <si>
    <t>01/15/2020 08:58:40</t>
  </si>
  <si>
    <t>4121fe99-fe27-42a4-9d54-8f4fda4308d4.tmp</t>
  </si>
  <si>
    <t>\\acsfs\profiles$\talitafdc\Downloads\4121fe99-fe27-42a4-9d54-8f4fda4308d4.tmp</t>
  </si>
  <si>
    <t>01/15/2020 08:59:07</t>
  </si>
  <si>
    <t>c655956b-0651-4ca2-9212-c91ed318b1f5.tmp</t>
  </si>
  <si>
    <t>\\acsfs\profiles$\talitafdc\Downloads\c655956b-0651-4ca2-9212-c91ed318b1f5.tmp</t>
  </si>
  <si>
    <t>01/15/2020 08:57:52</t>
  </si>
  <si>
    <t>01/15/2020 09:01:46</t>
  </si>
  <si>
    <t>01/15/2020 08:58:22</t>
  </si>
  <si>
    <t>01/15/2020 08:58:52</t>
  </si>
  <si>
    <t>01/15/2020 09:00:52</t>
  </si>
  <si>
    <t>01/15/2020 08:56:55</t>
  </si>
  <si>
    <t>c312740c-89ef-44bf-80ab-080c3488d476.tmp</t>
  </si>
  <si>
    <t>\\acsfs\profiles$\quindaizaagds\Downloads\c312740c-89ef-44bf-80ab-080c3488d476.tmp</t>
  </si>
  <si>
    <t>01/15/2020 08:57:20</t>
  </si>
  <si>
    <t>mail.google.com/sync/u/0/i/s?hl=pt-BR&amp;c=423</t>
  </si>
  <si>
    <t>01/15/2020 08:57:26</t>
  </si>
  <si>
    <t>mail.google.com/sync/u/0/i/s?hl=pt-BR&amp;c=425</t>
  </si>
  <si>
    <t>01/15/2020 08:57:32</t>
  </si>
  <si>
    <t>01/15/2020 08:57:51</t>
  </si>
  <si>
    <t>01/15/2020 08:58:02</t>
  </si>
  <si>
    <t>mail.google.com/sync/u/0/i/s?hl=pt-BR&amp;c=435</t>
  </si>
  <si>
    <t>01/15/2020 08:58:12</t>
  </si>
  <si>
    <t>mail.google.com/sync/u/0/i/s?hl=pt-BR&amp;c=438</t>
  </si>
  <si>
    <t>01/15/2020 09:00:29</t>
  </si>
  <si>
    <t>mail.google.com/sync/u/0/i/s?hl=pt-BR&amp;c=457</t>
  </si>
  <si>
    <t>01/15/2020 09:00:53</t>
  </si>
  <si>
    <t>01/15/2020 09:00:56</t>
  </si>
  <si>
    <t>01/15/2020 09:01:28</t>
  </si>
  <si>
    <t>01/15/2020 09:02:46</t>
  </si>
  <si>
    <t>01/15/2020 08:56:59</t>
  </si>
  <si>
    <t>bf7d700e-083d-4fc2-8fe7-c043a29cd040.tmp</t>
  </si>
  <si>
    <t>\\acsfs\profiles$\Angelicacldr\Downloads\bf7d700e-083d-4fc2-8fe7-c043a29cd040.tmp</t>
  </si>
  <si>
    <t>01/15/2020 09:00:49</t>
  </si>
  <si>
    <t>7875f096-731f-4324-9a1e-691c83aea4af.tmp</t>
  </si>
  <si>
    <t>\\acsfs\profiles$\Angelicacldr\Downloads\7875f096-731f-4324-9a1e-691c83aea4af.tmp</t>
  </si>
  <si>
    <t>01/15/2020 09:01:12</t>
  </si>
  <si>
    <t>88173338-dea8-43f7-ab9b-119c030f6cec.tmp</t>
  </si>
  <si>
    <t>\\acsfs\profiles$\Angelicacldr\Downloads\88173338-dea8-43f7-ab9b-119c030f6cec.tmp</t>
  </si>
  <si>
    <t>f5736354-5624-450a-a63c-99b51282bd35.tmp</t>
  </si>
  <si>
    <t>\\acsfs\profiles$\danielmlds\Downloads\f5736354-5624-450a-a63c-99b51282bd35.tmp</t>
  </si>
  <si>
    <t>93d9f3c2-cc73-4f8a-b5e3-c27c3aa15932.tmp</t>
  </si>
  <si>
    <t>\\acsfs\profiles$\lucasgpe\Downloads\93d9f3c2-cc73-4f8a-b5e3-c27c3aa15932.tmp</t>
  </si>
  <si>
    <t>01/15/2020 00:01:55</t>
  </si>
  <si>
    <t>01/15/2020 08:59:45</t>
  </si>
  <si>
    <t>01/15/2020 09:01:23</t>
  </si>
  <si>
    <t>176f61b1-31ef-4632-a192-f7ca189cada2.tmp</t>
  </si>
  <si>
    <t>\\acsfs\profiles$\isabellegtds\Downloads\176f61b1-31ef-4632-a192-f7ca189cada2.tmp</t>
  </si>
  <si>
    <t>01/15/2020 09:04:46</t>
  </si>
  <si>
    <t>01/15/2020 09:00:05</t>
  </si>
  <si>
    <t>01/15/2020 09:00:45</t>
  </si>
  <si>
    <t>01/15/2020 09:01:01</t>
  </si>
  <si>
    <t>01/15/2020 09:01:30</t>
  </si>
  <si>
    <t>01/15/2020 09:01:31</t>
  </si>
  <si>
    <t>01/15/2020 09:01:34</t>
  </si>
  <si>
    <t>01/15/2020 09:01:42</t>
  </si>
  <si>
    <t>01/15/2020 09:02:42</t>
  </si>
  <si>
    <t>01/15/2020 09:03:42</t>
  </si>
  <si>
    <t>01/15/2020 09:03:53</t>
  </si>
  <si>
    <t>d9695f83-e6ff-4cc9-a06e-968047f8b514.tmp</t>
  </si>
  <si>
    <t>\\acsfs\profiles$\lorraynevam\Downloads\d9695f83-e6ff-4cc9-a06e-968047f8b514.tmp</t>
  </si>
  <si>
    <t>01/15/2020 09:04:00</t>
  </si>
  <si>
    <t>97791720-a66c-4c51-a3dc-d384c5204a7b.tmp</t>
  </si>
  <si>
    <t>\\acsfs\profiles$\lorraynevam\Downloads\97791720-a66c-4c51-a3dc-d384c5204a7b.tmp</t>
  </si>
  <si>
    <t>01/15/2020 09:03:58</t>
  </si>
  <si>
    <t>0f5b1e17-45ce-4d19-b8fa-042b348311ba.tmp</t>
  </si>
  <si>
    <t>\\acsfs\profiles$\rafaelamsv\Downloads\0f5b1e17-45ce-4d19-b8fa-042b348311ba.tmp</t>
  </si>
  <si>
    <t>01/15/2020 09:03:59</t>
  </si>
  <si>
    <t>759cb1c8-bf63-4bb2-85cd-d3c1f416396c.tmp</t>
  </si>
  <si>
    <t>\\acsfs\profiles$\rafaelamsv\Downloads\759cb1c8-bf63-4bb2-85cd-d3c1f416396c.tmp</t>
  </si>
  <si>
    <t>01/15/2020 09:05:46</t>
  </si>
  <si>
    <t>01/15/2020 09:02:58</t>
  </si>
  <si>
    <t>01/15/2020 09:06:46</t>
  </si>
  <si>
    <t>01/15/2020 09:03:05</t>
  </si>
  <si>
    <t>d4c87f4c-2099-429a-ab5d-e79f9eb56246.tmp</t>
  </si>
  <si>
    <t>\\acsfs\profiles$\gabriellalpr\Downloads\d4c87f4c-2099-429a-ab5d-e79f9eb56246.tmp</t>
  </si>
  <si>
    <t>01/15/2020 09:03:44</t>
  </si>
  <si>
    <t>9bbe49d4-d176-478e-a6c0-55977f10e7b4.tmp</t>
  </si>
  <si>
    <t>\\acsfs\profiles$\gabriellalpr\Downloads\9bbe49d4-d176-478e-a6c0-55977f10e7b4.tmp</t>
  </si>
  <si>
    <t>01/15/2020 09:04:49</t>
  </si>
  <si>
    <t>4e3aa481-adaf-42fa-9012-ec9a73608fc4.tmp</t>
  </si>
  <si>
    <t>\\acsfs\profiles$\gabriellalpr\Downloads\4e3aa481-adaf-42fa-9012-ec9a73608fc4.tmp</t>
  </si>
  <si>
    <t>01/15/2020 09:01:22</t>
  </si>
  <si>
    <t>01/15/2020 09:01:52</t>
  </si>
  <si>
    <t>01/15/2020 09:02:22</t>
  </si>
  <si>
    <t>01/15/2020 09:05:22</t>
  </si>
  <si>
    <t>01/15/2020 09:06:13</t>
  </si>
  <si>
    <t>lu1559610ndx4.tmp</t>
  </si>
  <si>
    <t>\\acsfs\profiles$\jonathanwap\lu1559610ndx4.tmp</t>
  </si>
  <si>
    <t>\\acsfs\profiles$\jonathanwap\lu1559610ndx4.tmp\</t>
  </si>
  <si>
    <t>\\acsfs\profiles$\jonathanwap\lu1559610ndx4.tmp\META-INF\</t>
  </si>
  <si>
    <t>\\acsfs\profiles$\jonathanwap\lu1559610ndx4.tmp\Thumbnails\</t>
  </si>
  <si>
    <t>01/15/2020 09:01:41</t>
  </si>
  <si>
    <t>01/15/2020 09:01:54</t>
  </si>
  <si>
    <t>01/15/2020 09:02:12</t>
  </si>
  <si>
    <t>01/15/2020 09:02:14</t>
  </si>
  <si>
    <t>01/15/2020 09:02:25</t>
  </si>
  <si>
    <t>mail.google.com/sync/u/0/i/s?hl=pt-BR&amp;c=497</t>
  </si>
  <si>
    <t>01/15/2020 09:03:14</t>
  </si>
  <si>
    <t>01/15/2020 09:03:26</t>
  </si>
  <si>
    <t>01/15/2020 09:03:30</t>
  </si>
  <si>
    <t>01/15/2020 09:03:37</t>
  </si>
  <si>
    <t>mail.google.com/sync/u/0/i/s?hl=pt-BR&amp;c=537</t>
  </si>
  <si>
    <t>01/15/2020 09:02:50</t>
  </si>
  <si>
    <t>01/15/2020 09:07:46</t>
  </si>
  <si>
    <t>b28009bc-1864-4b11-b455-208ddaad710d.tmp</t>
  </si>
  <si>
    <t>\\acsfs\profiles$\Angelicacldr\Downloads\b28009bc-1864-4b11-b455-208ddaad710d.tmp</t>
  </si>
  <si>
    <t>01/15/2020 09:03:12</t>
  </si>
  <si>
    <t>8a399763-2fd7-4977-94d7-bc8e674c00f0.tmp</t>
  </si>
  <si>
    <t>\\acsfs\profiles$\Angelicacldr\Downloads\8a399763-2fd7-4977-94d7-bc8e674c00f0.tmp</t>
  </si>
  <si>
    <t>01/15/2020 09:03:46</t>
  </si>
  <si>
    <t>0d9004e3-0794-4160-9deb-d2d5a52b6dea.tmp</t>
  </si>
  <si>
    <t>\\acsfs\profiles$\Angelicacldr\Downloads\0d9004e3-0794-4160-9deb-d2d5a52b6dea.tmp</t>
  </si>
  <si>
    <t>01/15/2020 09:04:13</t>
  </si>
  <si>
    <t>CASO 00818913 - OPERADOR WENDER BRUNO NUNES MENESES_1_6769244805088225847_1_32.wav</t>
  </si>
  <si>
    <t>\\acsfs\Deptos\EDUCACAO EMPRESARIAL\KÉSIA\OUVIDORIA, PROCON, BACEN E RECLAME AQUI\CASO 00818913 - OPERADOR WENDER BRUNO NUNES MENESES_1_6769244805088225847_1_32.wav</t>
  </si>
  <si>
    <t>01/15/2020 09:06:37</t>
  </si>
  <si>
    <t>CASO 00818913 - PROCON CIP.pdf</t>
  </si>
  <si>
    <t>\\acsfs\Deptos\EDUCACAO EMPRESARIAL\KÉSIA\OUVIDORIA, PROCON, BACEN E RECLAME AQUI\CASO 00818913 - PROCON CIP.pdf</t>
  </si>
  <si>
    <t>01/15/2020 09:03:52</t>
  </si>
  <si>
    <t>027ef44c-884e-43d9-b3b2-9478da608bdd.tmp</t>
  </si>
  <si>
    <t>\\acsfs\profiles$\kellzylenneasr\Downloads\027ef44c-884e-43d9-b3b2-9478da608bdd.tmp</t>
  </si>
  <si>
    <t>01/15/2020 09:05:31</t>
  </si>
  <si>
    <t>73b814c4-2e8f-4f22-9992-e74214dc976e.tmp</t>
  </si>
  <si>
    <t>\\acsfs\profiles$\kellzylenneasr\Downloads\73b814c4-2e8f-4f22-9992-e74214dc976e.tmp</t>
  </si>
  <si>
    <t>01/15/2020 09:07:00</t>
  </si>
  <si>
    <t>3f53d92d-ecb1-4b10-9ab5-794fffe61a95.tmp</t>
  </si>
  <si>
    <t>\\acsfs\profiles$\isabellegtds\Downloads\3f53d92d-ecb1-4b10-9ab5-794fffe61a95.tmp</t>
  </si>
  <si>
    <t>01/15/2020 09:09:45</t>
  </si>
  <si>
    <t>01/15/2020 09:04:42</t>
  </si>
  <si>
    <t>01/15/2020 09:05:05</t>
  </si>
  <si>
    <t>01/15/2020 09:05:42</t>
  </si>
  <si>
    <t>01/15/2020 09:06:42</t>
  </si>
  <si>
    <t>01/15/2020 09:07:36</t>
  </si>
  <si>
    <t>01/15/2020 09:07:37</t>
  </si>
  <si>
    <t>01/15/2020 09:07:38</t>
  </si>
  <si>
    <t>01/15/2020 09:08:38</t>
  </si>
  <si>
    <t>01/15/2020 09:04:36</t>
  </si>
  <si>
    <t>6911f718-ffe4-46e1-895d-02318de28c5d.tmp</t>
  </si>
  <si>
    <t>\\acsfs\profiles$\ROZENCAM\Downloads\6911f718-ffe4-46e1-895d-02318de28c5d.tmp</t>
  </si>
  <si>
    <t>01/15/2020 09:05:36</t>
  </si>
  <si>
    <t>867146fa-5be9-453e-be2e-f5fc6cc08760.tmp</t>
  </si>
  <si>
    <t>\\acsfs\profiles$\rafaelamsv\Downloads\867146fa-5be9-453e-be2e-f5fc6cc08760.tmp</t>
  </si>
  <si>
    <t>01/15/2020 09:10:46</t>
  </si>
  <si>
    <t>01/15/2020 09:06:07</t>
  </si>
  <si>
    <t>10.200.66.31</t>
  </si>
  <si>
    <t>74-86-7A-FB-17-F6</t>
  </si>
  <si>
    <t>VOTORANT-ZB005</t>
  </si>
  <si>
    <t>izaiasabdc</t>
  </si>
  <si>
    <t>\\acsfs\Deptos\Operacao\Banco_Votorantim\Comum\00 - COMUM - BV CARTÕES\Thumbs.db</t>
  </si>
  <si>
    <t>01/15/2020 09:06:43</t>
  </si>
  <si>
    <t>01/15/2020 09:11:45</t>
  </si>
  <si>
    <t>2e731cba-ed21-4eb0-8e95-13c9644b9211.tmp</t>
  </si>
  <si>
    <t>\\acsfs\profiles$\gabriellalpr\Downloads\2e731cba-ed21-4eb0-8e95-13c9644b9211.tmp</t>
  </si>
  <si>
    <t>01/15/2020 09:07:52</t>
  </si>
  <si>
    <t>01/15/2020 09:08:22</t>
  </si>
  <si>
    <t>01/15/2020 09:08:52</t>
  </si>
  <si>
    <t>01/15/2020 09:09:22</t>
  </si>
  <si>
    <t>01/15/2020 09:09:52</t>
  </si>
  <si>
    <t>01/15/2020 09:10:22</t>
  </si>
  <si>
    <t>01/15/2020 09:10:52</t>
  </si>
  <si>
    <t>01/15/2020 09:10:03</t>
  </si>
  <si>
    <t>01/15/2020 09:12:47</t>
  </si>
  <si>
    <t>bvs-centralcartoes@bv.com.br;cintia.souza-domingues@dxc.com;eduardo.santana@bv.com.br;fernandorsju@algartech.com;maria.silva3@dxc.com;marianeps@algartech.com;talmaiardo@algartech.com;thiagordu@algartech.com;</t>
  </si>
  <si>
    <t>bvs-centralcartoes@bv.com.br,cintia.souza-domingues@dxc.com,eduardo.santana@bv.com.br,fernandorsju@algartech.com,maria.silva3@dxc.com,marianeps@algartech.com,talmaiardo@algartech.com,thiagordu@algartech.com</t>
  </si>
  <si>
    <t>01/15/2020 09:10:04</t>
  </si>
  <si>
    <t>01/15/2020 09:09:53</t>
  </si>
  <si>
    <t>213f6838-92f0-4fb2-9b2e-19f3e5bcd6fc.tmp</t>
  </si>
  <si>
    <t>\\acsfs\profiles$\isabellegtds\Downloads\213f6838-92f0-4fb2-9b2e-19f3e5bcd6fc.tmp</t>
  </si>
  <si>
    <t>01/15/2020 09:10:35</t>
  </si>
  <si>
    <t>19d52687-6c1f-4b6e-b874-e01e7ffc9578.tmp</t>
  </si>
  <si>
    <t>\\acsfs\profiles$\maxmillianosv\Downloads\19d52687-6c1f-4b6e-b874-e01e7ffc9578.tmp</t>
  </si>
  <si>
    <t>01/15/2020 09:12:21</t>
  </si>
  <si>
    <t>a9df0990-dba6-4554-9d86-c0025a349fc8.tmp</t>
  </si>
  <si>
    <t>\\acsfs\profiles$\maxmillianosv\Downloads\a9df0990-dba6-4554-9d86-c0025a349fc8.tmp</t>
  </si>
  <si>
    <t>01/15/2020 09:12:26</t>
  </si>
  <si>
    <t>b4dba429-62ff-4003-8e10-49084f86331f.tmp</t>
  </si>
  <si>
    <t>\\acsfs\profiles$\maxmillianosv\Downloads\b4dba429-62ff-4003-8e10-49084f86331f.tmp</t>
  </si>
  <si>
    <t>01/15/2020 09:12:30</t>
  </si>
  <si>
    <t>3c1bce32-f21c-407d-9c43-fc128e2321f1.tmp</t>
  </si>
  <si>
    <t>\\acsfs\profiles$\maxmillianosv\Downloads\3c1bce32-f21c-407d-9c43-fc128e2321f1.tmp</t>
  </si>
  <si>
    <t>01/15/2020 09:09:17</t>
  </si>
  <si>
    <t>01/15/2020 09:13:45</t>
  </si>
  <si>
    <t>db7b3bc5-2105-47ca-8655-a3021db0f561.tmp</t>
  </si>
  <si>
    <t>\\acsfs\profiles$\Flaviojmm\Downloads\db7b3bc5-2105-47ca-8655-a3021db0f561.tmp</t>
  </si>
  <si>
    <t>01/15/2020 09:10:00</t>
  </si>
  <si>
    <t>158ba2a3-d882-4e71-9573-c20f4d711adf.tmp</t>
  </si>
  <si>
    <t>\\acsfs\profiles$\Flaviojmm\Downloads\158ba2a3-d882-4e71-9573-c20f4d711adf.tmp</t>
  </si>
  <si>
    <t>01/15/2020 09:14:46</t>
  </si>
  <si>
    <t>01/15/2020 09:09:38</t>
  </si>
  <si>
    <t>01/15/2020 09:09:54</t>
  </si>
  <si>
    <t>01/15/2020 09:09:59</t>
  </si>
  <si>
    <t>01/15/2020 09:10:05</t>
  </si>
  <si>
    <t>01/15/2020 09:10:09</t>
  </si>
  <si>
    <t>01/15/2020 09:10:10</t>
  </si>
  <si>
    <t>01/15/2020 09:10:16</t>
  </si>
  <si>
    <t>01/15/2020 09:11:42</t>
  </si>
  <si>
    <t>01/15/2020 09:12:04</t>
  </si>
  <si>
    <t>01/15/2020 09:12:06</t>
  </si>
  <si>
    <t>01/15/2020 09:12:32</t>
  </si>
  <si>
    <t>01/15/2020 09:12:53</t>
  </si>
  <si>
    <t>01/15/2020 09:12:54</t>
  </si>
  <si>
    <t>01/15/2020 09:13:54</t>
  </si>
  <si>
    <t>01/15/2020 09:13:23</t>
  </si>
  <si>
    <t>38ab04ab-c4d1-43a8-a352-2cc278299b1f.tmp</t>
  </si>
  <si>
    <t>\\acsfs\profiles$\nathaliarmr\Downloads\38ab04ab-c4d1-43a8-a352-2cc278299b1f.tmp</t>
  </si>
  <si>
    <t>01/15/2020 09:13:44</t>
  </si>
  <si>
    <t>lu103321fz62t.tmp</t>
  </si>
  <si>
    <t>\\acsfs\profiles$\BRUNAAR\Numero\lu103321fz62t.tmp</t>
  </si>
  <si>
    <t>01/15/2020 09:12:12</t>
  </si>
  <si>
    <t>34e8f982-fa74-46ec-9dd5-0b31b93d257f.tmp</t>
  </si>
  <si>
    <t>\\acsfs\profiles$\dhiulliananads\Downloads\34e8f982-fa74-46ec-9dd5-0b31b93d257f.tmp</t>
  </si>
  <si>
    <t>01/15/2020 09:15:46</t>
  </si>
  <si>
    <t>01/15/2020 09:12:23</t>
  </si>
  <si>
    <t>575d7fdc-cff2-4ffd-b8aa-501716bd34f3.tmp</t>
  </si>
  <si>
    <t>\\acsfs\profiles$\lucasgpe\Downloads\575d7fdc-cff2-4ffd-b8aa-501716bd34f3.tmp</t>
  </si>
  <si>
    <t>01/15/2020 09:13:05</t>
  </si>
  <si>
    <t>6cad469d-c1c8-4a93-bac0-1306461d9ca6.tmp</t>
  </si>
  <si>
    <t>\\acsfs\profiles$\lucasgpe\Downloads\6cad469d-c1c8-4a93-bac0-1306461d9ca6.tmp</t>
  </si>
  <si>
    <t>01/15/2020 09:13:50</t>
  </si>
  <si>
    <t>lu6500eq0t.tmp</t>
  </si>
  <si>
    <t>\\acsfs\profiles$\lucasgpe\Desktop\lu6500eq0t.tmp</t>
  </si>
  <si>
    <t>\\acsfs\profiles$\lucasgpe\Desktop\lu6500eq0t.tmp\</t>
  </si>
  <si>
    <t>\\acsfs\profiles$\lucasgpe\Desktop\lu6500eq0t.tmp\META-INF\</t>
  </si>
  <si>
    <t>\\acsfs\profiles$\lucasgpe\Desktop\lu6500eq0t.tmp\Thumbnails\</t>
  </si>
  <si>
    <t>01/15/2020 09:11:20</t>
  </si>
  <si>
    <t>25141295-ab33-4ce9-92dd-c86568d95a87.tmp</t>
  </si>
  <si>
    <t>\\acsfs\profiles$\talitafdc\Downloads\25141295-ab33-4ce9-92dd-c86568d95a87.tmp</t>
  </si>
  <si>
    <t>01/15/2020 09:11:43</t>
  </si>
  <si>
    <t>01/15/2020 09:16:46</t>
  </si>
  <si>
    <t>01/15/2020 09:11:22</t>
  </si>
  <si>
    <t>01/15/2020 09:12:22</t>
  </si>
  <si>
    <t>01/15/2020 09:15:22</t>
  </si>
  <si>
    <t>01/15/2020 09:15:52</t>
  </si>
  <si>
    <t>lu1559610ndx9.tmp</t>
  </si>
  <si>
    <t>\\acsfs\profiles$\jonathanwap\lu1559610ndx9.tmp</t>
  </si>
  <si>
    <t>\\acsfs\profiles$\jonathanwap\lu1559610ndx9.tmp\</t>
  </si>
  <si>
    <t>\\acsfs\profiles$\jonathanwap\lu1559610ndx9.tmp\META-INF\</t>
  </si>
  <si>
    <t>\\acsfs\profiles$\jonathanwap\lu1559610ndx9.tmp\Thumbnails\</t>
  </si>
  <si>
    <t>01/15/2020 09:17:46</t>
  </si>
  <si>
    <t>01/15/2020 09:13:00</t>
  </si>
  <si>
    <t>bvs-centralcartoes@bv.com.br;cintia.souza-domingues@dxc.com;eduardo.santana@bv.com.br;fernandorsju@algartech.com;marianeps@algartech.com;talmaiardo@algartech.com;thiagordu@algartech.com;</t>
  </si>
  <si>
    <t>bvs-centralcartoes@bv.com.br,cintia.souza-domingues@dxc.com,eduardo.santana@bv.com.br,fernandorsju@algartech.com,marianeps@algartech.com,talmaiardo@algartech.com,thiagordu@algartech.com</t>
  </si>
  <si>
    <t>01/15/2020 09:13:03</t>
  </si>
  <si>
    <t>bvs-centralcartoes@bv.com.br;cintia.souza-domingues@dxc.com;eduardo.santana@bv.com.br;fernandaab@algartech.com;fernandorsju@algartech.com;marianeps@algartech.com;talmaiardo@algartech.com;thiagordu@algartech.com;</t>
  </si>
  <si>
    <t>bvs-centralcartoes@bv.com.br,cintia.souza-domingues@dxc.com,eduardo.santana@bv.com.br,fernandaab@algartech.com,fernandorsju@algartech.com,marianeps@algartech.com,talmaiardo@algartech.com,thiagordu@algartech.com</t>
  </si>
  <si>
    <t>01/15/2020 09:15:01</t>
  </si>
  <si>
    <t>CONTROLE DE RECEBIMENTO DE RECLAMAÇÕES.xlsx</t>
  </si>
  <si>
    <t>\\acsfs\Deptos\EDUCACAO EMPRESARIAL\KÉSIA\CONTROLE DE RECEBIMENTO DE RECLAMAÇÕES.xlsx</t>
  </si>
  <si>
    <t>01/15/2020 09:16:24</t>
  </si>
  <si>
    <t>01/15/2020 09:16:25</t>
  </si>
  <si>
    <t>01/15/2020 09:16:36</t>
  </si>
  <si>
    <t>01/15/2020 09:16:37</t>
  </si>
  <si>
    <t>01/15/2020 09:17:15</t>
  </si>
  <si>
    <t>a2dab12a-26e7-4ef2-ad9c-3d2def1ffcda.tmp</t>
  </si>
  <si>
    <t>\\acsfs\profiles$\websondsa\Downloads\a2dab12a-26e7-4ef2-ad9c-3d2def1ffcda.tmp</t>
  </si>
  <si>
    <t>01/15/2020 09:12:51</t>
  </si>
  <si>
    <t>96d3bcb7-afb9-4d2f-a67e-a413520eebb0.tmp</t>
  </si>
  <si>
    <t>\\acsfs\profiles$\maxmillianosv\Downloads\96d3bcb7-afb9-4d2f-a67e-a413520eebb0.tmp</t>
  </si>
  <si>
    <t>c918009d-7f6e-4d7f-9568-5f50ecd41969.tmp</t>
  </si>
  <si>
    <t>\\acsfs\profiles$\maxmillianosv\Downloads\c918009d-7f6e-4d7f-9568-5f50ecd41969.tmp</t>
  </si>
  <si>
    <t>01/15/2020 09:14:54</t>
  </si>
  <si>
    <t>01/15/2020 09:19:45</t>
  </si>
  <si>
    <t>01/15/2020 09:15:05</t>
  </si>
  <si>
    <t>01/15/2020 09:15:54</t>
  </si>
  <si>
    <t>01/15/2020 09:16:54</t>
  </si>
  <si>
    <t>01/15/2020 09:17:54</t>
  </si>
  <si>
    <t>01/15/2020 09:18:32</t>
  </si>
  <si>
    <t>01/15/2020 09:18:35</t>
  </si>
  <si>
    <t>01/15/2020 09:18:37</t>
  </si>
  <si>
    <t>01/15/2020 09:18:39</t>
  </si>
  <si>
    <t>01/15/2020 09:18:44</t>
  </si>
  <si>
    <t>01/15/2020 09:18:47</t>
  </si>
  <si>
    <t>01/15/2020 09:18:50</t>
  </si>
  <si>
    <t>01/15/2020 09:18:53</t>
  </si>
  <si>
    <t>01/15/2020 09:18:55</t>
  </si>
  <si>
    <t>01/15/2020 09:18:57</t>
  </si>
  <si>
    <t>01/15/2020 09:19:00</t>
  </si>
  <si>
    <t>01/15/2020 09:19:02</t>
  </si>
  <si>
    <t>01/15/2020 09:14:49</t>
  </si>
  <si>
    <t>3431677b-a8b6-4477-81c8-d2ce1d150c80.tmp</t>
  </si>
  <si>
    <t>\\acsfs\profiles$\nathaliarmr\Downloads\3431677b-a8b6-4477-81c8-d2ce1d150c80.tmp</t>
  </si>
  <si>
    <t>01/15/2020 09:15:31</t>
  </si>
  <si>
    <t>f9a92b6b-2024-48e2-9cdd-9f97933da8e4.tmp</t>
  </si>
  <si>
    <t>\\acsfs\profiles$\marcosvnds\Downloads\f9a92b6b-2024-48e2-9cdd-9f97933da8e4.tmp</t>
  </si>
  <si>
    <t>01/15/2020 09:16:44</t>
  </si>
  <si>
    <t>f424bd5e-9ba4-4d43-b87b-c8e7cba7935b.tmp</t>
  </si>
  <si>
    <t>\\acsfs\profiles$\marcosvnds\Downloads\f424bd5e-9ba4-4d43-b87b-c8e7cba7935b.tmp</t>
  </si>
  <si>
    <t>01/15/2020 09:17:37</t>
  </si>
  <si>
    <t>f496122e-d902-45f1-95e4-891335bc89cb.tmp</t>
  </si>
  <si>
    <t>\\acsfs\profiles$\marcosvnds\Downloads\f496122e-d902-45f1-95e4-891335bc89cb.tmp</t>
  </si>
  <si>
    <t>01/15/2020 09:17:55</t>
  </si>
  <si>
    <t>a7f24626-8311-4779-b1c9-fb737a17d88d.tmp</t>
  </si>
  <si>
    <t>\\acsfs\profiles$\marcosvnds\Downloads\a7f24626-8311-4779-b1c9-fb737a17d88d.tmp</t>
  </si>
  <si>
    <t>01/15/2020 09:18:08</t>
  </si>
  <si>
    <t>53c0186a-1929-49f1-b0b2-f7f8e3c24e35.tmp</t>
  </si>
  <si>
    <t>\\acsfs\profiles$\marcosvnds\Downloads\53c0186a-1929-49f1-b0b2-f7f8e3c24e35.tmp</t>
  </si>
  <si>
    <t>01/15/2020 09:18:10</t>
  </si>
  <si>
    <t>d4a36bbe-5810-417c-9a8d-9e68052b1f51.tmp</t>
  </si>
  <si>
    <t>\\acsfs\profiles$\marcosvnds\Downloads\d4a36bbe-5810-417c-9a8d-9e68052b1f51.tmp</t>
  </si>
  <si>
    <t>01/15/2020 09:20:46</t>
  </si>
  <si>
    <t>01/15/2020 09:19:05</t>
  </si>
  <si>
    <t>cd0c1f3d-2f0f-49ea-9cd8-40f1727be5a0.tmp</t>
  </si>
  <si>
    <t>\\acsfs\profiles$\lucasgpe\Downloads\cd0c1f3d-2f0f-49ea-9cd8-40f1727be5a0.tmp</t>
  </si>
  <si>
    <t>01/15/2020 09:17:28</t>
  </si>
  <si>
    <t>01/15/2020 09:21:45</t>
  </si>
  <si>
    <t>01/15/2020 09:16:22</t>
  </si>
  <si>
    <t>01/15/2020 09:16:52</t>
  </si>
  <si>
    <t>01/15/2020 09:17:22</t>
  </si>
  <si>
    <t>01/15/2020 09:17:52</t>
  </si>
  <si>
    <t>01/15/2020 09:20:52</t>
  </si>
  <si>
    <t>01/15/2020 09:21:04</t>
  </si>
  <si>
    <t>01/15/2020 09:22:46</t>
  </si>
  <si>
    <t>ALYNY ALVES_1_6778073608581363441_1_32.wav</t>
  </si>
  <si>
    <t>\\acsfs\Deptos\EDUCACAO EMPRESARIAL\KÉSIA\Ligações 2º ciclo - Janeiro 2020\ALYNY ALVES_1_6778073608581363441_1_32.wav</t>
  </si>
  <si>
    <t>01/15/2020 09:23:20</t>
  </si>
  <si>
    <t>01/15/2020 09:24:46</t>
  </si>
  <si>
    <t>abaec22f-4fff-41de-b15e-b14d9d80a0db.tmp</t>
  </si>
  <si>
    <t>\\acsfs\profiles$\gabrielaff\Downloads\abaec22f-4fff-41de-b15e-b14d9d80a0db.tmp</t>
  </si>
  <si>
    <t>01/15/2020 09:19:13</t>
  </si>
  <si>
    <t>01/15/2020 09:20:05</t>
  </si>
  <si>
    <t>01/15/2020 09:20:13</t>
  </si>
  <si>
    <t>01/15/2020 09:20:17</t>
  </si>
  <si>
    <t>01/15/2020 09:20:30</t>
  </si>
  <si>
    <t>01/15/2020 09:20:40</t>
  </si>
  <si>
    <t>01/15/2020 09:20:44</t>
  </si>
  <si>
    <t>01/15/2020 09:21:01</t>
  </si>
  <si>
    <t>01/15/2020 09:21:09</t>
  </si>
  <si>
    <t>01/15/2020 09:21:16</t>
  </si>
  <si>
    <t>01/15/2020 09:21:35</t>
  </si>
  <si>
    <t>01/15/2020 09:22:10</t>
  </si>
  <si>
    <t>01/15/2020 09:22:45</t>
  </si>
  <si>
    <t>01/15/2020 09:23:45</t>
  </si>
  <si>
    <t>01/15/2020 09:23:08</t>
  </si>
  <si>
    <t>378ed2a1-8ef4-451e-885b-1650cb44be76.tmp</t>
  </si>
  <si>
    <t>\\acsfs\profiles$\nathaliarmr\Downloads\378ed2a1-8ef4-451e-885b-1650cb44be76.tmp</t>
  </si>
  <si>
    <t>01/15/2020 09:23:30</t>
  </si>
  <si>
    <t>01/15/2020 09:25:45</t>
  </si>
  <si>
    <t>dalvadfb</t>
  </si>
  <si>
    <t>\\acsfs\profiles$\dalvadfb\My Documents\My Pictures\</t>
  </si>
  <si>
    <t>\\acsfs\profiles$\DALVADFB\My Documents\My Videos\desktop.ini</t>
  </si>
  <si>
    <t>01/15/2020 09:23:32</t>
  </si>
  <si>
    <t>\\acsfs\profiles$\DALVADFB\My Documents\My Videos\</t>
  </si>
  <si>
    <t>01/15/2020 09:23:33</t>
  </si>
  <si>
    <t>01/15/2020 09:23:34</t>
  </si>
  <si>
    <t>01/15/2020 09:23:35</t>
  </si>
  <si>
    <t>\\acsfs\profiles$\dalvadfb\My Documents\My Music\</t>
  </si>
  <si>
    <t>\\acsfs\profiles$\DALVADFB\My Documents\My Pictures\desktop.ini</t>
  </si>
  <si>
    <t>01/15/2020 09:23:37</t>
  </si>
  <si>
    <t>\\acsfs\profiles$\dalvadfb\My Documents\My Videos\</t>
  </si>
  <si>
    <t>01/15/2020 09:23:38</t>
  </si>
  <si>
    <t>01/15/2020 09:23:39</t>
  </si>
  <si>
    <t>01/15/2020 09:23:41</t>
  </si>
  <si>
    <t>01/15/2020 09:23:43</t>
  </si>
  <si>
    <t>\\acsfs\profiles$\DALVADFB\Contacts\</t>
  </si>
  <si>
    <t>\\acsfs\profiles$\DALVADFB\Contacts\desktop.ini</t>
  </si>
  <si>
    <t>01/15/2020 09:23:44</t>
  </si>
  <si>
    <t>01/15/2020 09:23:46</t>
  </si>
  <si>
    <t>01/15/2020 09:23:47</t>
  </si>
  <si>
    <t>01/15/2020 09:23:49</t>
  </si>
  <si>
    <t>01/15/2020 09:23:50</t>
  </si>
  <si>
    <t>01/15/2020 09:23:52</t>
  </si>
  <si>
    <t>\\acsfs\profiles$\dalvadfb\My Documents\</t>
  </si>
  <si>
    <t>\\acsfs\profiles$\DALVADFB\Favorites\desktop.ini</t>
  </si>
  <si>
    <t>01/15/2020 09:23:54</t>
  </si>
  <si>
    <t>01/15/2020 09:23:56</t>
  </si>
  <si>
    <t>01/15/2020 09:23:58</t>
  </si>
  <si>
    <t>01/15/2020 09:24:00</t>
  </si>
  <si>
    <t>01/15/2020 09:24:02</t>
  </si>
  <si>
    <t>01/15/2020 09:24:03</t>
  </si>
  <si>
    <t>01/15/2020 09:24:06</t>
  </si>
  <si>
    <t>\\acsfs\profiles$\DALVADFB\My Documents\My Music\desktop.ini</t>
  </si>
  <si>
    <t>01/15/2020 09:24:08</t>
  </si>
  <si>
    <t>\\acsfs\profiles$\DALVADFB\My Documents\My Music\</t>
  </si>
  <si>
    <t>01/15/2020 09:24:10</t>
  </si>
  <si>
    <t>01/15/2020 09:24:11</t>
  </si>
  <si>
    <t>01/15/2020 09:24:12</t>
  </si>
  <si>
    <t>01/15/2020 09:24:14</t>
  </si>
  <si>
    <t>\\acsfs\profiles$\DALVADFB\Searches\</t>
  </si>
  <si>
    <t>\\acsfs\profiles$\DALVADFB\Searches\desktop.ini</t>
  </si>
  <si>
    <t>01/15/2020 09:24:16</t>
  </si>
  <si>
    <t>01/15/2020 09:24:18</t>
  </si>
  <si>
    <t>01/15/2020 09:24:20</t>
  </si>
  <si>
    <t>01/15/2020 09:24:22</t>
  </si>
  <si>
    <t>01/15/2020 09:24:23</t>
  </si>
  <si>
    <t>\\acsfs\profiles$\dalvadfb\Downloads\</t>
  </si>
  <si>
    <t>\\acsfs\profiles$\DALVADFB\Downloads\desktop.ini</t>
  </si>
  <si>
    <t>01/15/2020 09:24:25</t>
  </si>
  <si>
    <t>\\acsfs\profiles$\DALVADFB\Downloads\</t>
  </si>
  <si>
    <t>01/15/2020 09:24:30</t>
  </si>
  <si>
    <t>\\acsfs\profiles$\dalvadfb\Favorites\</t>
  </si>
  <si>
    <t>\\acsfs\profiles$\DALVADFB\My Documents\desktop.ini</t>
  </si>
  <si>
    <t>\\acsfs\profiles$\DALVADFB\My Documents\</t>
  </si>
  <si>
    <t>01/15/2020 09:24:32</t>
  </si>
  <si>
    <t>01/15/2020 09:24:34</t>
  </si>
  <si>
    <t>01/15/2020 09:24:37</t>
  </si>
  <si>
    <t>01/15/2020 09:24:39</t>
  </si>
  <si>
    <t>01/15/2020 09:24:43</t>
  </si>
  <si>
    <t>\\acsfs\profiles$\DALVADFB\Saved Games\desktop.ini</t>
  </si>
  <si>
    <t>01/15/2020 09:24:45</t>
  </si>
  <si>
    <t>01/15/2020 09:20:31</t>
  </si>
  <si>
    <t>45b23a60-46c9-41d5-86c7-eb42a46b1402.tmp</t>
  </si>
  <si>
    <t>\\acsfs\profiles$\mariajra\Downloads\45b23a60-46c9-41d5-86c7-eb42a46b1402.tmp</t>
  </si>
  <si>
    <t>01/15/2020 09:20:45</t>
  </si>
  <si>
    <t>a101b4da-109f-4e54-9845-70a724c4116d.tmp</t>
  </si>
  <si>
    <t>\\acsfs\profiles$\mariajra\Downloads\a101b4da-109f-4e54-9845-70a724c4116d.tmp</t>
  </si>
  <si>
    <t>01/15/2020 09:25:05</t>
  </si>
  <si>
    <t>e968c3d6-3eca-4964-9895-dee7e17cb5f7.tmp</t>
  </si>
  <si>
    <t>\\acsfs\profiles$\talitafdc\Downloads\e968c3d6-3eca-4964-9895-dee7e17cb5f7.tmp</t>
  </si>
  <si>
    <t>01/15/2020 09:25:13</t>
  </si>
  <si>
    <t>c333ba09-5989-4aaf-b081-1d79cdcc7d96.tmp</t>
  </si>
  <si>
    <t>\\acsfs\profiles$\talitafdc\Downloads\c333ba09-5989-4aaf-b081-1d79cdcc7d96.tmp</t>
  </si>
  <si>
    <t>01/15/2020 09:23:09</t>
  </si>
  <si>
    <t>01/15/2020 09:26:46</t>
  </si>
  <si>
    <t>https://andrelpsa@algartech.com,joaogvc@algartech.com,josiascdsj@algartech.com,leonardoao@algartech.com,marianadjc@algartech.com,maristelavodq@bv.algartech.com,paulacn@algartech.com,qualidadealgarbv@algartech.com,supervisaobancovotorantim@algartech.com,taysdss@algartech.com,thiagolrc@bv.algartech.com,viniciussg@algartech.com</t>
  </si>
  <si>
    <t>01/15/2020 09:25:40</t>
  </si>
  <si>
    <t>mail.google.com/sync/u/0/i/s?hl=pt-BR&amp;c=893</t>
  </si>
  <si>
    <t>01/15/2020 09:25:49</t>
  </si>
  <si>
    <t>mail.google.com/sync/u/0/i/s?hl=pt-BR&amp;c=896</t>
  </si>
  <si>
    <t>01/15/2020 09:21:22</t>
  </si>
  <si>
    <t>01/15/2020 09:26:36</t>
  </si>
  <si>
    <t>01/15/2020 09:27:45</t>
  </si>
  <si>
    <t>01/15/2020 09:26:41</t>
  </si>
  <si>
    <t>\\acsfs\Deptos\Operacao\Banco_Votorantim\Supervisao\Maristela\CRBV vendas\Desligamento\Q29udHJvbGxlci5JRS1Qb3J0YWw-.ica.crdownload</t>
  </si>
  <si>
    <t>01/15/2020 09:29:46</t>
  </si>
  <si>
    <t>dcba3c96-51f4-4100-9c5e-24b74c7367fc.tmp</t>
  </si>
  <si>
    <t>\\acsfs\profiles$\paulovadc\Downloads\dcba3c96-51f4-4100-9c5e-24b74c7367fc.tmp</t>
  </si>
  <si>
    <t>01/15/2020 09:24:21</t>
  </si>
  <si>
    <t>01/15/2020 09:24:31</t>
  </si>
  <si>
    <t>01/15/2020 09:24:47</t>
  </si>
  <si>
    <t>01/15/2020 09:25:18</t>
  </si>
  <si>
    <t>01/15/2020 09:25:25</t>
  </si>
  <si>
    <t>01/15/2020 09:25:33</t>
  </si>
  <si>
    <t>01/15/2020 09:25:51</t>
  </si>
  <si>
    <t>01/15/2020 09:26:00</t>
  </si>
  <si>
    <t>01/15/2020 09:26:06</t>
  </si>
  <si>
    <t>01/15/2020 09:26:09</t>
  </si>
  <si>
    <t>01/15/2020 09:26:14</t>
  </si>
  <si>
    <t>01/15/2020 09:26:33</t>
  </si>
  <si>
    <t>01/15/2020 09:27:14</t>
  </si>
  <si>
    <t>01/15/2020 09:27:49</t>
  </si>
  <si>
    <t>01/15/2020 09:27:57</t>
  </si>
  <si>
    <t>01/15/2020 09:28:27</t>
  </si>
  <si>
    <t>01/15/2020 09:26:40</t>
  </si>
  <si>
    <t>lu103321fz62z.tmp</t>
  </si>
  <si>
    <t>\\acsfs\profiles$\BRUNAAR\Numero\lu103321fz62z.tmp</t>
  </si>
  <si>
    <t>01/15/2020 09:30:46</t>
  </si>
  <si>
    <t>01/15/2020 09:27:30</t>
  </si>
  <si>
    <t>e6a2bb6d-d1f7-4d9d-87a2-a5b125cf6d0f.tmp</t>
  </si>
  <si>
    <t>\\acsfs\profiles$\DALVADFB\Downloads\e6a2bb6d-d1f7-4d9d-87a2-a5b125cf6d0f.tmp</t>
  </si>
  <si>
    <t>01/15/2020 09:27:41</t>
  </si>
  <si>
    <t>Unconfirmed 511183.crdownload</t>
  </si>
  <si>
    <t>\\acsfs\profiles$\DALVADFB\Downloads\Unconfirmed 511183.crdownload</t>
  </si>
  <si>
    <t>01/15/2020 09:27:50</t>
  </si>
  <si>
    <t>470099e6-2e73-46c7-9754-ff1315917c72.tmp</t>
  </si>
  <si>
    <t>\\acsfs\profiles$\DALVADFB\Downloads\470099e6-2e73-46c7-9754-ff1315917c72.tmp</t>
  </si>
  <si>
    <t>01/15/2020 09:27:58</t>
  </si>
  <si>
    <t>Unconfirmed 885151.crdownload</t>
  </si>
  <si>
    <t>\\acsfs\profiles$\DALVADFB\Downloads\Unconfirmed 885151.crdownload</t>
  </si>
  <si>
    <t>01/15/2020 09:28:39</t>
  </si>
  <si>
    <t>7ac4ad28-3b1b-4c76-81be-d6ae5590588b.tmp</t>
  </si>
  <si>
    <t>\\acsfs\profiles$\DALVADFB\Downloads\7ac4ad28-3b1b-4c76-81be-d6ae5590588b.tmp</t>
  </si>
  <si>
    <t>01/15/2020 09:28:53</t>
  </si>
  <si>
    <t>Unconfirmed 761687.crdownload</t>
  </si>
  <si>
    <t>\\acsfs\profiles$\DALVADFB\Downloads\Unconfirmed 761687.crdownload</t>
  </si>
  <si>
    <t>01/15/2020 09:29:08</t>
  </si>
  <si>
    <t>90b3e7fc-f084-481d-b35b-1478e843cdc9.tmp</t>
  </si>
  <si>
    <t>\\acsfs\profiles$\DALVADFB\Downloads\90b3e7fc-f084-481d-b35b-1478e843cdc9.tmp</t>
  </si>
  <si>
    <t>01/15/2020 09:29:18</t>
  </si>
  <si>
    <t>46adc89d-c572-4033-a184-368489d28c09.tmp</t>
  </si>
  <si>
    <t>\\acsfs\profiles$\DALVADFB\Downloads\46adc89d-c572-4033-a184-368489d28c09.tmp</t>
  </si>
  <si>
    <t>01/15/2020 09:29:28</t>
  </si>
  <si>
    <t>6478240e-f36a-4a4f-8453-6df38561d279.tmp</t>
  </si>
  <si>
    <t>\\acsfs\profiles$\DALVADFB\Downloads\6478240e-f36a-4a4f-8453-6df38561d279.tmp</t>
  </si>
  <si>
    <t>01/15/2020 09:27:02</t>
  </si>
  <si>
    <t>01/15/2020 09:29:43</t>
  </si>
  <si>
    <t>mail.google.com/sync/u/0/i/s?hl=pt-BR&amp;c=342</t>
  </si>
  <si>
    <t>01/15/2020 09:29:50</t>
  </si>
  <si>
    <t>mail.google.com/sync/u/0/i/s?hl=pt-BR&amp;c=344</t>
  </si>
  <si>
    <t>01/15/2020 09:29:25</t>
  </si>
  <si>
    <t>7a9ab3f6-e037-4c49-a3c4-376c3c635ba5.tmp</t>
  </si>
  <si>
    <t>\\acsfs\profiles$\talitafdc\Downloads\7a9ab3f6-e037-4c49-a3c4-376c3c635ba5.tmp</t>
  </si>
  <si>
    <t>01/15/2020 09:26:13</t>
  </si>
  <si>
    <t>01/15/2020 09:31:46</t>
  </si>
  <si>
    <t>mail.google.com/sync/u/0/i/s?hl=pt-BR&amp;c=898</t>
  </si>
  <si>
    <t>01/15/2020 09:26:20</t>
  </si>
  <si>
    <t>01/15/2020 09:26:34</t>
  </si>
  <si>
    <t>mail.google.com/sync/u/0/i/s?hl=pt-BR&amp;c=903</t>
  </si>
  <si>
    <t>01/15/2020 09:26:48</t>
  </si>
  <si>
    <t>mail.google.com/sync/u/0/i/s?hl=pt-BR&amp;c=905</t>
  </si>
  <si>
    <t>01/15/2020 09:26:51</t>
  </si>
  <si>
    <t>mail.google.com/sync/u/0/i/s?hl=pt-BR&amp;c=907</t>
  </si>
  <si>
    <t>01/15/2020 09:28:00</t>
  </si>
  <si>
    <t>01/15/2020 09:28:49</t>
  </si>
  <si>
    <t>mail.google.com/sync/u/0/i/s?hl=pt-BR&amp;c=913</t>
  </si>
  <si>
    <t>mail.google.com/sync/u/0/i/s?hl=pt-BR&amp;c=916</t>
  </si>
  <si>
    <t>01/15/2020 09:29:20</t>
  </si>
  <si>
    <t>mail.google.com/sync/u/0/i/s?hl=pt-BR&amp;c=919</t>
  </si>
  <si>
    <t>01/15/2020 09:29:32</t>
  </si>
  <si>
    <t>01/15/2020 09:29:35</t>
  </si>
  <si>
    <t>mail.google.com/sync/u/0/i/s?hl=pt-BR&amp;c=923</t>
  </si>
  <si>
    <t>01/15/2020 09:29:53</t>
  </si>
  <si>
    <t>01/15/2020 09:29:58</t>
  </si>
  <si>
    <t>01/15/2020 09:30:20</t>
  </si>
  <si>
    <t>01/15/2020 09:30:25</t>
  </si>
  <si>
    <t>mail.google.com/sync/u/0/i/s?hl=pt-BR&amp;c=933</t>
  </si>
  <si>
    <t>01/15/2020 09:30:30</t>
  </si>
  <si>
    <t>01/15/2020 09:30:40</t>
  </si>
  <si>
    <t>01/15/2020 09:30:45</t>
  </si>
  <si>
    <t>01/15/2020 09:30:49</t>
  </si>
  <si>
    <t>01/15/2020 09:30:53</t>
  </si>
  <si>
    <t>01/15/2020 09:26:22</t>
  </si>
  <si>
    <t>01/15/2020 09:26:52</t>
  </si>
  <si>
    <t>01/15/2020 09:29:39</t>
  </si>
  <si>
    <t>01/15/2020 09:32:46</t>
  </si>
  <si>
    <t>ba4695aa-ab89-4107-a290-cf2c5b46d526.tmp</t>
  </si>
  <si>
    <t>\\acsfs\profiles$\kamilamrc\Downloads\ba4695aa-ab89-4107-a290-cf2c5b46d526.tmp</t>
  </si>
  <si>
    <t>01/15/2020 09:30:51</t>
  </si>
  <si>
    <t>53313b6c-03e3-4622-858c-ce3057a786b3.tmp</t>
  </si>
  <si>
    <t>\\acsfs\profiles$\kamilamrc\Downloads\53313b6c-03e3-4622-858c-ce3057a786b3.tmp</t>
  </si>
  <si>
    <t>01/15/2020 09:31:07</t>
  </si>
  <si>
    <t>6ae4e399-ca3b-4073-81d5-6a9aeb597627.tmp</t>
  </si>
  <si>
    <t>\\acsfs\profiles$\kamilamrc\Downloads\6ae4e399-ca3b-4073-81d5-6a9aeb597627.tmp</t>
  </si>
  <si>
    <t>01/15/2020 09:31:22</t>
  </si>
  <si>
    <t>0ff28193-3c00-4790-8e22-4b79d7ba6b21.tmp</t>
  </si>
  <si>
    <t>\\acsfs\profiles$\kamilamrc\Downloads\0ff28193-3c00-4790-8e22-4b79d7ba6b21.tmp</t>
  </si>
  <si>
    <t>01/15/2020 09:31:26</t>
  </si>
  <si>
    <t>7b56368b-74d0-487d-9796-be888852fb83.tmp</t>
  </si>
  <si>
    <t>\\acsfs\profiles$\kamilamrc\Downloads\7b56368b-74d0-487d-9796-be888852fb83.tmp</t>
  </si>
  <si>
    <t>01/15/2020 09:31:34</t>
  </si>
  <si>
    <t>1880620c-f648-4470-8ea7-d69c27a67a64.tmp</t>
  </si>
  <si>
    <t>\\acsfs\profiles$\kamilamrc\Downloads\1880620c-f648-4470-8ea7-d69c27a67a64.tmp</t>
  </si>
  <si>
    <t>01/15/2020 09:28:44</t>
  </si>
  <si>
    <t>d5b2cd9d-5159-42c7-bf66-616ae600cc3d.tmp</t>
  </si>
  <si>
    <t>\\acsfs\profiles$\jhonatadss\Downloads\d5b2cd9d-5159-42c7-bf66-616ae600cc3d.tmp</t>
  </si>
  <si>
    <t>da0b27da-a6b8-4736-9d2a-ef896600e5c2.tmp</t>
  </si>
  <si>
    <t>\\acsfs\profiles$\jhonatadss\Downloads\da0b27da-a6b8-4736-9d2a-ef896600e5c2.tmp</t>
  </si>
  <si>
    <t>01/15/2020 09:30:56</t>
  </si>
  <si>
    <t>5fb62ffb-5b87-4581-96a2-07b77b45b95a.tmp</t>
  </si>
  <si>
    <t>\\acsfs\profiles$\jhonatadss\Downloads\5fb62ffb-5b87-4581-96a2-07b77b45b95a.tmp</t>
  </si>
  <si>
    <t>01/15/2020 09:31:24</t>
  </si>
  <si>
    <t>f87a5c33-c9c4-4b29-988f-52232dc82f01.tmp</t>
  </si>
  <si>
    <t>\\acsfs\profiles$\jhonatadss\Downloads\f87a5c33-c9c4-4b29-988f-52232dc82f01.tmp</t>
  </si>
  <si>
    <t>01/15/2020 09:30:16</t>
  </si>
  <si>
    <t>01/15/2020 09:33:45</t>
  </si>
  <si>
    <t>a6ab99cc-862f-4fdb-949e-0bd67859a74a.tmp</t>
  </si>
  <si>
    <t>\\acsfs\profiles$\henriquehmdo\Downloads\a6ab99cc-862f-4fdb-949e-0bd67859a74a.tmp</t>
  </si>
  <si>
    <t>01/15/2020 09:30:21</t>
  </si>
  <si>
    <t>01/15/2020 09:31:49</t>
  </si>
  <si>
    <t>8abcf6f6-6eb5-46ec-bdb0-6d6385464b04.tmp</t>
  </si>
  <si>
    <t>\\acsfs\profiles$\henriquehmdo\Downloads\8abcf6f6-6eb5-46ec-bdb0-6d6385464b04.tmp</t>
  </si>
  <si>
    <t>01/15/2020 09:29:26</t>
  </si>
  <si>
    <t>01/15/2020 09:34:46</t>
  </si>
  <si>
    <t>01/15/2020 09:30:05</t>
  </si>
  <si>
    <t>01/15/2020 09:30:26</t>
  </si>
  <si>
    <t>01/15/2020 09:32:15</t>
  </si>
  <si>
    <t>01/15/2020 09:32:32</t>
  </si>
  <si>
    <t>01/15/2020 09:33:33</t>
  </si>
  <si>
    <t>01/15/2020 09:34:03</t>
  </si>
  <si>
    <t>100031549241687;</t>
  </si>
  <si>
    <t>https://100031549241687</t>
  </si>
  <si>
    <t>01/15/2020 09:35:45</t>
  </si>
  <si>
    <t>01/15/2020 09:32:16</t>
  </si>
  <si>
    <t>97def02c-9d37-4d4c-8252-6f2412679dd2.tmp</t>
  </si>
  <si>
    <t>\\acsfs\profiles$\DALVADFB\Downloads\97def02c-9d37-4d4c-8252-6f2412679dd2.tmp</t>
  </si>
  <si>
    <t>9cd19da8-f690-4093-92a5-974e467f17e6.tmp</t>
  </si>
  <si>
    <t>\\acsfs\profiles$\lorrainerdl\Downloads\9cd19da8-f690-4093-92a5-974e467f17e6.tmp</t>
  </si>
  <si>
    <t>01/15/2020 09:33:46</t>
  </si>
  <si>
    <t>330680e2-3397-4a2c-82a1-073f11682cf6.tmp</t>
  </si>
  <si>
    <t>\\acsfs\profiles$\lucasgpe\Downloads\330680e2-3397-4a2c-82a1-073f11682cf6.tmp</t>
  </si>
  <si>
    <t>01/15/2020 09:31:17</t>
  </si>
  <si>
    <t>c0fc6a9f-3c7b-4c46-adb3-eafceafbdf70.tmp</t>
  </si>
  <si>
    <t>\\acsfs\profiles$\talitafdc\Downloads\c0fc6a9f-3c7b-4c46-adb3-eafceafbdf70.tmp</t>
  </si>
  <si>
    <t>01/15/2020 09:34:12</t>
  </si>
  <si>
    <t>01/15/2020 09:34:13</t>
  </si>
  <si>
    <t>01/15/2020 09:30:58</t>
  </si>
  <si>
    <t>01/15/2020 09:36:46</t>
  </si>
  <si>
    <t>01/15/2020 09:31:04</t>
  </si>
  <si>
    <t>01/15/2020 09:31:10</t>
  </si>
  <si>
    <t>mail.google.com/sync/u/0/i/s?hl=pt-BR&amp;c=949</t>
  </si>
  <si>
    <t>01/15/2020 09:31:16</t>
  </si>
  <si>
    <t>01/15/2020 09:31:45</t>
  </si>
  <si>
    <t>mail.google.com/sync/u/0/i/s?hl=pt-BR&amp;c=954</t>
  </si>
  <si>
    <t>01/15/2020 09:31:48</t>
  </si>
  <si>
    <t>01/15/2020 09:32:00</t>
  </si>
  <si>
    <t>01/15/2020 09:32:33</t>
  </si>
  <si>
    <t>01/15/2020 09:33:12</t>
  </si>
  <si>
    <t>100014122394468;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t>
  </si>
  <si>
    <t>100014122394468,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t>
  </si>
  <si>
    <t>01/15/2020 09:33:18</t>
  </si>
  <si>
    <t>mail.google.com/sync/u/0/i/s?hl=pt-BR&amp;c=975</t>
  </si>
  <si>
    <t>01/15/2020 09:33:26</t>
  </si>
  <si>
    <t>01/15/2020 09:33:37</t>
  </si>
  <si>
    <t>mail.google.com/sync/u/0/i/s?hl=pt-BR&amp;c=981</t>
  </si>
  <si>
    <t>01/15/2020 09:33:48</t>
  </si>
  <si>
    <t>01/15/2020 09:34:37</t>
  </si>
  <si>
    <t>01/15/2020 09:31:53</t>
  </si>
  <si>
    <t>01/15/2020 09:35:23</t>
  </si>
  <si>
    <t>01/15/2020 09:35:53</t>
  </si>
  <si>
    <t>01/15/2020 09:38:46</t>
  </si>
  <si>
    <t>01/15/2020 09:34:44</t>
  </si>
  <si>
    <t>9532dbdc-e041-4159-a0f1-d6bd2bea24b3.tmp</t>
  </si>
  <si>
    <t>\\acsfs\profiles$\claudiajca\Downloads\9532dbdc-e041-4159-a0f1-d6bd2bea24b3.tmp</t>
  </si>
  <si>
    <t>01/15/2020 09:34:16</t>
  </si>
  <si>
    <t>01/15/2020 09:34:07</t>
  </si>
  <si>
    <t>01/15/2020 09:39:45</t>
  </si>
  <si>
    <t>01/15/2020 09:34:42</t>
  </si>
  <si>
    <t>01/15/2020 09:35:05</t>
  </si>
  <si>
    <t>01/15/2020 09:35:43</t>
  </si>
  <si>
    <t>01/15/2020 09:36:08</t>
  </si>
  <si>
    <t>01/15/2020 09:36:11</t>
  </si>
  <si>
    <t>01/15/2020 09:36:12</t>
  </si>
  <si>
    <t>01/15/2020 09:36:20</t>
  </si>
  <si>
    <t>01/15/2020 09:36:25</t>
  </si>
  <si>
    <t>01/15/2020 09:36:40</t>
  </si>
  <si>
    <t>01/15/2020 09:36:42</t>
  </si>
  <si>
    <t>01/15/2020 09:36:44</t>
  </si>
  <si>
    <t>01/15/2020 09:37:02</t>
  </si>
  <si>
    <t>01/15/2020 09:37:09</t>
  </si>
  <si>
    <t>01/15/2020 09:37:10</t>
  </si>
  <si>
    <t>01/15/2020 09:37:22</t>
  </si>
  <si>
    <t>01/15/2020 09:37:26</t>
  </si>
  <si>
    <t>01/15/2020 09:37:40</t>
  </si>
  <si>
    <t>01/15/2020 09:38:26</t>
  </si>
  <si>
    <t>01/15/2020 09:39:11</t>
  </si>
  <si>
    <t>01/15/2020 09:39:23</t>
  </si>
  <si>
    <t>Caso 00818920 Deise Monteiro da Silva.pdf</t>
  </si>
  <si>
    <t>\\acsfs\Deptos\EDUCACAO EMPRESARIAL\FERNANDA MONIT\Fernanda\RECLAMAÇÃO E OUVIDORIA\Caso 00818920 Deise Monteiro da Silva.pdf</t>
  </si>
  <si>
    <t>01/15/2020 09:40:46</t>
  </si>
  <si>
    <t>01/15/2020 09:37:47</t>
  </si>
  <si>
    <t>01/15/2020 09:38:07</t>
  </si>
  <si>
    <t>01/15/2020 09:39:51</t>
  </si>
  <si>
    <t>01/15/2020 09:35:55</t>
  </si>
  <si>
    <t>\\acsfs\profiles$\jessicafc\Downloads\</t>
  </si>
  <si>
    <t>7b0ef580-cf83-4d0b-bc1d-a371514c3e77.tmp</t>
  </si>
  <si>
    <t>\\acsfs\profiles$\jessicafc\Downloads\7b0ef580-cf83-4d0b-bc1d-a371514c3e77.tmp</t>
  </si>
  <si>
    <t>01/15/2020 09:36:07</t>
  </si>
  <si>
    <t>debd2363-6d9f-4535-b5f2-556695dcfbd9.tmp</t>
  </si>
  <si>
    <t>\\acsfs\profiles$\jessicafc\Downloads\debd2363-6d9f-4535-b5f2-556695dcfbd9.tmp</t>
  </si>
  <si>
    <t>01/15/2020 09:37:14</t>
  </si>
  <si>
    <t>cb47aeb2-b3db-4a78-8c94-66e75df39f05.tmp</t>
  </si>
  <si>
    <t>\\acsfs\profiles$\jessicafc\Downloads\cb47aeb2-b3db-4a78-8c94-66e75df39f05.tmp</t>
  </si>
  <si>
    <t>01/15/2020 09:39:06</t>
  </si>
  <si>
    <t>01/15/2020 09:41:46</t>
  </si>
  <si>
    <t>a1bae453-5e40-492f-bd53-145e10664fc9.tmp</t>
  </si>
  <si>
    <t>\\acsfs\profiles$\gabrielhca\Downloads\a1bae453-5e40-492f-bd53-145e10664fc9.tmp</t>
  </si>
  <si>
    <t>01/15/2020 09:39:10</t>
  </si>
  <si>
    <t>e1a29bb4-5e14-4c31-b75a-cdc6bb0ca2dc.tmp</t>
  </si>
  <si>
    <t>\\acsfs\profiles$\gabrielhca\Downloads\e1a29bb4-5e14-4c31-b75a-cdc6bb0ca2dc.tmp</t>
  </si>
  <si>
    <t>01/15/2020 09:39:37</t>
  </si>
  <si>
    <t>38a521fe-1c12-4dcb-966f-3ca046addc87.tmp</t>
  </si>
  <si>
    <t>\\acsfs\profiles$\gabrielhca\Downloads\38a521fe-1c12-4dcb-966f-3ca046addc87.tmp</t>
  </si>
  <si>
    <t>01/15/2020 09:36:23</t>
  </si>
  <si>
    <t>01/15/2020 09:36:53</t>
  </si>
  <si>
    <t>01/15/2020 09:37:23</t>
  </si>
  <si>
    <t>01/15/2020 09:40:23</t>
  </si>
  <si>
    <t>01/15/2020 09:40:53</t>
  </si>
  <si>
    <t>01/15/2020 09:37:06</t>
  </si>
  <si>
    <t>mail.google.com/_/upload?authuser=0&amp;dcp=asu-n&amp;upload_id=AEnB2UrtLzdjqpT2Z48XR9P--jauSD10ytEvJkhGpCmyuDmklXMYRKLYsJrTj2V6q42FjPFcw7LUOSWoIDZluYK4oChu8EJDPkuihZYt3Xmovnaek3Gh1CQ&amp;upload_protocol=resumable</t>
  </si>
  <si>
    <t>01/15/2020 09:38:02</t>
  </si>
  <si>
    <t>mail.google.com/sync/u/0/i/s?hl=pt-BR&amp;c=1025</t>
  </si>
  <si>
    <t>01/15/2020 09:38:14</t>
  </si>
  <si>
    <t>mail.google.com/sync/u/0/i/s?hl=pt-BR&amp;c=1027</t>
  </si>
  <si>
    <t>01/15/2020 09:38:20</t>
  </si>
  <si>
    <t>mail.google.com/sync/u/0/i/s?hl=pt-BR&amp;c=1029</t>
  </si>
  <si>
    <t>01/15/2020 09:37:25</t>
  </si>
  <si>
    <t>01/15/2020 09:37:53</t>
  </si>
  <si>
    <t>01/15/2020 09:37:57</t>
  </si>
  <si>
    <t>mail.google.com/sync/u/0/i/s?hl=pt-BR&amp;c=908</t>
  </si>
  <si>
    <t>01/15/2020 09:41:01</t>
  </si>
  <si>
    <t>01/15/2020 09:42:46</t>
  </si>
  <si>
    <t>\\acsfs\Deptos\Operacao\Banco_Votorantim\Supervisao\Maristela\CRBV vendas\Cópia de °ºAcompanhamento de Equipe Maristelaº°.xlsx\</t>
  </si>
  <si>
    <t>\\acsfs\Deptos\Operacao\Banco_Votorantim\Supervisao\Maristela\CRBV vendas\Cópia de °ºAcompanhamento de Equipe Maristelaº°.xlsx</t>
  </si>
  <si>
    <t>Cópia de °ºAcompanhamento de Equipe Maristelaº°.xlsx</t>
  </si>
  <si>
    <t>01/15/2020 09:43:45</t>
  </si>
  <si>
    <t>01/15/2020 09:41:21</t>
  </si>
  <si>
    <t>3dd9e955-651d-47dd-8277-eec05804e22f.tmp</t>
  </si>
  <si>
    <t>\\acsfs\profiles$\henriquehmdo\Downloads\3dd9e955-651d-47dd-8277-eec05804e22f.tmp</t>
  </si>
  <si>
    <t>01/15/2020 09:41:26</t>
  </si>
  <si>
    <t>01/15/2020 09:42:14</t>
  </si>
  <si>
    <t>01/15/2020 09:44:46</t>
  </si>
  <si>
    <t>6e863160-f011-4770-b0a6-09afd1632308.tmp</t>
  </si>
  <si>
    <t>\\acsfs\profiles$\vivianealda\Downloads\6e863160-f011-4770-b0a6-09afd1632308.tmp</t>
  </si>
  <si>
    <t>01/15/2020 09:42:08</t>
  </si>
  <si>
    <t>b1601c2d-cfc5-4046-823f-3d8797b5170d.tmp</t>
  </si>
  <si>
    <t>\\acsfs\profiles$\LAISLG\Downloads\b1601c2d-cfc5-4046-823f-3d8797b5170d.tmp</t>
  </si>
  <si>
    <t>01/15/2020 09:43:15</t>
  </si>
  <si>
    <t>fc473e3a-fe51-4568-989b-372eeef22c68.tmp</t>
  </si>
  <si>
    <t>\\acsfs\profiles$\LAISLG\Downloads\fc473e3a-fe51-4568-989b-372eeef22c68.tmp</t>
  </si>
  <si>
    <t>01/15/2020 09:39:26</t>
  </si>
  <si>
    <t>01/15/2020 09:40:05</t>
  </si>
  <si>
    <t>01/15/2020 09:40:26</t>
  </si>
  <si>
    <t>01/15/2020 09:41:49</t>
  </si>
  <si>
    <t>01/15/2020 09:41:55</t>
  </si>
  <si>
    <t>01/15/2020 09:42:01</t>
  </si>
  <si>
    <t>01/15/2020 09:42:30</t>
  </si>
  <si>
    <t>01/15/2020 09:43:30</t>
  </si>
  <si>
    <t>01/15/2020 09:44:03</t>
  </si>
  <si>
    <t>01/15/2020 09:41:52</t>
  </si>
  <si>
    <t>01/15/2020 09:42:27</t>
  </si>
  <si>
    <t>01/15/2020 09:42:37</t>
  </si>
  <si>
    <t>mail.google.com/_/upload?authuser=0&amp;dcp=asu-n&amp;upload_id=AEnB2UqK0VCuSm4QgSjW9Q9x-zAhSS1NT2DAh65Y7XyxGNfpTExqnc9Ee9gPPGR7-nT0hQDeH1NKGSBwOiDXtfrqEFNpxZ4xZ_xzizTT1sWkPnUlbbJpoVA&amp;upload_protocol=resumable</t>
  </si>
  <si>
    <t>C:\Users\fernandaab\Desktop\</t>
  </si>
  <si>
    <t>Operadora VICTORIA KAROLLINE SILVA RODRIGUES_1_6754406882786491228_1_32.wav</t>
  </si>
  <si>
    <t>01/15/2020 09:43:01</t>
  </si>
  <si>
    <t>01/15/2020 09:45:45</t>
  </si>
  <si>
    <t>01/15/2020 09:43:39</t>
  </si>
  <si>
    <t>7ead060a-015c-466c-9aa3-f63e82de9d38.tmp</t>
  </si>
  <si>
    <t>\\acsfs\profiles$\jessicafc\Downloads\7ead060a-015c-466c-9aa3-f63e82de9d38.tmp</t>
  </si>
  <si>
    <t>657de3b4-1e93-435e-aba2-a832b14b1a72.tmp</t>
  </si>
  <si>
    <t>\\acsfs\profiles$\talitafdc\Downloads\657de3b4-1e93-435e-aba2-a832b14b1a72.tmp</t>
  </si>
  <si>
    <t>01/15/2020 09:41:16</t>
  </si>
  <si>
    <t>01/15/2020 09:46:46</t>
  </si>
  <si>
    <t>b223af96-c2f6-4634-a7b6-32f2bfa3b1db.tmp</t>
  </si>
  <si>
    <t>\\acsfs\profiles$\gabrielhca\Downloads\b223af96-c2f6-4634-a7b6-32f2bfa3b1db.tmp</t>
  </si>
  <si>
    <t>01/15/2020 09:42:00</t>
  </si>
  <si>
    <t>b10af6a9-133e-4349-82c9-77697c01c573.tmp</t>
  </si>
  <si>
    <t>\\acsfs\profiles$\gabrielhca\Downloads\b10af6a9-133e-4349-82c9-77697c01c573.tmp</t>
  </si>
  <si>
    <t>01/15/2020 09:41:53</t>
  </si>
  <si>
    <t>01/15/2020 09:42:23</t>
  </si>
  <si>
    <t>01/15/2020 09:45:53</t>
  </si>
  <si>
    <t>01/15/2020 09:43:52</t>
  </si>
  <si>
    <t>8d578351-fd0c-4675-8020-51366f8a4ec4.tmp</t>
  </si>
  <si>
    <t>\\acsfs\profiles$\PEDROHAB\Downloads\8d578351-fd0c-4675-8020-51366f8a4ec4.tmp</t>
  </si>
  <si>
    <t>01/15/2020 09:43:00</t>
  </si>
  <si>
    <t>01/15/2020 09:43:09</t>
  </si>
  <si>
    <t>01/15/2020 09:43:13</t>
  </si>
  <si>
    <t>01/15/2020 09:43:26</t>
  </si>
  <si>
    <t>01/15/2020 09:44:37</t>
  </si>
  <si>
    <t>mail.google.com/sync/u/0/i/s?hl=pt-BR&amp;c=979</t>
  </si>
  <si>
    <t>01/15/2020 09:44:39</t>
  </si>
  <si>
    <t>01/15/2020 09:47:45</t>
  </si>
  <si>
    <t>10.200.67.186</t>
  </si>
  <si>
    <t>d605aae3-4c48-45de-87fb-2b162c1121de.tmp</t>
  </si>
  <si>
    <t>\\acsfs\profiles$\adelvinsonle\Downloads\d605aae3-4c48-45de-87fb-2b162c1121de.tmp</t>
  </si>
  <si>
    <t>01/15/2020 09:44:40</t>
  </si>
  <si>
    <t>592931b5-177c-4160-8d03-f23ec6ae0dc4.tmp</t>
  </si>
  <si>
    <t>\\acsfs\profiles$\adelvinsonle\Downloads\592931b5-177c-4160-8d03-f23ec6ae0dc4.tmp</t>
  </si>
  <si>
    <t>01/15/2020 09:44:48</t>
  </si>
  <si>
    <t>Q29udHJvbGxlci5DYWxjdWxhZG9yYURlVmVuY2lt (13).ica</t>
  </si>
  <si>
    <t>\\acsfs\profiles$\adelvinsonle\Downloads\Q29udHJvbGxlci5DYWxjdWxhZG9yYURlVmVuY2lt (13).ica</t>
  </si>
  <si>
    <t>01/15/2020 09:46:23</t>
  </si>
  <si>
    <t>e37aea85-5ee6-45a1-859d-fc1d995ede4b.tmp</t>
  </si>
  <si>
    <t>\\acsfs\profiles$\adelvinsonle\Downloads\e37aea85-5ee6-45a1-859d-fc1d995ede4b.tmp</t>
  </si>
  <si>
    <t>01/15/2020 09:45:22</t>
  </si>
  <si>
    <t>79305a8c-08c0-4541-9153-86f9e53df62e.tmp</t>
  </si>
  <si>
    <t>\\acsfs\profiles$\inarajst\Downloads\79305a8c-08c0-4541-9153-86f9e53df62e.tmp</t>
  </si>
  <si>
    <t>01/15/2020 09:45:32</t>
  </si>
  <si>
    <t>bbd9be53-6bfd-4c3e-8ec0-38d0c2d6bfa5.tmp</t>
  </si>
  <si>
    <t>\\acsfs\profiles$\inarajst\Downloads\bbd9be53-6bfd-4c3e-8ec0-38d0c2d6bfa5.tmp</t>
  </si>
  <si>
    <t>01/15/2020 09:48:46</t>
  </si>
  <si>
    <t>be988b52-8074-4aca-acc2-72e963774811.tmp</t>
  </si>
  <si>
    <t>\\acsfs\profiles$\gabrielsma\Downloads\be988b52-8074-4aca-acc2-72e963774811.tmp</t>
  </si>
  <si>
    <t>01/15/2020 09:44:43</t>
  </si>
  <si>
    <t>\\acsfs\ACS\Gabriel da Silva\Contemporânea\Gen\Q29udHJvbGxlci5BQ09NLVNvdUJWXzE-.ica.crdownload</t>
  </si>
  <si>
    <t>01/15/2020 09:46:12</t>
  </si>
  <si>
    <t>4f443bb5-b302-47b6-94a2-1f33e80bace1.tmp</t>
  </si>
  <si>
    <t>\\acsfs\profiles$\gabrielsma\Downloads\4f443bb5-b302-47b6-94a2-1f33e80bace1.tmp</t>
  </si>
  <si>
    <t>01/15/2020 09:46:16</t>
  </si>
  <si>
    <t>01/15/2020 09:49:46</t>
  </si>
  <si>
    <t>01/15/2020 09:46:00</t>
  </si>
  <si>
    <t>75039a38-e73f-432e-8496-6ee3d9e7e1ba.tmp</t>
  </si>
  <si>
    <t>\\acsfs\profiles$\nathaliarmr\Downloads\75039a38-e73f-432e-8496-6ee3d9e7e1ba.tmp</t>
  </si>
  <si>
    <t>01/15/2020 09:46:06</t>
  </si>
  <si>
    <t>c4ce0c47-b356-4143-bc0e-4fa5a922f693.tmp</t>
  </si>
  <si>
    <t>\\acsfs\profiles$\nathaliarmr\Downloads\c4ce0c47-b356-4143-bc0e-4fa5a922f693.tmp</t>
  </si>
  <si>
    <t>01/15/2020 09:44:11</t>
  </si>
  <si>
    <t>01/15/2020 09:44:56</t>
  </si>
  <si>
    <t>01/15/2020 09:45:00</t>
  </si>
  <si>
    <t>01/15/2020 09:45:03</t>
  </si>
  <si>
    <t>https://excel.officeapps.live.com/x/_vti_bin/ewainternalwebservice.json/pastestring?waccluster=br2</t>
  </si>
  <si>
    <t>01/15/2020 09:45:05</t>
  </si>
  <si>
    <t>01/15/2020 09:45:08</t>
  </si>
  <si>
    <t>https://excel.officeapps.live.com/x/_vti_bin/ewainternalwebservice.json/applytoranges?waccluster=br2</t>
  </si>
  <si>
    <t>01/15/2020 09:45:10</t>
  </si>
  <si>
    <t>01/15/2020 09:46:10</t>
  </si>
  <si>
    <t>01/15/2020 09:47:10</t>
  </si>
  <si>
    <t>01/15/2020 09:48:06</t>
  </si>
  <si>
    <t>01/15/2020 09:48:19</t>
  </si>
  <si>
    <t>01/15/2020 09:48:44</t>
  </si>
  <si>
    <t>01/15/2020 09:50:46</t>
  </si>
  <si>
    <t>01/15/2020 09:50:06</t>
  </si>
  <si>
    <t>01/15/2020 09:46:48</t>
  </si>
  <si>
    <t>01/15/2020 09:48:02</t>
  </si>
  <si>
    <t>100014299414656;</t>
  </si>
  <si>
    <t>https://100014299414656</t>
  </si>
  <si>
    <t>01/15/2020 09:48:58</t>
  </si>
  <si>
    <t>01/15/2020 09:46:24</t>
  </si>
  <si>
    <t>01/15/2020 09:51:46</t>
  </si>
  <si>
    <t>01/15/2020 09:47:54</t>
  </si>
  <si>
    <t>01/15/2020 09:49:54</t>
  </si>
  <si>
    <t>01/15/2020 09:50:24</t>
  </si>
  <si>
    <t>01/15/2020 09:47:04</t>
  </si>
  <si>
    <t>01/15/2020 09:50:34</t>
  </si>
  <si>
    <t>Agent State Details 14.01.2020.xlsx</t>
  </si>
  <si>
    <t>\\acsfs\deptos\Operacao\PCP\5 - Comum\PLANEJAMENTO BV\23 - EXTRAÇÕES\Agent State Details\2020\JANEIRO\Agent State Details 14.01.2020.xlsx</t>
  </si>
  <si>
    <t>01/15/2020 09:47:50</t>
  </si>
  <si>
    <t>01/15/2020 09:48:05</t>
  </si>
  <si>
    <t>01/15/2020 09:48:24</t>
  </si>
  <si>
    <t>mail.google.com/sync/u/0/i/s?hl=pt-BR&amp;c=1010</t>
  </si>
  <si>
    <t>01/15/2020 09:49:01</t>
  </si>
  <si>
    <t>01/15/2020 09:49:06</t>
  </si>
  <si>
    <t>01/15/2020 09:49:11</t>
  </si>
  <si>
    <t>mail.google.com/sync/u/0/i/s?hl=pt-BR&amp;c=1021</t>
  </si>
  <si>
    <t>01/15/2020 09:49:19</t>
  </si>
  <si>
    <t>01/15/2020 09:49:36</t>
  </si>
  <si>
    <t>01/15/2020 09:49:39</t>
  </si>
  <si>
    <t>01/15/2020 09:50:23</t>
  </si>
  <si>
    <t>01/15/2020 09:50:55</t>
  </si>
  <si>
    <t>mail.google.com/sync/u/0/i/s?hl=pt-BR&amp;c=1046</t>
  </si>
  <si>
    <t>01/15/2020 09:51:15</t>
  </si>
  <si>
    <t>mail.google.com/sync/u/0/i/s?hl=pt-BR&amp;c=1059</t>
  </si>
  <si>
    <t>01/15/2020 09:51:18</t>
  </si>
  <si>
    <t>mail.google.com/sync/u/0/i/s?hl=pt-BR&amp;c=1061</t>
  </si>
  <si>
    <t>01/15/2020 09:51:34</t>
  </si>
  <si>
    <t>mail.google.com/sync/u/0/i/s?hl=pt-BR&amp;c=1065</t>
  </si>
  <si>
    <t>01/15/2020 09:51:57</t>
  </si>
  <si>
    <t>01/15/2020 09:52:46</t>
  </si>
  <si>
    <t>3fc35157-999e-470b-9a2f-b1669bb0eeba.tmp</t>
  </si>
  <si>
    <t>\\acsfs\profiles$\inarajst\Downloads\3fc35157-999e-470b-9a2f-b1669bb0eeba.tmp</t>
  </si>
  <si>
    <t>01/15/2020 09:48:36</t>
  </si>
  <si>
    <t>01/15/2020 09:53:46</t>
  </si>
  <si>
    <t>"mozilla/5.0 (windows nt 6.1) applewebkit/537.36 (khtml;0] _x0018_�2_x0007_c-4e;0]8;0]\\\\\\��0 &lt;l;0]ackages\tornado\platform\interface.py;0]l;0]ll;0]u�{� �_x0007_�� �r;0]�6=�3�);1;104;109;13;13700014;13700109;13700185;13700451;13700951;13701207;13701298;13701422;13701430;13701450;13701506;13701537;13701573;13701577;13701625;13701657;13701693;13701693�;13701749;13701825;13701901;13701905;13701957;13701969;13702068;13702088;142961685;1578915906535000]]]p_x0006_؉p_x0006_;1578930052848000;1578930058554000;1578953241105;1578961066987;1578962571968;1578977768560;1578989207166;1578989508192;1578989809221;1578990110246;1578990411271;1578990712297;159;197;198;199;1ya5yrwelrso-yxib3ctz0mdjsqkh2uffmn2kfrmynlkfp2vhk5vxrjlyzc1nx1i8okgrxz4hh9fxnqqavexbjgszjfxng_3tikapcccza7s5nl0iiv528sipt3_n6smfvjyvnmz5gmbld86jsedcdqpnbowbtwaejdtwlwiwyazylw418myzkyijnlherxkuhkwira9leptzusoa4dcwukgiynsxa13uowore5xxwtlh1efew\";1ya5yrwelrso-yxib3ctz0mdjsqkh2uffmn2kfrmynlkfp2vhk5vxrjlyzc1nx1i8okgrxz4hh9fxnqqavexbjgszjfxng_3tikapcccza7s5nl0iiv528sipt3_n6smfvjyvnmz5gmbld86j</t>
  </si>
  <si>
    <t>"mozilla/5.0 (windows nt 6.1) applewebkit/537.36 (khtml,0] _x0018_�2_x0007_c-4e,0]8,0]\\\\\\��0 &lt;l,0]ackages\tornado\platform\interface.py,0]l,0]ll,0]u�{� �_x0007_�� �r,0]�6=�3�),1,104,109,13,13700014,13700109,13700185,13700451,13700951,13701207,13701298,13701422,13701430,13701450,13701506,13701537,13701573,13701577,13701625,13701657,13701693,13701693�,13701693�,13701749,13701825,13701901,13701905,13701957,13701969,13702068,13702088,142961685,1578915906535000]]]p_x0006_؉p_x0006_,1578930052848000,1578930058554000,1578953241105,1578961066987,1578962571968,1578977768560,1578989207166,1578989508192,1578989809221,1578990110246,1578990411271,1578990712297,159,197,198,199,1ya5yrwelrso-yxib3ctz0mdjsqkh2uffmn2kfrmynlkfp2vhk5vxrjlyzc1nx1i8okgrxz4hh9fxnqqavexbjgszjfxng_3tikapcccza7s5nl0iiv528sipt3_n6smfvjyvnmz5gmbld86jsedcdqpnbowbtwaejdtwlwiwyazylw418myzkyijnlherxkuhkwira9leptzusoa4dcwukgiynsxa13uowore5xxwtlh1efew\",1ya5yrwelrso-yxib3ctz0mdjsqkh2uffmn2kfrmynlkfp2vhk5vxrjlyzc1nx1i8okgrxz4hh9fxnqqavexbjgszjfxng_3tikapcccza7s5nl0iiv528sipt3_n6smfvjyvnm</t>
  </si>
  <si>
    <t>01/15/2020 09:48:37</t>
  </si>
  <si>
    <t>01/15/2020 09:49:52</t>
  </si>
  <si>
    <t>01/15/2020 09:54:46</t>
  </si>
  <si>
    <t>8f2d9d9b-aef6-4730-a256-e3d22ca38d62.tmp</t>
  </si>
  <si>
    <t>\\acsfs\profiles$\vivianealda\Downloads\8f2d9d9b-aef6-4730-a256-e3d22ca38d62.tmp</t>
  </si>
  <si>
    <t>01/15/2020 09:51:32</t>
  </si>
  <si>
    <t>5565f0bc-a925-4180-aa1d-1cb15fcd6884.tmp</t>
  </si>
  <si>
    <t>\\acsfs\profiles$\lorenabmc\Downloads\5565f0bc-a925-4180-aa1d-1cb15fcd6884.tmp</t>
  </si>
  <si>
    <t>01/15/2020 09:51:59</t>
  </si>
  <si>
    <t>913a7ddd-6083-4b68-8347-18ddd6d51bc7.tmp</t>
  </si>
  <si>
    <t>\\acsfs\profiles$\lorenabmc\Downloads\913a7ddd-6083-4b68-8347-18ddd6d51bc7.tmp</t>
  </si>
  <si>
    <t>01/15/2020 09:49:44</t>
  </si>
  <si>
    <t>01/15/2020 09:50:05</t>
  </si>
  <si>
    <t>01/15/2020 09:50:42</t>
  </si>
  <si>
    <t>01/15/2020 09:50:43</t>
  </si>
  <si>
    <t>01/15/2020 09:50:45</t>
  </si>
  <si>
    <t>01/15/2020 09:50:54</t>
  </si>
  <si>
    <t>01/15/2020 09:51:05</t>
  </si>
  <si>
    <t>01/15/2020 09:51:10</t>
  </si>
  <si>
    <t>01/15/2020 09:51:30</t>
  </si>
  <si>
    <t>01/15/2020 09:51:35</t>
  </si>
  <si>
    <t>01/15/2020 09:51:44</t>
  </si>
  <si>
    <t>01/15/2020 09:51:47</t>
  </si>
  <si>
    <t>https://excel.officeapps.live.com/x/_vti_bin/ewainternalwebservice.json/setcell?waccluster=br2</t>
  </si>
  <si>
    <t>01/15/2020 09:52:09</t>
  </si>
  <si>
    <t>01/15/2020 09:52:10</t>
  </si>
  <si>
    <t>01/15/2020 09:52:25</t>
  </si>
  <si>
    <t>01/15/2020 09:52:29</t>
  </si>
  <si>
    <t>01/15/2020 09:52:40</t>
  </si>
  <si>
    <t>01/15/2020 09:52:52</t>
  </si>
  <si>
    <t>01/15/2020 09:52:54</t>
  </si>
  <si>
    <t>01/15/2020 09:52:59</t>
  </si>
  <si>
    <t>01/15/2020 09:53:10</t>
  </si>
  <si>
    <t>01/15/2020 09:53:16</t>
  </si>
  <si>
    <t>01/15/2020 09:53:20</t>
  </si>
  <si>
    <t>01/15/2020 09:53:31</t>
  </si>
  <si>
    <t>01/15/2020 09:53:40</t>
  </si>
  <si>
    <t>01/15/2020 09:53:45</t>
  </si>
  <si>
    <t>01/15/2020 09:53:54</t>
  </si>
  <si>
    <t>01/15/2020 09:54:01</t>
  </si>
  <si>
    <t>01/15/2020 09:54:03</t>
  </si>
  <si>
    <t>01/15/2020 09:55:46</t>
  </si>
  <si>
    <t>01/15/2020 09:54:37</t>
  </si>
  <si>
    <t>d6ff1a56-5a0a-47c6-96de-3a1fdaa6a2c9.tmp</t>
  </si>
  <si>
    <t>\\acsfs\profiles$\lorrainerdl\Downloads\d6ff1a56-5a0a-47c6-96de-3a1fdaa6a2c9.tmp</t>
  </si>
  <si>
    <t>01/15/2020 09:54:31</t>
  </si>
  <si>
    <t>01/15/2020 09:52:31</t>
  </si>
  <si>
    <t>01/15/2020 09:56:46</t>
  </si>
  <si>
    <t>AGENT LOGIN LOGOUT DETAILS REPORT 14.01.2020.xlsx</t>
  </si>
  <si>
    <t>\\acsfs\deptos\Operacao\PCP\5 - Comum\PLANEJAMENTO BV\23 - EXTRAÇÕES\Agente Login Logout details report\2020\JANEIRO\AGENT LOGIN LOGOUT DETAILS REPORT 14.01.2020.xlsx</t>
  </si>
  <si>
    <t>01/15/2020 09:52:11</t>
  </si>
  <si>
    <t>mail.google.com/sync/u/0/i/s?hl=pt-BR&amp;c=1077</t>
  </si>
  <si>
    <t>01/15/2020 09:52:24</t>
  </si>
  <si>
    <t>01/15/2020 09:52:34</t>
  </si>
  <si>
    <t>mail.google.com/sync/u/0/i/s?hl=pt-BR&amp;c=1083</t>
  </si>
  <si>
    <t>01/15/2020 09:52:37</t>
  </si>
  <si>
    <t>01/15/2020 09:55:43</t>
  </si>
  <si>
    <t>01/15/2020 09:55:59</t>
  </si>
  <si>
    <t>01/15/2020 09:52:43</t>
  </si>
  <si>
    <t>01/15/2020 09:57:46</t>
  </si>
  <si>
    <t>7d5d3184-8275-42f8-871c-493e94131140.tmp</t>
  </si>
  <si>
    <t>\\acsfs\profiles$\matheushds\Downloads\7d5d3184-8275-42f8-871c-493e94131140.tmp</t>
  </si>
  <si>
    <t>4923bdda-1e11-4943-80c7-f0439cca9ee4.tmp</t>
  </si>
  <si>
    <t>\\acsfs\profiles$\matheushds\Downloads\4923bdda-1e11-4943-80c7-f0439cca9ee4.tmp</t>
  </si>
  <si>
    <t>01/15/2020 09:55:45</t>
  </si>
  <si>
    <t>97986be1-c5ad-44d8-80e8-2c3f1578720a.tmp</t>
  </si>
  <si>
    <t>\\acsfs\profiles$\matheushds\Downloads\97986be1-c5ad-44d8-80e8-2c3f1578720a.tmp</t>
  </si>
  <si>
    <t>01/15/2020 09:54:27</t>
  </si>
  <si>
    <t>01/15/2020 09:58:45</t>
  </si>
  <si>
    <t>C:\Users\gabrielsma\documents\</t>
  </si>
  <si>
    <t>Pesquisa_Satisfação_1401.xlsx</t>
  </si>
  <si>
    <t>\\acsfs\ACS\Gabriel da Silva\Contemporânea\NPS\NPS_Voz\Janeiro.20\Pesquisa_Satisfação_1401.xlsx</t>
  </si>
  <si>
    <t>01/15/2020 09:54:54</t>
  </si>
  <si>
    <t>Agent_Utilization_Report.xlsx</t>
  </si>
  <si>
    <t>\\acsfs\ACS\Gabriel da Silva\Contemporânea\Gen\Agent_Utilization_Report.xlsx</t>
  </si>
  <si>
    <t>01/15/2020 09:55:35</t>
  </si>
  <si>
    <t>01/15/2020 09:54:15</t>
  </si>
  <si>
    <t>01/15/2020 09:58:09</t>
  </si>
  <si>
    <t>"[[];"languagecode":"pt-br";"mozilla/5.0 (windows nt 6.1) applewebkit/537.36 (khtml;"requesttype":"background_request";"scenariotype;"timezone":"-03:00";(�d_x0011_n_x001A_si��lp�ߓv���ׁqa�[_x0016_�_x001A_�;)�i~a�_x001A_���qa�u�4-g�?�_x0008_���h֙_x0012_�g�_x0015__x0016__x001A_)_x001F_�d��`_x0007_�a_x0015__x0016__x0012_w[���n�w-_ txg"լn�t�����w��֖�j� jɑ_x0016_*;0;0]:0}:0})�� 66;0]\\\\\\���_x0005_&lt;l;0]als;0]l;0]ribedchildren;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9005295726;1579011918297;1579014927782;1579030649468;1579036516260;17;1ya5yrwelrso-yxib3ctz0mdjsqkh2uffmn2kfrmynlkfp2vhk5vxrjlyzc1nx1i8okgr</t>
  </si>
  <si>
    <t>"[[],"languagecode":"pt-br","mozilla/5.0 (windows nt 6.1) applewebkit/537.36 (khtml,"requesttype":"background_request","scenariotype,"timezone":"-03:00",(�d_x0011_n_x001A_si��lp�ߓv���ׁqa�[_x0016_�_x001A_�,)�i~a�_x001A_���qa�u�4-g�?�_x0008_���h֙_x0012_�g�_x0015__x0016__x001A_)_x001F_�d��`_x0007_�a_x0015__x0016__x0012_w[���n�w-_ txg"լn�t�����w��֖�j� jɑ_x0016_*,0,0]:0}:0})�� 66,0]\\\\\\���_x0005_&lt;l,0]als,0]l,0]ribedchildren,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9005295726,1579011918297,1579014927782,1579030649468,1579036516260,17,1ya5yrwelrso-yxib3ctz0mdjsqkh2uffmn2kfrmynlkfp2vhk5vxrjlyzc1nx1i8okgr</t>
  </si>
  <si>
    <t>01/15/2020 09:58:26</t>
  </si>
  <si>
    <t>"[[];"mozilla/5.0 (windows nt 6.1) applewebkit/537.36 (khtml;0];0]";0]\\\\\\\_x0012_�� &lt;l;0]];0]als;0]l;0]ribedchildren;0]thon-35.pyc;1;1253;13;132;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15539161\;1578923371630\;1578930052848000;1578930058554000;1578942103390;1578969495288;1578998237090;1579002285462;1579030649468;1579037922075\;1579037922677\;1579037932305;1]]";1ya5yrwelrso-yxib3ctz0mdjsqkh2uffmn2kfrmynlkfp2vhk5vxrjlyzc1nx1i8okgrxz4hh9fxnqqavexbjgszjfxng_3tikapcccza7s5nl0iiv528sipt3_n6smfvjyvnmz5gmbld86jsedcdqpnbowbtwaejdtwlwiwyazylw418myzkyijnlherxkuhkwirbhleptts24k8xflzify52syjklqephmx-z44ghow5p1w\";1ya5yrwelrso-yxib3ctz0mdjsqkh2uffmn2kfrmynlkfp2vhk5vxrjlyzc1nx1i8okgrxz4hh9fxnqqavexbjgszjf</t>
  </si>
  <si>
    <t>"[[],"mozilla/5.0 (windows nt 6.1) applewebkit/537.36 (khtml,0],0]",0]\\\\\\\_x0012_�� &lt;l,0]],0]als,0]l,0]ribedchildren,0]thon-35.pyc,1,1253,13,132,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15539161\,1578923371630\,1578930052848000,1578930058554000,1578942103390,1578969495288,1578998237090,1579002285462,1579030649468,1579037922075\,1579037922677\,1579037932305,1]]",1ya5yrwelrso-yxib3ctz0mdjsqkh2uffmn2kfrmynlkfp2vhk5vxrjlyzc1nx1i8okgrxz4hh9fxnqqavexbjgszjfxng_3tikapcccza7s5nl0iiv528sipt3_n6smfvjyvnmz5gmbld86jsedcdqpnbowbtwaejdtwlwiwyazylw418myzkyijnlherxkuhkwirbhleptts24k8xflzify52syjklqephmx-z44ghow5p1w\",1ya5yrwelrso-yxib3ctz0mdjsqkh2uffmn2kfrmynlkfp2vhk5vxrjlyzc1nx1i8okgrxz4hh9fxnqqavexbjgszjf</t>
  </si>
  <si>
    <t>01/15/2020 09:59:46</t>
  </si>
  <si>
    <t>01/15/2020 09:55:57</t>
  </si>
  <si>
    <t>9ad8c907-35fa-4c95-962d-73a828d38629.tmp</t>
  </si>
  <si>
    <t>\\acsfs\profiles$\lorenabmc\Downloads\9ad8c907-35fa-4c95-962d-73a828d38629.tmp</t>
  </si>
  <si>
    <t>01/15/2020 09:58:55</t>
  </si>
  <si>
    <t>756e40c9-9a84-4473-898e-d72ef1df424b.tmp</t>
  </si>
  <si>
    <t>\\acsfs\profiles$\lorenabmc\Downloads\756e40c9-9a84-4473-898e-d72ef1df424b.tmp</t>
  </si>
  <si>
    <t>01/15/2020 09:56:16</t>
  </si>
  <si>
    <t>01/15/2020 09:55:42</t>
  </si>
  <si>
    <t>10.200.66.163</t>
  </si>
  <si>
    <t>5ab2475c-1a5e-4d1b-b63e-5926bdc60432.tmp</t>
  </si>
  <si>
    <t>\\acsfs\profiles$\mariagsg\Downloads\5ab2475c-1a5e-4d1b-b63e-5926bdc60432.tmp</t>
  </si>
  <si>
    <t>ba6d7901-2201-4d0a-9f64-934eca17f4ce.tmp</t>
  </si>
  <si>
    <t>\\acsfs\profiles$\mariagsg\Downloads\ba6d7901-2201-4d0a-9f64-934eca17f4ce.tmp</t>
  </si>
  <si>
    <t>01/15/2020 09:55:49</t>
  </si>
  <si>
    <t>Q29udHJvbGxlci5QYXl3YXJlXzEtMg-- (9).ica</t>
  </si>
  <si>
    <t>\\acsfs\profiles$\mariagsg\Downloads\Q29udHJvbGxlci5QYXl3YXJlXzEtMg-- (9).ica</t>
  </si>
  <si>
    <t>01/15/2020 09:56:01</t>
  </si>
  <si>
    <t>01/15/2020 09:56:03</t>
  </si>
  <si>
    <t>Q29udHJvbGxlci5DYWxjdWxhZG9yYURlVmVuY2lt (7).ica</t>
  </si>
  <si>
    <t>\\acsfs\profiles$\mariagsg\Downloads\Q29udHJvbGxlci5DYWxjdWxhZG9yYURlVmVuY2lt (7).ica</t>
  </si>
  <si>
    <t>01/15/2020 09:56:06</t>
  </si>
  <si>
    <t>01/15/2020 09:56:15</t>
  </si>
  <si>
    <t>394bd6b6-2d32-4990-bfcd-ecb46d1e105d.tmp</t>
  </si>
  <si>
    <t>\\acsfs\profiles$\mariagsg\Downloads\394bd6b6-2d32-4990-bfcd-ecb46d1e105d.tmp</t>
  </si>
  <si>
    <t>01/15/2020 09:56:17</t>
  </si>
  <si>
    <t>40298770-bd61-4616-a6dc-07731a94c9e0.tmp</t>
  </si>
  <si>
    <t>\\acsfs\profiles$\mariagsg\Downloads\40298770-bd61-4616-a6dc-07731a94c9e0.tmp</t>
  </si>
  <si>
    <t>01/15/2020 09:56:20</t>
  </si>
  <si>
    <t>Q29udHJvbGxlci5QYXl3YXJlXzEtMg-- (10).ica</t>
  </si>
  <si>
    <t>\\acsfs\profiles$\mariagsg\Downloads\Q29udHJvbGxlci5QYXl3YXJlXzEtMg-- (10).ica</t>
  </si>
  <si>
    <t>01/15/2020 09:56:23</t>
  </si>
  <si>
    <t>Q29udHJvbGxlci5DYWxjdWxhZG9yYURlVmVuY2lt (8).ica</t>
  </si>
  <si>
    <t>\\acsfs\profiles$\mariagsg\Downloads\Q29udHJvbGxlci5DYWxjdWxhZG9yYURlVmVuY2lt (8).ica</t>
  </si>
  <si>
    <t>01/15/2020 09:57:05</t>
  </si>
  <si>
    <t>14a9353f-97a5-494e-9972-8a17da423bb7.tmp</t>
  </si>
  <si>
    <t>\\acsfs\profiles$\mariagsg\Downloads\14a9353f-97a5-494e-9972-8a17da423bb7.tmp</t>
  </si>
  <si>
    <t>01/15/2020 09:54:09</t>
  </si>
  <si>
    <t>01/15/2020 09:54:10</t>
  </si>
  <si>
    <t>01/15/2020 09:54:12</t>
  </si>
  <si>
    <t>01/15/2020 09:54:14</t>
  </si>
  <si>
    <t>01/15/2020 09:54:17</t>
  </si>
  <si>
    <t>01/15/2020 09:54:18</t>
  </si>
  <si>
    <t>01/15/2020 09:54:23</t>
  </si>
  <si>
    <t>01/15/2020 09:54:26</t>
  </si>
  <si>
    <t>01/15/2020 09:54:36</t>
  </si>
  <si>
    <t>01/15/2020 09:54:40</t>
  </si>
  <si>
    <t>01/15/2020 09:54:44</t>
  </si>
  <si>
    <t>01/15/2020 09:54:49</t>
  </si>
  <si>
    <t>01/15/2020 09:54:57</t>
  </si>
  <si>
    <t>01/15/2020 09:55:00</t>
  </si>
  <si>
    <t>01/15/2020 09:55:05</t>
  </si>
  <si>
    <t>01/15/2020 09:55:10</t>
  </si>
  <si>
    <t>01/15/2020 09:55:14</t>
  </si>
  <si>
    <t>01/15/2020 09:55:16</t>
  </si>
  <si>
    <t>01/15/2020 09:55:27</t>
  </si>
  <si>
    <t>01/15/2020 09:55:34</t>
  </si>
  <si>
    <t>01/15/2020 09:55:40</t>
  </si>
  <si>
    <t>01/15/2020 09:55:44</t>
  </si>
  <si>
    <t>01/15/2020 09:55:50</t>
  </si>
  <si>
    <t>01/15/2020 09:56:08</t>
  </si>
  <si>
    <t>01/15/2020 09:56:28</t>
  </si>
  <si>
    <t>01/15/2020 09:56:51</t>
  </si>
  <si>
    <t>01/15/2020 09:56:54</t>
  </si>
  <si>
    <t>01/15/2020 09:56:58</t>
  </si>
  <si>
    <t>01/15/2020 09:57:01</t>
  </si>
  <si>
    <t>01/15/2020 09:57:02</t>
  </si>
  <si>
    <t>01/15/2020 09:57:06</t>
  </si>
  <si>
    <t>01/15/2020 09:57:09</t>
  </si>
  <si>
    <t>01/15/2020 09:55:56</t>
  </si>
  <si>
    <t>34b31ccb-2279-44d9-a60d-a911674ee187.tmp</t>
  </si>
  <si>
    <t>\\acsfs\profiles$\wedersonbadr\My Documents\My Music\34b31ccb-2279-44d9-a60d-a911674ee187.tmp</t>
  </si>
  <si>
    <t>01/15/2020 09:57:10</t>
  </si>
  <si>
    <t>01/15/2020 09:57:13</t>
  </si>
  <si>
    <t>https://excel.officeapps.live.com/x/_vti_bin/ewainternalwebservice.json/fillrange?waccluster=br2</t>
  </si>
  <si>
    <t>01/15/2020 09:57:16</t>
  </si>
  <si>
    <t>01/15/2020 09:57:20</t>
  </si>
  <si>
    <t>01/15/2020 09:57:24</t>
  </si>
  <si>
    <t>01/15/2020 09:57:38</t>
  </si>
  <si>
    <t>01/15/2020 09:57:40</t>
  </si>
  <si>
    <t>01/15/2020 09:57:42</t>
  </si>
  <si>
    <t>01/15/2020 09:57:44</t>
  </si>
  <si>
    <t>01/15/2020 09:57:47</t>
  </si>
  <si>
    <t>01/15/2020 09:57:49</t>
  </si>
  <si>
    <t>01/15/2020 09:57:51</t>
  </si>
  <si>
    <t>01/15/2020 09:57:56</t>
  </si>
  <si>
    <t>01/15/2020 09:57:58</t>
  </si>
  <si>
    <t>01/15/2020 09:58:00</t>
  </si>
  <si>
    <t>01/15/2020 09:58:02</t>
  </si>
  <si>
    <t>01/15/2020 09:58:06</t>
  </si>
  <si>
    <t>01/15/2020 09:58:10</t>
  </si>
  <si>
    <t>01/15/2020 09:58:16</t>
  </si>
  <si>
    <t>01/15/2020 09:58:40</t>
  </si>
  <si>
    <t>01/15/2020 09:58:53</t>
  </si>
  <si>
    <t>01/15/2020 09:58:57</t>
  </si>
  <si>
    <t>01/15/2020 09:59:00</t>
  </si>
  <si>
    <t>01/15/2020 09:59:03</t>
  </si>
  <si>
    <t>01/15/2020 09:57:26</t>
  </si>
  <si>
    <t>01/15/2020 09:59:04</t>
  </si>
  <si>
    <t>01/15/2020 09:59:06</t>
  </si>
  <si>
    <t>01/15/2020 09:59:07</t>
  </si>
  <si>
    <t>lu103321fz633.tmp</t>
  </si>
  <si>
    <t>\\acsfs\profiles$\BRUNAAR\Numero\lu103321fz633.tmp</t>
  </si>
  <si>
    <t>7ca87b46-d5e4-4fbc-ba68-9f68cff736a9.tmp</t>
  </si>
  <si>
    <t>\\acsfs\profiles$\marcosvnds\Downloads\7ca87b46-d5e4-4fbc-ba68-9f68cff736a9.tmp</t>
  </si>
  <si>
    <t>01/15/2020 09:59:25</t>
  </si>
  <si>
    <t>cfac0401-d98c-4a25-b11d-8a65a7f22c39.tmp</t>
  </si>
  <si>
    <t>\\acsfs\profiles$\felipetds\Downloads\cfac0401-d98c-4a25-b11d-8a65a7f22c39.tmp</t>
  </si>
  <si>
    <t>01/15/2020 09:57:57</t>
  </si>
  <si>
    <t>01/15/2020 09:58:07</t>
  </si>
  <si>
    <t>01/15/2020 09:58:14</t>
  </si>
  <si>
    <t>01/15/2020 10:00:46</t>
  </si>
  <si>
    <t>01/15/2020 09:55:58</t>
  </si>
  <si>
    <t>eee68fdc-caf7-43d3-bc77-74b676296962.tmp</t>
  </si>
  <si>
    <t>\\acsfs\profiles$\vivianalds\Downloads\eee68fdc-caf7-43d3-bc77-74b676296962.tmp</t>
  </si>
  <si>
    <t>01/15/2020 09:56:30</t>
  </si>
  <si>
    <t>3ed5b10e-8502-475a-a698-979084a19faf.tmp</t>
  </si>
  <si>
    <t>\\acsfs\profiles$\vivianalds\Downloads\3ed5b10e-8502-475a-a698-979084a19faf.tmp</t>
  </si>
  <si>
    <t>01/15/2020 09:58:13</t>
  </si>
  <si>
    <t>10.200.66.64</t>
  </si>
  <si>
    <t>millenaptes</t>
  </si>
  <si>
    <t>https://udpwfmniceap02/web/guest/home?p_auth=hl5muwog&amp;p_p_id=58&amp;p_p_lifecycle=1&amp;p_p_state=maximized&amp;p_p_mode=view&amp;savelastpath=0&amp;_58_struts_action=/login/forgot_password</t>
  </si>
  <si>
    <t>01/15/2020 09:58:27</t>
  </si>
  <si>
    <t>01/15/2020 09:56:24</t>
  </si>
  <si>
    <t>01/15/2020 10:01:46</t>
  </si>
  <si>
    <t>01/15/2020 09:58:35</t>
  </si>
  <si>
    <t>f12744cd-f654-481c-8548-77e418fd85cc.tmp</t>
  </si>
  <si>
    <t>\\acsfs\profiles$\milenaas\Downloads\f12744cd-f654-481c-8548-77e418fd85cc.tmp</t>
  </si>
  <si>
    <t>01/15/2020 09:58:17</t>
  </si>
  <si>
    <t>mail.google.com/sync/u/0/i/s?hl=pt-BR&amp;c=1170</t>
  </si>
  <si>
    <t>01/15/2020 09:58:22</t>
  </si>
  <si>
    <t>mail.google.com/sync/u/0/i/s?hl=pt-BR&amp;c=1174</t>
  </si>
  <si>
    <t>01/15/2020 09:58:34</t>
  </si>
  <si>
    <t>mail.google.com/sync/u/0/i/s?hl=pt-BR&amp;c=1176</t>
  </si>
  <si>
    <t>01/15/2020 09:58:54</t>
  </si>
  <si>
    <t>mail.google.com/sync/u/0/i/s?hl=pt-BR&amp;c=1182</t>
  </si>
  <si>
    <t>01/15/2020 09:59:41</t>
  </si>
  <si>
    <t>01/15/2020 10:00:00</t>
  </si>
  <si>
    <t>01/15/2020 10:00:14</t>
  </si>
  <si>
    <t>01/15/2020 10:00:24</t>
  </si>
  <si>
    <t>01/15/2020 10:00:33</t>
  </si>
  <si>
    <t>mail.google.com/sync/u/0/i/s?hl=pt-BR&amp;c=1210</t>
  </si>
  <si>
    <t>01/15/2020 10:00:55</t>
  </si>
  <si>
    <t>mail.google.com/sync/u/0/i/s?hl=pt-BR&amp;c=1212</t>
  </si>
  <si>
    <t>01/15/2020 10:01:01</t>
  </si>
  <si>
    <t>mail.google.com/sync/u/0/i/s?hl=pt-BR&amp;c=1214</t>
  </si>
  <si>
    <t>01/15/2020 10:01:09</t>
  </si>
  <si>
    <t>mail.google.com/sync/u/0/i/s?hl=pt-BR&amp;c=1217</t>
  </si>
  <si>
    <t>01/15/2020 10:01:24</t>
  </si>
  <si>
    <t>mail.google.com/sync/u/0/i/s?hl=pt-BR&amp;c=1221</t>
  </si>
  <si>
    <t>01/15/2020 10:02:46</t>
  </si>
  <si>
    <t>36f0e892-d4ff-4fc5-a3f2-13c09e3d46cf.tmp</t>
  </si>
  <si>
    <t>\\acsfs\profiles$\matheushds\Downloads\36f0e892-d4ff-4fc5-a3f2-13c09e3d46cf.tmp</t>
  </si>
  <si>
    <t>01/15/2020 09:57:08</t>
  </si>
  <si>
    <t>a5810535-02bf-4f55-beb1-5acb771074d4.tmp</t>
  </si>
  <si>
    <t>\\acsfs\profiles$\adelvinsonle\Downloads\a5810535-02bf-4f55-beb1-5acb771074d4.tmp</t>
  </si>
  <si>
    <t>01/15/2020 09:58:44</t>
  </si>
  <si>
    <t>ANDRESSA GOMES RODRIGUES_1_6777718105548335990_1_32.wav</t>
  </si>
  <si>
    <t>\\acsfs\Deptos\EDUCACAO EMPRESARIAL\KÉSIA\Ligações 2º ciclo - Janeiro 2020\ANDRESSA GOMES RODRIGUES_1_6777718105548335990_1_32.wav</t>
  </si>
  <si>
    <t>01/15/2020 09:57:35</t>
  </si>
  <si>
    <t>c04800c9-1847-454c-94bd-073fe0b3acff.tmp</t>
  </si>
  <si>
    <t>\\acsfs\profiles$\gabrielafs\Downloads\c04800c9-1847-454c-94bd-073fe0b3acff.tmp</t>
  </si>
  <si>
    <t>165cd707-9212-4c73-9ea8-35f094eb87b5.tmp</t>
  </si>
  <si>
    <t>\\acsfs\profiles$\gabrielafs\Downloads\165cd707-9212-4c73-9ea8-35f094eb87b5.tmp</t>
  </si>
  <si>
    <t>01/15/2020 09:57:36</t>
  </si>
  <si>
    <t>3938d06e-dbf4-44d5-a99c-faad646a663e.tmp</t>
  </si>
  <si>
    <t>\\acsfs\profiles$\gabrielafs\Downloads\3938d06e-dbf4-44d5-a99c-faad646a663e.tmp</t>
  </si>
  <si>
    <t>01/15/2020 09:57:37</t>
  </si>
  <si>
    <t>2c1d0744-a3d4-4741-855e-e851f5c397ae.tmp</t>
  </si>
  <si>
    <t>\\acsfs\profiles$\gabrielafs\Downloads\2c1d0744-a3d4-4741-855e-e851f5c397ae.tmp</t>
  </si>
  <si>
    <t>9b1afeb5-27c8-4d98-97d6-c8a93204d722.tmp</t>
  </si>
  <si>
    <t>\\acsfs\profiles$\gabrielafs\Downloads\9b1afeb5-27c8-4d98-97d6-c8a93204d722.tmp</t>
  </si>
  <si>
    <t>01/15/2020 10:02:59</t>
  </si>
  <si>
    <t>01/15/2020 10:03:46</t>
  </si>
  <si>
    <t>01/15/2020 10:00:03</t>
  </si>
  <si>
    <t>01/15/2020 10:04:46</t>
  </si>
  <si>
    <t>bbc589d8-bbc3-4dc7-aaff-715f4da95b16.tmp</t>
  </si>
  <si>
    <t>\\acsfs\profiles$\vivianealda\Downloads\bbc589d8-bbc3-4dc7-aaff-715f4da95b16.tmp</t>
  </si>
  <si>
    <t>01/15/2020 10:01:39</t>
  </si>
  <si>
    <t>8e623bf9-3aff-48ba-aa75-ab3588dff307.tmp</t>
  </si>
  <si>
    <t>\\acsfs\profiles$\leticiala\Downloads\8e623bf9-3aff-48ba-aa75-ab3588dff307.tmp</t>
  </si>
  <si>
    <t>01/15/2020 10:01:03</t>
  </si>
  <si>
    <t>"10":{"1":"caeqabgbigvwdc1cuigaoaa";"10":{"1":282;"12":"15789402012017b215e38e3c86680";"13":"pt-br";"14":"br";"14":"pt-br"};"17":{"1":["1578940207211";"2":"-03:00";"2":"1578940213656"};"2":"1578940213664"};"2":{"1":282}};"2":{"1":3;"21":"";"25":{"1":"1578940201201";"26":{"2":[{"1":{"1":"matricula";"27":[{"1":{"1":"13";"3":"gustavo damas silva";"3":{"2":"1578940213673"}};"4":"pr_1_0"}];"4":["equipecrbv1@bv.algartech.com"];"4":{"1":{"1":[{"1":"matrícula"}]}};"5":"msg-a:r-1400789227488206701";"7":"caeqabgbigvwdc1cuigaoaa"};"8":{"2":1};"mozilla/5.0 (windows nt 6.1; win64; x64) applewebkit/537.36 (khtml;0]e^��;0]l;0]ll;1;12;13;13700109;13700167;13700235;13700951;13701078;13701207;13701214;13701235;13701239;13701458;13701486;13701506;13701510;13701534;13701573;13701577;13701613;13701625;13701653;13701693;13701709;13701901;13701949;13701969;15;1578940208163;1578940723092000;1578940727411000;1578946748878;16;2;21;22;22g \n80g \n34_x001C_"5":{"1":"";28;3;30;33g \n61g \n33g \n40g \n40g \n58g \n70g \n75g \n \n \n98805\n \n54\</t>
  </si>
  <si>
    <t>https://"10":{"1":"caeqabgbigvwdc1cuigaoaa","10":{"1":282,"12":"15789402012017b215e38e3c86680","13":"pt-br","14":"br","14":"pt-br"},"17":{"1":["1578940207211","2":"-03:00","2":"1578940213656"},"2":"1578940213664"},"2":{"1":282}},"2":{"1":3,"21":"","25":{"1":"1578940201201","26":{"2":[{"1":{"1":"matricula","27":[{"1":{"1":"13","3":"gustavo damas silva","3":{"2":"1578940213673"}},"4":"pr_1_0"}],"4":["equipecrbv1@bv.algartech.com"],"4":{"1":{"1":[{"1":"matrícula"}]}},"5":"msg-a:r-1400789227488206701","7":"caeqabgbigvwdc1cuigaoaa"},"8":{"2":1},"mozilla/5.0 (windows nt 6.1; win64; x64) applewebkit/537.36 (khtml,0]e^��,0]l,0]ll,1,12,13,13700109,13700167,13700235,13700951,13701078,13701207,13701214,13701235,13701239,13701458,13701486,13701506,13701510,13701534,13701573,13701577,13701613,13701625,13701653,13701693,13701709,13701901,13701949,13701969,15,1578940208163,1578940723092000,1578940727411000,1578946748878,16,2,21,22,22g \n80g \n34_x001C_"5":{"1":"",28,3,30,33g \n61g \n33g \n40g \n40g \n58g \n70g \n75g \n \n \n98805</t>
  </si>
  <si>
    <t>01/15/2020 10:01:42</t>
  </si>
  <si>
    <t>"10":{"1":"caeqabgbigvwdc1cuigaoaa";"10":{"1":282;"12":"15789402012017b215e38e3c86680";"13":"pt-br";"14":"br";"14":"pt-br"};"17":{"1":["1578940207211";"2":"-03:00";"2":"1578940213656"};"2":"1578940213664"};"2":{"1":282}};"2":{"1":3;"21":"";"25":{"1":"1578940201201";"26":{"2":[{"1":{"1":"matricula";"27":[{"1":{"1":"13";"3":"gustavo damas silva";"3":{"2":"1578940213673"}};"4":"pr_1_0"}];"4":["equipecrbv1@bv.algartech.com"];"4":{"1":{"1":[{"1":"matrícula"}]}};"5":"msg-a:r-1400789227488206701";"7":"caeqabgbigvwdc1cuigaoaa"};"8":{"2":1};"mozilla/5.0 (windows nt 6.1; win64; x64) applewebkit/537.36 (khtml;0]e^��;0]l;0]ll;1;100031549241687;12;13;13700109;13700167;13700235;13700951;13701078;13701207;13701214;13701235;13701239;13701458;13701486;13701506;13701510;13701534;13701573;13701577;13701613;13701625;13701653;13701693;13701709;13701901;13701949;13701969;15;1578940208163;1578940723092000;1578940727411000;1578946748878;16;2;21;22;22g \n80g \n34_x001C_"5":{"1":"";28;3;30;33g \n61g \n33g \n40g \n40g \n58g \n70g \n75g \n \n</t>
  </si>
  <si>
    <t>https://"10":{"1":"caeqabgbigvwdc1cuigaoaa","10":{"1":282,"12":"15789402012017b215e38e3c86680","13":"pt-br","14":"br","14":"pt-br"},"17":{"1":["1578940207211","2":"-03:00","2":"1578940213656"},"2":"1578940213664"},"2":{"1":282}},"2":{"1":3,"21":"","25":{"1":"1578940201201","26":{"2":[{"1":{"1":"matricula","27":[{"1":{"1":"13","3":"gustavo damas silva","3":{"2":"1578940213673"}},"4":"pr_1_0"}],"4":["equipecrbv1@bv.algartech.com"],"4":{"1":{"1":[{"1":"matrícula"}]}},"5":"msg-a:r-1400789227488206701","7":"caeqabgbigvwdc1cuigaoaa"},"8":{"2":1},"mozilla/5.0 (windows nt 6.1; win64; x64) applewebkit/537.36 (khtml,0]e^��,0]l,0]ll,1,100031549241687,12,13,13700109,13700167,13700235,13700951,13701078,13701207,13701214,13701235,13701239,13701458,13701486,13701506,13701510,13701534,13701573,13701577,13701613,13701625,13701653,13701693,13701709,13701901,13701949,13701969,15,1578940208163,1578940723092000,1578940727411000,1578946748878,16,2,21,22,22g \n80g \n34_x001C_"5":{"1":"",28,3,30,33g \n61g \n33g \n40g \n40g \n58g \n70g \n7</t>
  </si>
  <si>
    <t>01/15/2020 10:01:04</t>
  </si>
  <si>
    <t>01/15/2020 09:59:08</t>
  </si>
  <si>
    <t>01/15/2020 09:59:15</t>
  </si>
  <si>
    <t>01/15/2020 09:59:16</t>
  </si>
  <si>
    <t>01/15/2020 09:59:18</t>
  </si>
  <si>
    <t>lu103321fz637.tmp</t>
  </si>
  <si>
    <t>\\acsfs\profiles$\BRUNAAR\Numero\lu103321fz637.tmp</t>
  </si>
  <si>
    <t>01/15/2020 09:59:20</t>
  </si>
  <si>
    <t>01/15/2020 09:59:24</t>
  </si>
  <si>
    <t>01/15/2020 09:59:35</t>
  </si>
  <si>
    <t>01/15/2020 09:59:38</t>
  </si>
  <si>
    <t>01/15/2020 09:59:40</t>
  </si>
  <si>
    <t>01/15/2020 09:59:43</t>
  </si>
  <si>
    <t>01/15/2020 09:59:58</t>
  </si>
  <si>
    <t>01/15/2020 10:00:07</t>
  </si>
  <si>
    <t>01/15/2020 10:00:52</t>
  </si>
  <si>
    <t>01/15/2020 10:00:54</t>
  </si>
  <si>
    <t>01/15/2020 10:01:26</t>
  </si>
  <si>
    <t>01/15/2020 10:02:26</t>
  </si>
  <si>
    <t>01/15/2020 10:02:53</t>
  </si>
  <si>
    <t>01/15/2020 10:03:53</t>
  </si>
  <si>
    <t>01/15/2020 10:00:12</t>
  </si>
  <si>
    <t>01/15/2020 10:00:27</t>
  </si>
  <si>
    <t>01/15/2020 10:00:37</t>
  </si>
  <si>
    <t>01/15/2020 10:00:51</t>
  </si>
  <si>
    <t>01/15/2020 10:00:59</t>
  </si>
  <si>
    <t>01/15/2020 10:01:49</t>
  </si>
  <si>
    <t>01/15/2020 10:01:50</t>
  </si>
  <si>
    <t>01/15/2020 10:01:57</t>
  </si>
  <si>
    <t>01/15/2020 10:02:21</t>
  </si>
  <si>
    <t>01/15/2020 10:03:59</t>
  </si>
  <si>
    <t>\\acsfs\Deptos\EDUCACAO EMPRESARIAL\FERNANDA MONIT\Fernanda\</t>
  </si>
  <si>
    <t>LOG CHAMADAS DETALHADO - BV CARTÕES DEZ_JAN 15-01.xlsx</t>
  </si>
  <si>
    <t>\\acsfs\Deptos\EDUCACAO EMPRESARIAL\FERNANDA MONIT\Fernanda\LOG CHAMADAS DETALHADO - BV CARTÕES DEZ_JAN 15-01.xlsx</t>
  </si>
  <si>
    <t>01/15/2020 10:05:46</t>
  </si>
  <si>
    <t>01/15/2020 10:04:55</t>
  </si>
  <si>
    <t>01/15/2020 10:06:46</t>
  </si>
  <si>
    <t>01/15/2020 10:05:25</t>
  </si>
  <si>
    <t>01/15/2020 10:05:55</t>
  </si>
  <si>
    <t>01/15/2020 10:02:43</t>
  </si>
  <si>
    <t>01/15/2020 10:03:18</t>
  </si>
  <si>
    <t>01/15/2020 10:03:35</t>
  </si>
  <si>
    <t>mail.google.com/sync/u/0/i/s?hl=pt-BR&amp;c=1257</t>
  </si>
  <si>
    <t>01/15/2020 10:03:36</t>
  </si>
  <si>
    <t>01/15/2020 10:03:40</t>
  </si>
  <si>
    <t>mail.google.com/sync/u/0/i/s?hl=pt-BR&amp;c=1261</t>
  </si>
  <si>
    <t>01/15/2020 10:03:51</t>
  </si>
  <si>
    <t>mail.google.com/sync/u/0/i/s?hl=pt-BR&amp;c=1264</t>
  </si>
  <si>
    <t>01/15/2020 10:04:18</t>
  </si>
  <si>
    <t>01/15/2020 10:04:29</t>
  </si>
  <si>
    <t>01/15/2020 10:05:00</t>
  </si>
  <si>
    <t>01/15/2020 10:05:06</t>
  </si>
  <si>
    <t>mail.google.com/sync/u/0/i/s?hl=pt-BR&amp;c=1293</t>
  </si>
  <si>
    <t>01/15/2020 10:07:46</t>
  </si>
  <si>
    <t>01/15/2020 10:06:22</t>
  </si>
  <si>
    <t>mail.google.com/sync/u/0/i/s?hl=pt-BR&amp;c=1304</t>
  </si>
  <si>
    <t>01/15/2020 10:04:48</t>
  </si>
  <si>
    <t>01/15/2020 10:04:30</t>
  </si>
  <si>
    <t>01/15/2020 10:09:46</t>
  </si>
  <si>
    <t>32b1311e-8011-4171-8c4a-bf488b4fe019.tmp</t>
  </si>
  <si>
    <t>\\acsfs\profiles$\larissaad\Downloads\32b1311e-8011-4171-8c4a-bf488b4fe019.tmp</t>
  </si>
  <si>
    <t>01/15/2020 10:04:53</t>
  </si>
  <si>
    <t>01/15/2020 10:05:05</t>
  </si>
  <si>
    <t>01/15/2020 10:05:53</t>
  </si>
  <si>
    <t>01/15/2020 10:06:10</t>
  </si>
  <si>
    <t>01/15/2020 10:06:12</t>
  </si>
  <si>
    <t>01/15/2020 10:06:40</t>
  </si>
  <si>
    <t>01/15/2020 10:07:12</t>
  </si>
  <si>
    <t>01/15/2020 10:08:12</t>
  </si>
  <si>
    <t>01/15/2020 10:09:12</t>
  </si>
  <si>
    <t>01/15/2020 10:09:16</t>
  </si>
  <si>
    <t>01/15/2020 10:06:57</t>
  </si>
  <si>
    <t>5d0337e3-eac4-4b48-8239-6fdbb59a0050.tmp</t>
  </si>
  <si>
    <t>\\acsfs\profiles$\ROZENCAM\Downloads\5d0337e3-eac4-4b48-8239-6fdbb59a0050.tmp</t>
  </si>
  <si>
    <t>01/15/2020 10:05:45</t>
  </si>
  <si>
    <t>Edcarlos Dias Lima_1_6777844965997362036_1_32.wav</t>
  </si>
  <si>
    <t>\\acsfs\Deptos\EDUCACAO EMPRESARIAL\FERNANDA MONIT\Fernanda\MONITORIA JANEIRO\Ligação para MUTANT segundo ciclo janeiro\Edcarlos Dias Lima_1_6777844965997362036_1_32.wav</t>
  </si>
  <si>
    <t>01/15/2020 10:06:25</t>
  </si>
  <si>
    <t>01/15/2020 10:10:46</t>
  </si>
  <si>
    <t>01/15/2020 10:09:58</t>
  </si>
  <si>
    <t>01/15/2020 10:07:25</t>
  </si>
  <si>
    <t>01/15/2020 10:11:46</t>
  </si>
  <si>
    <t>01/15/2020 10:07:55</t>
  </si>
  <si>
    <t>01/15/2020 10:07:28</t>
  </si>
  <si>
    <t>01/15/2020 10:07:49</t>
  </si>
  <si>
    <t>01/15/2020 10:09:27</t>
  </si>
  <si>
    <t>01/15/2020 10:09:40</t>
  </si>
  <si>
    <t>mail.google.com/sync/u/0/i/s?hl=pt-BR&amp;c=1056</t>
  </si>
  <si>
    <t>01/15/2020 10:09:59</t>
  </si>
  <si>
    <t>01/15/2020 10:10:13</t>
  </si>
  <si>
    <t>01/15/2020 10:10:25</t>
  </si>
  <si>
    <t>mail.google.com/sync/u/0/i/s?hl=pt-BR&amp;c=1066</t>
  </si>
  <si>
    <t>01/15/2020 10:10:36</t>
  </si>
  <si>
    <t>01/15/2020 10:10:43</t>
  </si>
  <si>
    <t>01/15/2020 10:10:58</t>
  </si>
  <si>
    <t>01/15/2020 10:10:44</t>
  </si>
  <si>
    <t>93848ecc-0a25-42a0-890f-29cf6e71b418.tmp</t>
  </si>
  <si>
    <t>\\acsfs\profiles$\geovannasm\Downloads\93848ecc-0a25-42a0-890f-29cf6e71b418.tmp</t>
  </si>
  <si>
    <t>01/15/2020 10:10:54</t>
  </si>
  <si>
    <t>3b26f0db-4a2b-41f4-af2c-74086ffdb667.tmp</t>
  </si>
  <si>
    <t>\\acsfs\profiles$\geovannasm\Downloads\3b26f0db-4a2b-41f4-af2c-74086ffdb667.tmp</t>
  </si>
  <si>
    <t>01/15/2020 10:07:03</t>
  </si>
  <si>
    <t>mail.google.com/sync/u/0/i/s?hl=pt-BR&amp;c=1311</t>
  </si>
  <si>
    <t>01/15/2020 10:07:06</t>
  </si>
  <si>
    <t>mail.google.com/sync/u/0/i/s?hl=pt-BR&amp;c=1313</t>
  </si>
  <si>
    <t>01/15/2020 10:07:19</t>
  </si>
  <si>
    <t>mail.google.com/sync/u/0/i/s?hl=pt-BR&amp;c=1318</t>
  </si>
  <si>
    <t>01/15/2020 10:07:42</t>
  </si>
  <si>
    <t>mail.google.com/sync/u/0/i/s?hl=pt-BR&amp;c=1324</t>
  </si>
  <si>
    <t>01/15/2020 10:08:05</t>
  </si>
  <si>
    <t>01/15/2020 10:08:07</t>
  </si>
  <si>
    <t>mail.google.com/sync/u/0/i/s?hl=pt-BR&amp;c=1330</t>
  </si>
  <si>
    <t>marianacds@algartech.com;</t>
  </si>
  <si>
    <t>marianacds@algartech.com</t>
  </si>
  <si>
    <t>01/15/2020 10:09:25</t>
  </si>
  <si>
    <t>mail.google.com/sync/u/0/i/s?hl=pt-BR&amp;c=1341</t>
  </si>
  <si>
    <t>01/15/2020 10:09:52</t>
  </si>
  <si>
    <t>mail.google.com/sync/u/0/i/s?hl=pt-BR&amp;c=1349</t>
  </si>
  <si>
    <t>01/15/2020 10:10:07</t>
  </si>
  <si>
    <t>mail.google.com/sync/u/0/i/s?hl=pt-BR&amp;c=1352</t>
  </si>
  <si>
    <t>01/15/2020 10:10:17</t>
  </si>
  <si>
    <t>mail.google.com/sync/u/0/i/s?hl=pt-BR&amp;c=1357</t>
  </si>
  <si>
    <t>01/15/2020 10:12:46</t>
  </si>
  <si>
    <t>01/15/2020 10:10:27</t>
  </si>
  <si>
    <t>mail.google.com/sync/u/0/i/s?hl=pt-BR&amp;c=1359</t>
  </si>
  <si>
    <t>mail.google.com/sync/u/0/i/s?hl=pt-BR&amp;c=1364</t>
  </si>
  <si>
    <t>01/15/2020 10:11:04</t>
  </si>
  <si>
    <t>mail.google.com/sync/u/0/i/s?hl=pt-BR&amp;c=1369</t>
  </si>
  <si>
    <t>01/15/2020 10:11:08</t>
  </si>
  <si>
    <t>mail.google.com/sync/u/0/i/s?hl=pt-BR&amp;c=1374</t>
  </si>
  <si>
    <t>01/15/2020 10:11:19</t>
  </si>
  <si>
    <t>mail.google.com/sync/u/0/i/s?hl=pt-BR&amp;c=1376</t>
  </si>
  <si>
    <t>01/15/2020 10:11:23</t>
  </si>
  <si>
    <t>mail.google.com/sync/u/0/i/s?hl=pt-BR&amp;c=1378</t>
  </si>
  <si>
    <t>01/15/2020 10:11:45</t>
  </si>
  <si>
    <t>mail.google.com/sync/u/0/i/s?hl=pt-BR&amp;c=1388</t>
  </si>
  <si>
    <t>01/15/2020 10:08:08</t>
  </si>
  <si>
    <t>933a14fa-c939-4db6-a79b-ae3da125904e.tmp</t>
  </si>
  <si>
    <t>\\acsfs\profiles$\ayalabfi\Downloads\933a14fa-c939-4db6-a79b-ae3da125904e.tmp</t>
  </si>
  <si>
    <t>01/15/2020 10:10:38</t>
  </si>
  <si>
    <t>97bf9ed6-ec2e-4fd1-b18e-7b693331a34d.tmp</t>
  </si>
  <si>
    <t>\\acsfs\profiles$\inarajst\Downloads\97bf9ed6-ec2e-4fd1-b18e-7b693331a34d.tmp</t>
  </si>
  <si>
    <t>01/15/2020 10:13:46</t>
  </si>
  <si>
    <t>e9d61760-ad0a-4d28-b9c4-da46c48101fa.tmp</t>
  </si>
  <si>
    <t>\\acsfs\profiles$\claudiajca\Downloads\e9d61760-ad0a-4d28-b9c4-da46c48101fa.tmp</t>
  </si>
  <si>
    <t>01/15/2020 10:09:18</t>
  </si>
  <si>
    <t>708dcb12-bbcc-42a9-9b5c-5b3808917514.tmp</t>
  </si>
  <si>
    <t>\\acsfs\profiles$\henriquehmdo\Downloads\708dcb12-bbcc-42a9-9b5c-5b3808917514.tmp</t>
  </si>
  <si>
    <t>01/15/2020 10:10:31</t>
  </si>
  <si>
    <t>2e996ace-8473-4810-ba63-51535e0b77ed.tmp</t>
  </si>
  <si>
    <t>\\acsfs\profiles$\henriquehmdo\Downloads\2e996ace-8473-4810-ba63-51535e0b77ed.tmp</t>
  </si>
  <si>
    <t>01/15/2020 10:12:40</t>
  </si>
  <si>
    <t>934ae4e9-0c24-45b1-af0b-956cc8f9eacf.tmp</t>
  </si>
  <si>
    <t>\\acsfs\profiles$\henriquehmdo\Downloads\934ae4e9-0c24-45b1-af0b-956cc8f9eacf.tmp</t>
  </si>
  <si>
    <t>01/15/2020 10:10:47</t>
  </si>
  <si>
    <t>01/15/2020 10:14:46</t>
  </si>
  <si>
    <t>76da7390-29e4-4c7d-88f7-186cb7089ea2.tmp</t>
  </si>
  <si>
    <t>\\acsfs\profiles$\larissaad\Downloads\76da7390-29e4-4c7d-88f7-186cb7089ea2.tmp</t>
  </si>
  <si>
    <t>01/15/2020 10:13:38</t>
  </si>
  <si>
    <t>01/15/2020 10:13:40</t>
  </si>
  <si>
    <t>01/15/2020 10:13:18</t>
  </si>
  <si>
    <t>57af4f9e-4fe8-46ea-803c-31c2576dd7c2.tmp</t>
  </si>
  <si>
    <t>\\acsfs\profiles$\leticiala\Downloads\57af4f9e-4fe8-46ea-803c-31c2576dd7c2.tmp</t>
  </si>
  <si>
    <t>01/15/2020 10:10:05</t>
  </si>
  <si>
    <t>01/15/2020 10:10:12</t>
  </si>
  <si>
    <t>01/15/2020 10:11:12</t>
  </si>
  <si>
    <t>01/15/2020 10:12:12</t>
  </si>
  <si>
    <t>01/15/2020 10:13:12</t>
  </si>
  <si>
    <t>01/15/2020 10:14:12</t>
  </si>
  <si>
    <t>01/15/2020 10:12:26</t>
  </si>
  <si>
    <t>01/15/2020 10:12:36</t>
  </si>
  <si>
    <t>01/15/2020 10:15:46</t>
  </si>
  <si>
    <t>01/15/2020 10:13:37</t>
  </si>
  <si>
    <t>01/15/2020 10:16:46</t>
  </si>
  <si>
    <t>9a8f5200-7b41-4499-882c-c4f23c2cb81d.tmp</t>
  </si>
  <si>
    <t>\\acsfs\profiles$\sarahbal\Downloads\9a8f5200-7b41-4499-882c-c4f23c2cb81d.tmp</t>
  </si>
  <si>
    <t>01/15/2020 10:11:14</t>
  </si>
  <si>
    <t>01/15/2020 10:15:26</t>
  </si>
  <si>
    <t>160eaedc-0940-4c1d-9718-5afedf4f1dbf.tmp</t>
  </si>
  <si>
    <t>\\acsfs\profiles$\geovannasm\Downloads\160eaedc-0940-4c1d-9718-5afedf4f1dbf.tmp</t>
  </si>
  <si>
    <t>01/15/2020 10:16:04</t>
  </si>
  <si>
    <t>d6f07928-6b3a-48be-b279-239e0cbe0625.tmp</t>
  </si>
  <si>
    <t>\\acsfs\profiles$\geovannasm\Downloads\d6f07928-6b3a-48be-b279-239e0cbe0625.tmp</t>
  </si>
  <si>
    <t>01/15/2020 10:12:25</t>
  </si>
  <si>
    <t>10.200.67.32</t>
  </si>
  <si>
    <t>74-86-7A-FB-1B-51</t>
  </si>
  <si>
    <t>VOTORANT-PB010</t>
  </si>
  <si>
    <t>baa17e65-a2ed-41e5-9b08-16c4380c8dd1.tmp</t>
  </si>
  <si>
    <t>\\acsfs\profiles$\geovannasm\Downloads\baa17e65-a2ed-41e5-9b08-16c4380c8dd1.tmp</t>
  </si>
  <si>
    <t>01/15/2020 10:12:44</t>
  </si>
  <si>
    <t>6a7e6243-d4ca-42d1-8a5f-88648b78fe5c.tmp</t>
  </si>
  <si>
    <t>\\acsfs\profiles$\geovannasm\Downloads\6a7e6243-d4ca-42d1-8a5f-88648b78fe5c.tmp</t>
  </si>
  <si>
    <t>01/15/2020 10:13:03</t>
  </si>
  <si>
    <t>dec5a5bc-7d94-498e-b9ca-d7303f334c0b.tmp</t>
  </si>
  <si>
    <t>\\acsfs\profiles$\geovannasm\Downloads\dec5a5bc-7d94-498e-b9ca-d7303f334c0b.tmp</t>
  </si>
  <si>
    <t>01/15/2020 10:13:10</t>
  </si>
  <si>
    <t>1e2cffe4-091b-42d1-8918-fd757000ec67.tmp</t>
  </si>
  <si>
    <t>\\acsfs\profiles$\geovannasm\Downloads\1e2cffe4-091b-42d1-8918-fd757000ec67.tmp</t>
  </si>
  <si>
    <t>01/15/2020 10:13:55</t>
  </si>
  <si>
    <t>e915718c-729e-42ea-b57c-71a96a6b1548.tmp</t>
  </si>
  <si>
    <t>\\acsfs\profiles$\geovannasm\Downloads\e915718c-729e-42ea-b57c-71a96a6b1548.tmp</t>
  </si>
  <si>
    <t>01/15/2020 10:12:09</t>
  </si>
  <si>
    <t>01/15/2020 10:17:46</t>
  </si>
  <si>
    <t>mail.google.com/sync/u/0/i/s?hl=pt-BR&amp;c=1399</t>
  </si>
  <si>
    <t>mail.google.com/sync/u/0/i/s?hl=pt-BR&amp;c=1402</t>
  </si>
  <si>
    <t>01/15/2020 10:12:45</t>
  </si>
  <si>
    <t>mail.google.com/sync/u/0/i/s?hl=pt-BR&amp;c=1407</t>
  </si>
  <si>
    <t>01/15/2020 10:12:57</t>
  </si>
  <si>
    <t>mail.google.com/sync/u/0/i/s?hl=pt-BR&amp;c=1412</t>
  </si>
  <si>
    <t>01/15/2020 10:13:01</t>
  </si>
  <si>
    <t>mail.google.com/sync/u/0/i/s?hl=pt-BR&amp;c=1414</t>
  </si>
  <si>
    <t>01/15/2020 10:13:07</t>
  </si>
  <si>
    <t>mail.google.com/sync/u/0/i/s?hl=pt-BR&amp;c=1419</t>
  </si>
  <si>
    <t>01/15/2020 10:13:14</t>
  </si>
  <si>
    <t>mail.google.com/sync/u/0/i/s?hl=pt-BR&amp;c=1423</t>
  </si>
  <si>
    <t>01/15/2020 10:13:32</t>
  </si>
  <si>
    <t>mail.google.com/sync/u/0/i/s?hl=pt-BR&amp;c=1426</t>
  </si>
  <si>
    <t>01/15/2020 10:13:47</t>
  </si>
  <si>
    <t>mail.google.com/sync/u/0/i/s?hl=pt-BR&amp;c=1432</t>
  </si>
  <si>
    <t>01/15/2020 10:14:09</t>
  </si>
  <si>
    <t>mail.google.com/sync/u/0/i/s?hl=pt-BR&amp;c=1438</t>
  </si>
  <si>
    <t>mail.google.com/sync/u/0/i/s?hl=pt-BR&amp;c=1440</t>
  </si>
  <si>
    <t>01/15/2020 10:14:21</t>
  </si>
  <si>
    <t>mail.google.com/sync/u/0/i/s?hl=pt-BR&amp;c=1444</t>
  </si>
  <si>
    <t>01/15/2020 10:14:44</t>
  </si>
  <si>
    <t>mail.google.com/sync/u/0/i/s?hl=pt-BR&amp;c=1449</t>
  </si>
  <si>
    <t>01/15/2020 10:14:58</t>
  </si>
  <si>
    <t>mail.google.com/sync/u/0/i/s?hl=pt-BR&amp;c=1454</t>
  </si>
  <si>
    <t>01/15/2020 10:15:22</t>
  </si>
  <si>
    <t>BRUNA ASSUNCAO ROSA_1_6777362048464528152_1_32.wav</t>
  </si>
  <si>
    <t>\\acsfs\Deptos\EDUCACAO EMPRESARIAL\KÉSIA\Ligações 2º ciclo - Janeiro 2020\BRUNA ASSUNCAO ROSA_1_6777362048464528152_1_32.wav</t>
  </si>
  <si>
    <t>01/15/2020 10:14:43</t>
  </si>
  <si>
    <t>01/15/2020 10:15:23</t>
  </si>
  <si>
    <t>01/15/2020 10:15:47</t>
  </si>
  <si>
    <t>01/15/2020 10:16:31</t>
  </si>
  <si>
    <t>01/15/2020 10:15:38</t>
  </si>
  <si>
    <t>01/15/2020 10:18:46</t>
  </si>
  <si>
    <t>a1c253bf-5905-4b2f-aa4d-ff6b1340f060.tmp</t>
  </si>
  <si>
    <t>\\acsfs\profiles$\claudiajca\Downloads\a1c253bf-5905-4b2f-aa4d-ff6b1340f060.tmp</t>
  </si>
  <si>
    <t>01/15/2020 10:13:49</t>
  </si>
  <si>
    <t>8955462c-1ed2-4128-a518-0bb4e3511efc.tmp</t>
  </si>
  <si>
    <t>\\acsfs\profiles$\henriquehmdo\Downloads\8955462c-1ed2-4128-a518-0bb4e3511efc.tmp</t>
  </si>
  <si>
    <t>01/15/2020 10:15:49</t>
  </si>
  <si>
    <t>2ef98432-7b5c-4c6f-a9f8-f46eebab1d33.tmp</t>
  </si>
  <si>
    <t>\\acsfs\profiles$\henriquehmdo\Downloads\2ef98432-7b5c-4c6f-a9f8-f46eebab1d33.tmp</t>
  </si>
  <si>
    <t>01/15/2020 10:17:02</t>
  </si>
  <si>
    <t>15914534-bea6-4b2f-aa38-3114fec5c8bf.tmp</t>
  </si>
  <si>
    <t>\\acsfs\profiles$\henriquehmdo\Downloads\15914534-bea6-4b2f-aa38-3114fec5c8bf.tmp</t>
  </si>
  <si>
    <t>01/15/2020 10:19:46</t>
  </si>
  <si>
    <t>01/15/2020 10:15:05</t>
  </si>
  <si>
    <t>01/15/2020 10:15:12</t>
  </si>
  <si>
    <t>01/15/2020 10:16:12</t>
  </si>
  <si>
    <t>01/15/2020 10:17:12</t>
  </si>
  <si>
    <t>01/15/2020 10:17:25</t>
  </si>
  <si>
    <t>01/15/2020 10:17:30</t>
  </si>
  <si>
    <t>01/15/2020 10:17:38</t>
  </si>
  <si>
    <t>01/15/2020 10:17:39</t>
  </si>
  <si>
    <t>01/15/2020 10:17:43</t>
  </si>
  <si>
    <t>01/15/2020 10:17:47</t>
  </si>
  <si>
    <t>01/15/2020 10:17:56</t>
  </si>
  <si>
    <t>01/15/2020 10:18:08</t>
  </si>
  <si>
    <t>01/15/2020 10:18:10</t>
  </si>
  <si>
    <t>01/15/2020 10:18:11</t>
  </si>
  <si>
    <t>01/15/2020 10:18:30</t>
  </si>
  <si>
    <t>01/15/2020 10:18:32</t>
  </si>
  <si>
    <t>01/15/2020 10:18:35</t>
  </si>
  <si>
    <t>01/15/2020 10:18:36</t>
  </si>
  <si>
    <t>01/15/2020 10:18:39</t>
  </si>
  <si>
    <t>01/15/2020 10:18:40</t>
  </si>
  <si>
    <t>01/15/2020 10:18:43</t>
  </si>
  <si>
    <t>01/15/2020 10:18:47</t>
  </si>
  <si>
    <t>01/15/2020 10:18:51</t>
  </si>
  <si>
    <t>01/15/2020 10:18:55</t>
  </si>
  <si>
    <t>01/15/2020 10:19:07</t>
  </si>
  <si>
    <t>01/15/2020 10:19:10</t>
  </si>
  <si>
    <t>01/15/2020 10:19:12</t>
  </si>
  <si>
    <t>01/15/2020 10:20:46</t>
  </si>
  <si>
    <t>01/15/2020 10:19:50</t>
  </si>
  <si>
    <t>01/15/2020 10:19:51</t>
  </si>
  <si>
    <t>01/15/2020 10:19:26</t>
  </si>
  <si>
    <t>01/15/2020 10:21:46</t>
  </si>
  <si>
    <t>c853cf14-c744-48d1-b44c-0165443ccdf4.tmp</t>
  </si>
  <si>
    <t>\\acsfs\profiles$\sarahbal\Downloads\c853cf14-c744-48d1-b44c-0165443ccdf4.tmp</t>
  </si>
  <si>
    <t>01/15/2020 10:16:26</t>
  </si>
  <si>
    <t>01/15/2020 10:16:56</t>
  </si>
  <si>
    <t>01/15/2020 10:19:25</t>
  </si>
  <si>
    <t>01/15/2020 10:19:38</t>
  </si>
  <si>
    <t>01/15/2020 10:18:14</t>
  </si>
  <si>
    <t>51afdf1a-2d1f-4efb-932d-0897d4c9e3a3.tmp</t>
  </si>
  <si>
    <t>\\acsfs\profiles$\geovannasm\Downloads\51afdf1a-2d1f-4efb-932d-0897d4c9e3a3.tmp</t>
  </si>
  <si>
    <t>01/15/2020 10:21:35</t>
  </si>
  <si>
    <t>01/15/2020 10:22:47</t>
  </si>
  <si>
    <t>01/15/2020 10:21:48</t>
  </si>
  <si>
    <t>01/15/2020 10:19:03</t>
  </si>
  <si>
    <t>a6f9b6c7-915a-4d50-9ef0-b57a6d9ec0b9.tmp</t>
  </si>
  <si>
    <t>\\acsfs\profiles$\gabrielafs\Downloads\a6f9b6c7-915a-4d50-9ef0-b57a6d9ec0b9.tmp</t>
  </si>
  <si>
    <t>01/15/2020 10:19:00</t>
  </si>
  <si>
    <t>01/15/2020 10:19:02</t>
  </si>
  <si>
    <t>01/15/2020 10:19:06</t>
  </si>
  <si>
    <t>01/15/2020 10:19:33</t>
  </si>
  <si>
    <t>01/15/2020 10:19:43</t>
  </si>
  <si>
    <t>01/15/2020 10:20:17</t>
  </si>
  <si>
    <t>01/15/2020 10:20:20</t>
  </si>
  <si>
    <t>01/15/2020 10:20:23</t>
  </si>
  <si>
    <t>01/15/2020 10:20:31</t>
  </si>
  <si>
    <t>01/15/2020 10:20:35</t>
  </si>
  <si>
    <t>01/15/2020 10:20:45</t>
  </si>
  <si>
    <t>01/15/2020 10:21:21</t>
  </si>
  <si>
    <t>01/15/2020 10:19:11</t>
  </si>
  <si>
    <t>01/15/2020 10:23:46</t>
  </si>
  <si>
    <t>01/15/2020 10:21:49</t>
  </si>
  <si>
    <t>01/15/2020 10:22:15</t>
  </si>
  <si>
    <t>66bc4fcb-dedf-43bb-b254-9f91c7321371.tmp</t>
  </si>
  <si>
    <t>\\acsfs\profiles$\henriquehmdo\Downloads\66bc4fcb-dedf-43bb-b254-9f91c7321371.tmp</t>
  </si>
  <si>
    <t>01/15/2020 10:23:09</t>
  </si>
  <si>
    <t>01/15/2020 10:24:45</t>
  </si>
  <si>
    <t>01/15/2020 10:21:28</t>
  </si>
  <si>
    <t>008fb74a-eacd-4cf6-af88-d5fded33fd51.tmp</t>
  </si>
  <si>
    <t>\\acsfs\profiles$\leticiala\Downloads\008fb74a-eacd-4cf6-af88-d5fded33fd51.tmp</t>
  </si>
  <si>
    <t>01/15/2020 10:23:47</t>
  </si>
  <si>
    <t>75b0a561-1f30-4844-a401-241a402ebf94.tmp</t>
  </si>
  <si>
    <t>\\acsfs\profiles$\mariagsg\Downloads\75b0a561-1f30-4844-a401-241a402ebf94.tmp</t>
  </si>
  <si>
    <t>01/15/2020 10:19:24</t>
  </si>
  <si>
    <t>01/15/2020 10:19:30</t>
  </si>
  <si>
    <t>01/15/2020 10:19:40</t>
  </si>
  <si>
    <t>01/15/2020 10:19:47</t>
  </si>
  <si>
    <t>01/15/2020 10:20:05</t>
  </si>
  <si>
    <t>01/15/2020 10:20:52</t>
  </si>
  <si>
    <t>01/15/2020 10:21:47</t>
  </si>
  <si>
    <t>01/15/2020 10:22:22</t>
  </si>
  <si>
    <t>01/15/2020 10:22:32</t>
  </si>
  <si>
    <t>01/15/2020 10:22:39</t>
  </si>
  <si>
    <t>01/15/2020 10:22:49</t>
  </si>
  <si>
    <t>01/15/2020 10:23:06</t>
  </si>
  <si>
    <t>01/15/2020 10:23:12</t>
  </si>
  <si>
    <t>01/15/2020 10:23:15</t>
  </si>
  <si>
    <t>01/15/2020 10:23:22</t>
  </si>
  <si>
    <t>01/15/2020 10:23:24</t>
  </si>
  <si>
    <t>01/15/2020 10:23:28</t>
  </si>
  <si>
    <t>01/15/2020 10:23:29</t>
  </si>
  <si>
    <t>01/15/2020 10:23:30</t>
  </si>
  <si>
    <t>01/15/2020 10:23:34</t>
  </si>
  <si>
    <t>01/15/2020 10:23:36</t>
  </si>
  <si>
    <t>01/15/2020 10:23:39</t>
  </si>
  <si>
    <t>01/15/2020 10:23:41</t>
  </si>
  <si>
    <t>01/15/2020 10:24:18</t>
  </si>
  <si>
    <t>01/15/2020 10:24:36</t>
  </si>
  <si>
    <t>01/15/2020 10:24:37</t>
  </si>
  <si>
    <t>01/15/2020 10:25:46</t>
  </si>
  <si>
    <t>01/15/2020 10:22:00</t>
  </si>
  <si>
    <t>01/15/2020 10:21:06</t>
  </si>
  <si>
    <t>zimbra.txt</t>
  </si>
  <si>
    <t>\\acsfs\profiles$\katiahmdj\My Documents\zimbra.txt</t>
  </si>
  <si>
    <t>01/15/2020 10:25:33</t>
  </si>
  <si>
    <t>01/15/2020 10:26:46</t>
  </si>
  <si>
    <t>57e157aa-9b0d-46b7-9977-912feb2794eb.tmp</t>
  </si>
  <si>
    <t>\\acsfs\profiles$\geovannasm\Downloads\57e157aa-9b0d-46b7-9977-912feb2794eb.tmp</t>
  </si>
  <si>
    <t>01/15/2020 10:27:46</t>
  </si>
  <si>
    <t>01/15/2020 10:22:54</t>
  </si>
  <si>
    <t>01/15/2020 10:23:11</t>
  </si>
  <si>
    <t>01/15/2020 10:23:17</t>
  </si>
  <si>
    <t>01/15/2020 10:25:45</t>
  </si>
  <si>
    <t>01/15/2020 10:26:01</t>
  </si>
  <si>
    <t>01/15/2020 10:26:32</t>
  </si>
  <si>
    <t>C:\Users\adilsonloj\Desktop\Reneg\</t>
  </si>
  <si>
    <t>Reneg - Vcto 01-01-20.xlsx</t>
  </si>
  <si>
    <t>01/15/2020 10:26:33</t>
  </si>
  <si>
    <t>Reneg - Vcto 28-12-19.xlsx</t>
  </si>
  <si>
    <t>01/15/2020 10:26:34</t>
  </si>
  <si>
    <t>01/15/2020 10:26:41</t>
  </si>
  <si>
    <t>01/15/2020 10:26:42</t>
  </si>
  <si>
    <t>cfb0fb60-4d9a-404f-862f-dd0a708bb1d7.tmp</t>
  </si>
  <si>
    <t>\\acsfs\profiles$\ayalabfi\Downloads\cfb0fb60-4d9a-404f-862f-dd0a708bb1d7.tmp</t>
  </si>
  <si>
    <t>01/15/2020 10:24:22</t>
  </si>
  <si>
    <t>be392050-8ef1-4b8c-b056-885cd2bc8196.tmp</t>
  </si>
  <si>
    <t>\\acsfs\profiles$\isabellegtds\Downloads\be392050-8ef1-4b8c-b056-885cd2bc8196.tmp</t>
  </si>
  <si>
    <t>01/15/2020 10:24:55</t>
  </si>
  <si>
    <t>ae556cea-458e-4da7-86b7-77d149fce449.tmp</t>
  </si>
  <si>
    <t>\\acsfs\profiles$\isabellegtds\Downloads\ae556cea-458e-4da7-86b7-77d149fce449.tmp</t>
  </si>
  <si>
    <t>01/15/2020 10:27:18</t>
  </si>
  <si>
    <t>01/15/2020 10:27:24</t>
  </si>
  <si>
    <t>01/15/2020 10:24:07</t>
  </si>
  <si>
    <t>01/15/2020 10:28:46</t>
  </si>
  <si>
    <t>01/15/2020 10:24:32</t>
  </si>
  <si>
    <t>38344d74-f7b3-481e-b305-267c9b502b20.tmp</t>
  </si>
  <si>
    <t>\\acsfs\profiles$\francislayneads\Downloads\38344d74-f7b3-481e-b305-267c9b502b20.tmp</t>
  </si>
  <si>
    <t>01/15/2020 10:25:38</t>
  </si>
  <si>
    <t>62101435-47c2-4b31-9bf8-aad10dd44613.tmp</t>
  </si>
  <si>
    <t>\\acsfs\profiles$\francislayneads\Downloads\62101435-47c2-4b31-9bf8-aad10dd44613.tmp</t>
  </si>
  <si>
    <t>01/15/2020 10:29:46</t>
  </si>
  <si>
    <t>01/15/2020 10:27:04</t>
  </si>
  <si>
    <t>01/15/2020 10:25:05</t>
  </si>
  <si>
    <t>01/15/2020 10:25:36</t>
  </si>
  <si>
    <t>01/15/2020 10:25:49</t>
  </si>
  <si>
    <t>01/15/2020 10:26:17</t>
  </si>
  <si>
    <t>01/15/2020 10:26:18</t>
  </si>
  <si>
    <t>01/15/2020 10:26:37</t>
  </si>
  <si>
    <t>01/15/2020 10:27:25</t>
  </si>
  <si>
    <t>01/15/2020 10:27:32</t>
  </si>
  <si>
    <t>01/15/2020 10:27:35</t>
  </si>
  <si>
    <t>01/15/2020 10:27:38</t>
  </si>
  <si>
    <t>01/15/2020 10:27:39</t>
  </si>
  <si>
    <t>01/15/2020 10:27:45</t>
  </si>
  <si>
    <t>01/15/2020 10:27:49</t>
  </si>
  <si>
    <t>01/15/2020 10:27:53</t>
  </si>
  <si>
    <t>01/15/2020 10:27:55</t>
  </si>
  <si>
    <t>01/15/2020 10:27:57</t>
  </si>
  <si>
    <t>01/15/2020 10:28:00</t>
  </si>
  <si>
    <t>01/15/2020 10:28:04</t>
  </si>
  <si>
    <t>01/15/2020 10:28:11</t>
  </si>
  <si>
    <t>01/15/2020 10:28:14</t>
  </si>
  <si>
    <t>01/15/2020 10:28:17</t>
  </si>
  <si>
    <t>01/15/2020 10:28:40</t>
  </si>
  <si>
    <t>01/15/2020 10:28:41</t>
  </si>
  <si>
    <t>01/15/2020 10:28:52</t>
  </si>
  <si>
    <t>01/15/2020 10:28:55</t>
  </si>
  <si>
    <t>01/15/2020 10:28:59</t>
  </si>
  <si>
    <t>01/15/2020 10:29:04</t>
  </si>
  <si>
    <t>01/15/2020 10:29:06</t>
  </si>
  <si>
    <t>01/15/2020 10:29:08</t>
  </si>
  <si>
    <t>01/15/2020 10:29:10</t>
  </si>
  <si>
    <t>01/15/2020 10:29:12</t>
  </si>
  <si>
    <t>01/15/2020 10:29:14</t>
  </si>
  <si>
    <t>01/15/2020 10:29:15</t>
  </si>
  <si>
    <t>01/15/2020 10:29:22</t>
  </si>
  <si>
    <t>01/15/2020 10:29:23</t>
  </si>
  <si>
    <t>01/15/2020 10:29:26</t>
  </si>
  <si>
    <t>01/15/2020 10:29:36</t>
  </si>
  <si>
    <t>01/15/2020 10:29:40</t>
  </si>
  <si>
    <t>01/15/2020 10:30:46</t>
  </si>
  <si>
    <t>01/15/2020 10:28:28</t>
  </si>
  <si>
    <t>01/15/2020 10:31:46</t>
  </si>
  <si>
    <t>01/15/2020 10:29:16</t>
  </si>
  <si>
    <t>01/15/2020 10:32:46</t>
  </si>
  <si>
    <t>0454675f-552d-4ae6-b9f0-07b28c027ad8.tmp</t>
  </si>
  <si>
    <t>\\acsfs\profiles$\THYAGOSP\Downloads\0454675f-552d-4ae6-b9f0-07b28c027ad8.tmp</t>
  </si>
  <si>
    <t>01/15/2020 10:33:46</t>
  </si>
  <si>
    <t>\\acsfs\ACS\Gabriel da Silva\Contemporânea\BDBV\CE310F7F.tmp\</t>
  </si>
  <si>
    <t>\\acsfs\ACS\Gabriel da Silva\Contemporânea\BDBV\CE310F7F.tmp\:Zone.Identifier:$DATA</t>
  </si>
  <si>
    <t>01/15/2020 10:32:40</t>
  </si>
  <si>
    <t>\\acsfs\ACS\Gabriel da Silva\Contemporânea\BDBV\40B1BDA2.tmp\</t>
  </si>
  <si>
    <t>\\acsfs\ACS\Gabriel da Silva\Contemporânea\BDBV\40B1BDA2.tmp\:Zone.Identifier:$DATA</t>
  </si>
  <si>
    <t>01/15/2020 10:34:46</t>
  </si>
  <si>
    <t>01/15/2020 10:32:28</t>
  </si>
  <si>
    <t>C:\Users\fernandaab\Downloads\</t>
  </si>
  <si>
    <t>Cartão CRCC CENTRAIS.xls</t>
  </si>
  <si>
    <t>\\acsfs\Deptos\EDUCACAO EMPRESARIAL\FERNANDA MONIT\Fernanda\MONITORIA JANEIRO\Cartão CRCC CENTRAIS.xls</t>
  </si>
  <si>
    <t>01/15/2020 10:32:29</t>
  </si>
  <si>
    <t>\\acsfs\Deptos\EDUCACAO EMPRESARIAL\FERNANDA MONIT\Fernanda\MONITORIA JANEIRO\Cartão CRCC CENTRAIS.xls\</t>
  </si>
  <si>
    <t>\\acsfs\Deptos\EDUCACAO EMPRESARIAL\FERNANDA MONIT\Fernanda\MONITORIA JANEIRO\Cartão CRCC CENTRAIS.xls\:Zone.Identifier:$DATA</t>
  </si>
  <si>
    <t>01/15/2020 10:33:28</t>
  </si>
  <si>
    <t>01/15/2020 10:33:29</t>
  </si>
  <si>
    <t>01/15/2020 10:33:33</t>
  </si>
  <si>
    <t>01/15/2020 10:34:22</t>
  </si>
  <si>
    <t>01/15/2020 10:30:05</t>
  </si>
  <si>
    <t>01/15/2020 10:35:46</t>
  </si>
  <si>
    <t>01/15/2020 10:30:14</t>
  </si>
  <si>
    <t>01/15/2020 10:30:16</t>
  </si>
  <si>
    <t>01/15/2020 10:30:18</t>
  </si>
  <si>
    <t>01/15/2020 10:30:32</t>
  </si>
  <si>
    <t>01/15/2020 10:30:38</t>
  </si>
  <si>
    <t>01/15/2020 10:30:42</t>
  </si>
  <si>
    <t>01/15/2020 10:30:45</t>
  </si>
  <si>
    <t>01/15/2020 10:30:50</t>
  </si>
  <si>
    <t>01/15/2020 10:30:53</t>
  </si>
  <si>
    <t>01/15/2020 10:30:56</t>
  </si>
  <si>
    <t>01/15/2020 10:30:57</t>
  </si>
  <si>
    <t>01/15/2020 10:30:58</t>
  </si>
  <si>
    <t>01/15/2020 10:31:06</t>
  </si>
  <si>
    <t>01/15/2020 10:31:07</t>
  </si>
  <si>
    <t>01/15/2020 10:31:09</t>
  </si>
  <si>
    <t>01/15/2020 10:31:11</t>
  </si>
  <si>
    <t>01/15/2020 10:31:12</t>
  </si>
  <si>
    <t>01/15/2020 10:31:13</t>
  </si>
  <si>
    <t>01/15/2020 10:31:15</t>
  </si>
  <si>
    <t>01/15/2020 10:31:16</t>
  </si>
  <si>
    <t>01/15/2020 10:31:17</t>
  </si>
  <si>
    <t>01/15/2020 10:31:19</t>
  </si>
  <si>
    <t>01/15/2020 10:31:22</t>
  </si>
  <si>
    <t>01/15/2020 10:31:24</t>
  </si>
  <si>
    <t>01/15/2020 10:31:26</t>
  </si>
  <si>
    <t>01/15/2020 10:31:28</t>
  </si>
  <si>
    <t>01/15/2020 10:31:37</t>
  </si>
  <si>
    <t>01/15/2020 10:31:38</t>
  </si>
  <si>
    <t>01/15/2020 10:31:40</t>
  </si>
  <si>
    <t>01/15/2020 10:31:41</t>
  </si>
  <si>
    <t>01/15/2020 10:31:42</t>
  </si>
  <si>
    <t>01/15/2020 10:31:45</t>
  </si>
  <si>
    <t>01/15/2020 10:31:48</t>
  </si>
  <si>
    <t>01/15/2020 10:31:51</t>
  </si>
  <si>
    <t>01/15/2020 10:31:54</t>
  </si>
  <si>
    <t>01/15/2020 10:31:56</t>
  </si>
  <si>
    <t>01/15/2020 10:31:59</t>
  </si>
  <si>
    <t>01/15/2020 10:32:00</t>
  </si>
  <si>
    <t>01/15/2020 10:32:07</t>
  </si>
  <si>
    <t>01/15/2020 10:32:09</t>
  </si>
  <si>
    <t>01/15/2020 10:32:21</t>
  </si>
  <si>
    <t>01/15/2020 10:32:22</t>
  </si>
  <si>
    <t>01/15/2020 10:32:25</t>
  </si>
  <si>
    <t>01/15/2020 10:32:30</t>
  </si>
  <si>
    <t>01/15/2020 10:32:33</t>
  </si>
  <si>
    <t>01/15/2020 10:32:37</t>
  </si>
  <si>
    <t>01/15/2020 10:32:41</t>
  </si>
  <si>
    <t>01/15/2020 10:32:45</t>
  </si>
  <si>
    <t>01/15/2020 10:32:53</t>
  </si>
  <si>
    <t>01/15/2020 10:33:00</t>
  </si>
  <si>
    <t>01/15/2020 10:33:05</t>
  </si>
  <si>
    <t>01/15/2020 10:33:07</t>
  </si>
  <si>
    <t>01/15/2020 10:33:11</t>
  </si>
  <si>
    <t>01/15/2020 10:33:13</t>
  </si>
  <si>
    <t>01/15/2020 10:33:17</t>
  </si>
  <si>
    <t>01/15/2020 10:33:37</t>
  </si>
  <si>
    <t>01/15/2020 10:33:41</t>
  </si>
  <si>
    <t>01/15/2020 10:34:37</t>
  </si>
  <si>
    <t>01/15/2020 10:32:06</t>
  </si>
  <si>
    <t>http://erp.algartech.com/techonline/workflow/postupload.aspx?tp=add&amp;info_s=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</t>
  </si>
  <si>
    <t>C:\Users\robsonams\Downloads\</t>
  </si>
  <si>
    <t>Atualizar Dados - TTV.xlsx</t>
  </si>
  <si>
    <t>01/15/2020 10:32:11</t>
  </si>
  <si>
    <t>01/15/2020 10:35:56</t>
  </si>
  <si>
    <t>01/15/2020 10:36:46</t>
  </si>
  <si>
    <t>01/15/2020 10:33:21</t>
  </si>
  <si>
    <t>01/15/2020 10:37:46</t>
  </si>
  <si>
    <t>http://qlikview.algartecnologia.com.br/qvajaxzfc/accesspoint.aspx?mark=&amp;platform=browser.&amp;dpi=96</t>
  </si>
  <si>
    <t>01/15/2020 10:33:38</t>
  </si>
  <si>
    <t>9550b820-d601-4616-9f21-17dbee9c47e1.tmp</t>
  </si>
  <si>
    <t>\\acsfs\profiles$\gabrielafs\Downloads\9550b820-d601-4616-9f21-17dbee9c47e1.tmp</t>
  </si>
  <si>
    <t>01/15/2020 10:34:06</t>
  </si>
  <si>
    <t>01/15/2020 10:36:29</t>
  </si>
  <si>
    <t>01/15/2020 10:38:45</t>
  </si>
  <si>
    <t>\\acsfs\ACS\Gabriel da Silva\Contemporânea\BDBV\66343758.tmp\</t>
  </si>
  <si>
    <t>\\acsfs\ACS\Gabriel da Silva\Contemporânea\BDBV\66343758.tmp\:Zone.Identifier:$DATA</t>
  </si>
  <si>
    <t>01/15/2020 10:36:30</t>
  </si>
  <si>
    <t>01/15/2020 10:37:17</t>
  </si>
  <si>
    <t>\\acsfs\ACS\Gabriel da Silva\Contemporânea\BDBV\8DF768EF.tmp\</t>
  </si>
  <si>
    <t>\\acsfs\ACS\Gabriel da Silva\Contemporânea\BDBV\8DF768EF.tmp\:Zone.Identifier:$DATA</t>
  </si>
  <si>
    <t>01/15/2020 10:37:18</t>
  </si>
  <si>
    <t>01/15/2020 10:35:19</t>
  </si>
  <si>
    <t>01/15/2020 10:39:46</t>
  </si>
  <si>
    <t>f596d0e0-5206-4b47-a855-efeb931a522b.tmp</t>
  </si>
  <si>
    <t>\\acsfs\profiles$\KARENDSR\Downloads\f596d0e0-5206-4b47-a855-efeb931a522b.tmp</t>
  </si>
  <si>
    <t>01/15/2020 10:36:49</t>
  </si>
  <si>
    <t>01/15/2020 10:36:52</t>
  </si>
  <si>
    <t>01/15/2020 10:37:29</t>
  </si>
  <si>
    <t>01/15/2020 10:36:02</t>
  </si>
  <si>
    <t>01/15/2020 10:36:28</t>
  </si>
  <si>
    <t>01/15/2020 10:40:46</t>
  </si>
  <si>
    <t>01/15/2020 10:37:01</t>
  </si>
  <si>
    <t>01/15/2020 10:35:37</t>
  </si>
  <si>
    <t>01/15/2020 10:36:19</t>
  </si>
  <si>
    <t>01/15/2020 10:36:33</t>
  </si>
  <si>
    <t>01/15/2020 10:36:41</t>
  </si>
  <si>
    <t>01/15/2020 10:36:42</t>
  </si>
  <si>
    <t>01/15/2020 10:36:47</t>
  </si>
  <si>
    <t>01/15/2020 10:36:55</t>
  </si>
  <si>
    <t>01/15/2020 10:36:56</t>
  </si>
  <si>
    <t>01/15/2020 10:36:58</t>
  </si>
  <si>
    <t>01/15/2020 10:37:00</t>
  </si>
  <si>
    <t>01/15/2020 10:37:03</t>
  </si>
  <si>
    <t>01/15/2020 10:37:07</t>
  </si>
  <si>
    <t>01/15/2020 10:37:08</t>
  </si>
  <si>
    <t>01/15/2020 10:37:11</t>
  </si>
  <si>
    <t>01/15/2020 10:37:43</t>
  </si>
  <si>
    <t>01/15/2020 10:38:32</t>
  </si>
  <si>
    <t>01/15/2020 10:38:33</t>
  </si>
  <si>
    <t>01/15/2020 10:38:55</t>
  </si>
  <si>
    <t>01/15/2020 10:38:57</t>
  </si>
  <si>
    <t>01/15/2020 10:39:07</t>
  </si>
  <si>
    <t>01/15/2020 10:39:08</t>
  </si>
  <si>
    <t>01/15/2020 10:39:10</t>
  </si>
  <si>
    <t>01/15/2020 10:39:11</t>
  </si>
  <si>
    <t>01/15/2020 10:36:57</t>
  </si>
  <si>
    <t>01/15/2020 10:37:12</t>
  </si>
  <si>
    <t>01/15/2020 10:41:46</t>
  </si>
  <si>
    <t>01/15/2020 10:41:00</t>
  </si>
  <si>
    <t>mail.google.com/sync/u/0/i/s?hl=pt-BR&amp;c=1095</t>
  </si>
  <si>
    <t>01/15/2020 10:37:20</t>
  </si>
  <si>
    <t>01/15/2020 10:37:38</t>
  </si>
  <si>
    <t>01/15/2020 10:38:01</t>
  </si>
  <si>
    <t>01/15/2020 10:38:05</t>
  </si>
  <si>
    <t>01/15/2020 10:38:22</t>
  </si>
  <si>
    <t>mail.google.com/sync/u/0/i/s?hl=pt-BR&amp;c=1106</t>
  </si>
  <si>
    <t>01/15/2020 10:38:30</t>
  </si>
  <si>
    <t>mail.google.com/sync/u/0/i/s?hl=pt-BR&amp;c=1109</t>
  </si>
  <si>
    <t>01/15/2020 10:38:36</t>
  </si>
  <si>
    <t>mail.google.com/sync/u/0/i/s?hl=pt-BR&amp;c=1111</t>
  </si>
  <si>
    <t>01/15/2020 10:38:59</t>
  </si>
  <si>
    <t>01/15/2020 10:39:19</t>
  </si>
  <si>
    <t>mail.google.com/sync/u/0/i/s?hl=pt-BR&amp;c=1116</t>
  </si>
  <si>
    <t>01/15/2020 10:39:25</t>
  </si>
  <si>
    <t>mail.google.com/sync/u/0/i/s?hl=pt-BR&amp;c=1118</t>
  </si>
  <si>
    <t>01/15/2020 10:39:29</t>
  </si>
  <si>
    <t>mail.google.com/sync/u/0/i/s?hl=pt-BR&amp;c=1120</t>
  </si>
  <si>
    <t>01/15/2020 10:39:31</t>
  </si>
  <si>
    <t>01/15/2020 10:39:33</t>
  </si>
  <si>
    <t>mail.google.com/sync/u/0/i/s?hl=pt-BR&amp;c=1122</t>
  </si>
  <si>
    <t>01/15/2020 10:39:37</t>
  </si>
  <si>
    <t>mail.google.com/sync/u/0/i/s?hl=pt-BR&amp;c=1124</t>
  </si>
  <si>
    <t>01/15/2020 10:39:52</t>
  </si>
  <si>
    <t>mail.google.com/sync/u/0/i/s?hl=pt-BR&amp;c=1126</t>
  </si>
  <si>
    <t>01/15/2020 10:40:08</t>
  </si>
  <si>
    <t>5689123b-6350-41b0-870b-72e8b2f41e2b.tmp</t>
  </si>
  <si>
    <t>\\acsfs\profiles$\geovannasm\Downloads\5689123b-6350-41b0-870b-72e8b2f41e2b.tmp</t>
  </si>
  <si>
    <t>01/15/2020 10:44:46</t>
  </si>
  <si>
    <t>01/15/2020 10:39:00</t>
  </si>
  <si>
    <t>da77c5bb-382a-4233-86ec-e73e727ee413.tmp</t>
  </si>
  <si>
    <t>\\acsfs\profiles$\lorenabmc\Downloads\da77c5bb-382a-4233-86ec-e73e727ee413.tmp</t>
  </si>
  <si>
    <t>01/15/2020 10:41:03</t>
  </si>
  <si>
    <t>af49d47d-23cc-40e8-a9c9-1f9050b1f700.tmp</t>
  </si>
  <si>
    <t>\\acsfs\profiles$\lorenabmc\Downloads\af49d47d-23cc-40e8-a9c9-1f9050b1f700.tmp</t>
  </si>
  <si>
    <t>01/15/2020 10:41:16</t>
  </si>
  <si>
    <t>8d0fb8ea-3036-4d69-bd9e-194f6e2d09c1.tmp</t>
  </si>
  <si>
    <t>\\acsfs\profiles$\lorenabmc\Downloads\8d0fb8ea-3036-4d69-bd9e-194f6e2d09c1.tmp</t>
  </si>
  <si>
    <t>01/15/2020 10:41:30</t>
  </si>
  <si>
    <t>06ab48fc-ff01-415b-b431-12b6c9a7bade.tmp</t>
  </si>
  <si>
    <t>\\acsfs\profiles$\ROZENCAM\Downloads\06ab48fc-ff01-415b-b431-12b6c9a7bade.tmp</t>
  </si>
  <si>
    <t>01/15/2020 10:45:46</t>
  </si>
  <si>
    <t>Nayara Nery Araujo Oliveira_1_6777853366953379955_1_32.wav</t>
  </si>
  <si>
    <t>\\acsfs\Deptos\EDUCACAO EMPRESARIAL\FERNANDA MONIT\Fernanda\MONITORIA JANEIRO\Ligação para MUTANT segundo ciclo janeiro\Nayara Nery Araujo Oliveira_1_6777853366953379955_1_32.wav</t>
  </si>
  <si>
    <t>01/15/2020 10:41:04</t>
  </si>
  <si>
    <t>01/15/2020 10:41:07</t>
  </si>
  <si>
    <t>01/15/2020 10:41:13</t>
  </si>
  <si>
    <t>01/15/2020 10:44:30</t>
  </si>
  <si>
    <t>aaraujodossa@dxc.com;backofficebv@dxc.com;jean.loiola@bv.com.br;larissa.alcantara@bv.com.br;marianeps@algartech.com;talmaiardo@algartech.com;thiagordu@algartech.com;</t>
  </si>
  <si>
    <t>aaraujodossa@dxc.com,backofficebv@dxc.com,jean.loiola@bv.com.br,larissa.alcantara@bv.com.br,marianeps@algartech.com,talmaiardo@algartech.com,thiagordu@algartech.com</t>
  </si>
  <si>
    <t>01/15/2020 10:44:34</t>
  </si>
  <si>
    <t>01/15/2020 10:44:39</t>
  </si>
  <si>
    <t>01/15/2020 10:44:42</t>
  </si>
  <si>
    <t>01/15/2020 10:39:53</t>
  </si>
  <si>
    <t>01/15/2020 10:39:55</t>
  </si>
  <si>
    <t>01/15/2020 10:39:56</t>
  </si>
  <si>
    <t>01/15/2020 10:40:06</t>
  </si>
  <si>
    <t>01/15/2020 10:40:11</t>
  </si>
  <si>
    <t>01/15/2020 10:40:12</t>
  </si>
  <si>
    <t>01/15/2020 10:40:22</t>
  </si>
  <si>
    <t>01/15/2020 10:40:41</t>
  </si>
  <si>
    <t>01/15/2020 10:41:22</t>
  </si>
  <si>
    <t>01/15/2020 10:42:22</t>
  </si>
  <si>
    <t>01/15/2020 10:42:43</t>
  </si>
  <si>
    <t>01/15/2020 10:42:44</t>
  </si>
  <si>
    <t>01/15/2020 10:42:55</t>
  </si>
  <si>
    <t>01/15/2020 10:42:57</t>
  </si>
  <si>
    <t>01/15/2020 10:43:02</t>
  </si>
  <si>
    <t>https://excel.officeapps.live.com/x/_vti_bin/ewainternalwebservice.json/applyfilter?waccluster=br2</t>
  </si>
  <si>
    <t>01/15/2020 10:43:04</t>
  </si>
  <si>
    <t>01/15/2020 10:43:09</t>
  </si>
  <si>
    <t>01/15/2020 10:43:11</t>
  </si>
  <si>
    <t>01/15/2020 10:43:14</t>
  </si>
  <si>
    <t>01/15/2020 10:43:24</t>
  </si>
  <si>
    <t>01/15/2020 10:43:27</t>
  </si>
  <si>
    <t>01/15/2020 10:43:28</t>
  </si>
  <si>
    <t>01/15/2020 10:43:37</t>
  </si>
  <si>
    <t>01/15/2020 10:43:41</t>
  </si>
  <si>
    <t>01/15/2020 10:43:49</t>
  </si>
  <si>
    <t>01/15/2020 10:43:55</t>
  </si>
  <si>
    <t>01/15/2020 10:44:01</t>
  </si>
  <si>
    <t>01/15/2020 10:44:07</t>
  </si>
  <si>
    <t>01/15/2020 10:44:11</t>
  </si>
  <si>
    <t>01/15/2020 10:44:12</t>
  </si>
  <si>
    <t>01/15/2020 10:44:20</t>
  </si>
  <si>
    <t>01/15/2020 10:44:22</t>
  </si>
  <si>
    <t>01/15/2020 10:44:28</t>
  </si>
  <si>
    <t>01/15/2020 10:44:41</t>
  </si>
  <si>
    <t>01/15/2020 10:44:43</t>
  </si>
  <si>
    <t>01/15/2020 10:44:47</t>
  </si>
  <si>
    <t>01/15/2020 10:44:50</t>
  </si>
  <si>
    <t>01/15/2020 10:46:46</t>
  </si>
  <si>
    <t>01/15/2020 10:42:00</t>
  </si>
  <si>
    <t>01/15/2020 10:43:00</t>
  </si>
  <si>
    <t>01/15/2020 10:42:23</t>
  </si>
  <si>
    <t>\\udpavonfs01\AVON\00 - ACOMPANHAMENTO AVON\04 - BACKOFFICE CORNERSTONE\2020\01.2020\RELATORIO\14.01.2020\Acompanhamento Backoffice Cornerstone JAN.20.xlsx</t>
  </si>
  <si>
    <t>01/15/2020 10:42:28</t>
  </si>
  <si>
    <t>\\udpavonfs01\AVON\00 - ACOMPANHAMENTO AVON\04 - BACKOFFICE CORNERSTONE\2020\01.2020\RELATORIO\14.01.2020\</t>
  </si>
  <si>
    <t>\\udpavonfs01\AVON\00 - ACOMPANHAMENTO AVON\04 - BACKOFFICE CORNERSTONE\2020\01.2020\RELATORIO\15.01.2020\Acompanhamento Backoffice Cornerstone JAN.20.xlsx</t>
  </si>
  <si>
    <t>01/15/2020 10:43:20</t>
  </si>
  <si>
    <t>01/15/2020 10:44:00</t>
  </si>
  <si>
    <t>01/15/2020 10:43:30</t>
  </si>
  <si>
    <t>090fe016-42e1-4267-b243-6e0ca81cc1bf.tmp</t>
  </si>
  <si>
    <t>\\acsfs\profiles$\inarajst\Downloads\090fe016-42e1-4267-b243-6e0ca81cc1bf.tmp</t>
  </si>
  <si>
    <t>01/15/2020 10:43:34</t>
  </si>
  <si>
    <t>bcbc8cb8-8798-404a-be8b-8446fba50750.tmp</t>
  </si>
  <si>
    <t>\\acsfs\profiles$\inarajst\Downloads\bcbc8cb8-8798-404a-be8b-8446fba50750.tmp</t>
  </si>
  <si>
    <t>01/15/2020 10:42:21</t>
  </si>
  <si>
    <t>87780084-ccac-4308-91ea-543f53d51e45.tmp</t>
  </si>
  <si>
    <t>\\acsfs\profiles$\lucasqdss\Downloads\87780084-ccac-4308-91ea-543f53d51e45.tmp</t>
  </si>
  <si>
    <t>01/15/2020 10:45:23</t>
  </si>
  <si>
    <t>01/15/2020 10:47:46</t>
  </si>
  <si>
    <t>01/15/2020 10:45:26</t>
  </si>
  <si>
    <t>01/15/2020 10:45:29</t>
  </si>
  <si>
    <t>01/15/2020 10:45:42</t>
  </si>
  <si>
    <t>01/15/2020 10:45:50</t>
  </si>
  <si>
    <t>andrelpsa@algartech.com;joaogvc@algartech.com;leonardoao@algartech.com;marianadjc@algartech.com;maristelavodq@bv.algartech.com;paulacn@algartech.com;ricardodfm@algartech.com.br;taysdss@algartech.com;viniciussg@algartech.com;</t>
  </si>
  <si>
    <t>andrelpsa@algartech.com,joaogvc@algartech.com,leonardoao@algartech.com,marianadjc@algartech.com,maristelavodq@bv.algartech.com,paulacn@algartech.com,ricardodfm@algartech.com.br,taysdss@algartech.com,viniciussg@algartech.com</t>
  </si>
  <si>
    <t>01/15/2020 10:46:07</t>
  </si>
  <si>
    <t>01/15/2020 10:46:13</t>
  </si>
  <si>
    <t>01/15/2020 10:46:22</t>
  </si>
  <si>
    <t>01/15/2020 10:46:33</t>
  </si>
  <si>
    <t>01/15/2020 10:46:40</t>
  </si>
  <si>
    <t>01/15/2020 10:46:44</t>
  </si>
  <si>
    <t>01/15/2020 10:46:49</t>
  </si>
  <si>
    <t>01/15/2020 10:46:55</t>
  </si>
  <si>
    <t>01/15/2020 10:47:08</t>
  </si>
  <si>
    <t>01/15/2020 10:47:16</t>
  </si>
  <si>
    <t>mail.google.com/sync/u/0/i/s?hl=pt-BR&amp;c=149</t>
  </si>
  <si>
    <t>01/15/2020 10:47:17</t>
  </si>
  <si>
    <t>01/15/2020 10:47:21</t>
  </si>
  <si>
    <t>01/15/2020 10:47:33</t>
  </si>
  <si>
    <t>01/15/2020 10:47:54</t>
  </si>
  <si>
    <t>01/15/2020 10:48:46</t>
  </si>
  <si>
    <t>7c6b8c71-ee89-4d82-9a4a-4337d4d2a11f.tmp</t>
  </si>
  <si>
    <t>\\acsfs\profiles$\gabrielsma\Downloads\7c6b8c71-ee89-4d82-9a4a-4337d4d2a11f.tmp</t>
  </si>
  <si>
    <t>01/15/2020 10:44:49</t>
  </si>
  <si>
    <t>c4714ea2-ce49-4097-bb6e-a6dc63c98a74.tmp</t>
  </si>
  <si>
    <t>\\acsfs\profiles$\gabrielsma\Downloads\c4714ea2-ce49-4097-bb6e-a6dc63c98a74.tmp</t>
  </si>
  <si>
    <t>01/15/2020 10:45:31</t>
  </si>
  <si>
    <t>Q29udHJvbGxlci5BQ09NLVNvdUJWXzE- (1).ica.crdownload</t>
  </si>
  <si>
    <t>\\acsfs\ACS\Gabriel da Silva\Contemporânea\Gen\Q29udHJvbGxlci5BQ09NLVNvdUJWXzE- (1).ica.crdownload</t>
  </si>
  <si>
    <t>01/15/2020 10:47:44</t>
  </si>
  <si>
    <t>59121fc9-381c-48b1-a6d9-bf45455042fd.tmp</t>
  </si>
  <si>
    <t>\\acsfs\profiles$\claudiajca\Downloads\59121fc9-381c-48b1-a6d9-bf45455042fd.tmp</t>
  </si>
  <si>
    <t>01/15/2020 10:45:12</t>
  </si>
  <si>
    <t>01/15/2020 10:45:13</t>
  </si>
  <si>
    <t>01/15/2020 10:44:10</t>
  </si>
  <si>
    <t>01/15/2020 10:49:46</t>
  </si>
  <si>
    <t>"mozilla/5.0 (windows nt 6.1) applewebkit/537.36 (khtml;0];0] _x0018_�2_x0007_c-4e;0]";0]0":;0]:0}:0})�� 66;0]\\\\\\\vt�_x000F_&lt;l;0]\\\\\\\ܪj &lt;l;0]\\\\\\�_x0010_� &lt;l;0]];0]als;0]l;0]ll;0]thon-35.pyc;0]�lx��v�86u�{� �_x0007_�� �r;0]�� \\;1;1253;13;131;13700014;13700109;13700185;13700451;13700951;13701207;13701298;13701422;13701430;13701450;13701506;13701537;13701573;13701577;13701625;13701657;13701693;13701693�;13701749;13701825;13701901;13701905;13701957;13701969;13702068;13702088;142961685;152;156;1578915539161\;1578923371630\;1578930052848000;1578930058554000;1578954746236;1578955047263;1578955950345;1578957154449;1578957455473;1578969194262;1578975661816;1578976865572;1578984390616;1578994625136;1578995528127;1578995829120;1578997033107;1579012219328;1579012520355;1579014627543;1579037922075\;1579037922677\;1579037932305;181;1]]";1ya5yrwelrso-yxib3ctz0mdjsqkh2uffmn2kfrmynlkfp2vhk5vxrjlyzc1nx1i8okgrxz4hh9fxnqqavexbjgszjfxng_3tikapcccza7s5nl0iiv528sipt3_n6smfvjyvnmz5gmbld86jsedcdqpnbowbtwaejdtwlwiwyazylw418myzkyijnlherxkuhkwira-leptxg0uk</t>
  </si>
  <si>
    <t>"mozilla/5.0 (windows nt 6.1) applewebkit/537.36 (khtml,0],0] _x0018_�2_x0007_c-4e,0]",0]0":,0]:0}:0})�� 66,0]\\\\\\\vt�_x000F_&lt;l,0]\\\\\\\ܪj &lt;l,0]\\\\\\�_x0010_� &lt;l,0]],0]als,0]l,0]ll,0]thon-35.pyc,0]�lx��v�86u�{� �_x0007_�� �r,0]�� \\,1,1253,13,131,13700014,13700109,13700185,13700451,13700951,13701207,13701298,13701422,13701430,13701450,13701506,13701537,13701573,13701577,13701625,13701657,13701693,13701693�,13701693�,13701749,13701825,13701901,13701905,13701957,13701969,13702068,13702088,142961685,152,156,1578915539161\,1578923371630\,1578930052848000,1578930058554000,1578954746236,1578955047263,1578955950345,1578957154449,1578957455473,1578969194262,1578975661816,1578976865572,1578984390616,1578994625136,1578995528127,1578995829120,1578997033107,1579012219328,1579012520355,1579014627543,1579037922075\,1579037922677\,1579037932305,181,1]]",1ya5yrwelrso-yxib3ctz0mdjsqkh2uffmn2kfrmynlkfp2vhk5vxrjlyzc1nx1i8okgrxz4hh9fxnqqavexbjgszjfxng_3tikapcccza7s5nl0iiv528sipt3_n6smfvjyvnmz5gmbld86jsedcdqpnbowbtwaejdtwlwiwyazylw418myzkyijnlherxkuhkwira</t>
  </si>
  <si>
    <t>01/15/2020 10:44:31</t>
  </si>
  <si>
    <t>"[[];"languagecode":"pt-br";"mozilla/5.0 (windows nt 6.1) applewebkit/537.36 (khtml;"requesttype":"background_request";"scenariotype;"timezone":"-03:00";0;0]_x0003_8_x0007_1833�o� 99;0]\\\\\\\�_x0013_�_x000F_&lt;l;0]\\\\\\\�;( &lt;l;0]als;0]l;0]ribedchildren;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961685;1578930052848000;1578930058554000;1578933676053;1578943608389;1578944812346;1579003188540;1579003790594;1579006198803;1579006499832;1579030649468;17;1ya5yrwelrso-yxib3ctz0mdjsqkh2uffmn2kfrmynlkfp2vhk5vxrjlyzc1nx1i8okgrxz4hh9fxnqqavexbjgszjfxng_3tikapcccza7s5nl0</t>
  </si>
  <si>
    <t>"[[],"languagecode":"pt-br","mozilla/5.0 (windows nt 6.1) applewebkit/537.36 (khtml,"requesttype":"background_request","scenariotype,"timezone":"-03:00",0,0]_x0003_8_x0007_1833�o� 99,0]\\\\\\\�_x0013_�_x000F_&lt;l,0]\\\\\\\�;( &lt;l,0]als,0]l,0]ribedchildren,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961685,1578930052848000,1578930058554000,1578933676053,1578943608389,1578944812346,1579003188540,1579003790594,1579006198803,1579006499832,1579030649468,17,1ya5yrwelrso-yxib3ctz0mdjsqkh2uffmn2kfrmynlkfp2vhk5vxrjlyzc1nx1i8okgrxz4hh9fxnqqavexbjgszjfxng_3tikapcccza7s5nl0</t>
  </si>
  <si>
    <t>01/15/2020 10:45:05</t>
  </si>
  <si>
    <t>"languagecode":"pt-br";"requesttype":"background_request";"scenariotype;"timezone":"-03:00";0]_x0001_2_x0007_��2_x0007__x0018_�2_x0007_c-4e;0]0":0}1s�� 90;0]578941s�� 90;0]als;0]l;0]rializab'i� pp;0]�&gt; 39;142961685;1578932472947;1578940899286;1578944210349;1578988304089;1578992217428;1578994023147;1578995227129;1579003489568;1579016443505;194;1ya5yrwelrso-yxib3ctz0mdjsqkh2uffmn2kfrmynlkfp2vhk5vxrjlyzc1nx1i8okgrxz4hh9fxnqqavexbjgszjfxng_3tikapcccza7s5nl0iiv528sipt3_n6smfvjyvnmz5gmbld86jsedcdqpnbowbtwaejdtwlwiwyazylw418myzkyijnlherxkuhkwiraaleptrpjifgx1x_zb22hx2m7vnxghvwt560j7kdwtra\";1ya5yrwelrso-yxib3ctz0mdjsqkh2uffmn2kfrmynlkfp2vhk5vxrjlyzc1nx1i8okgrxz4hh9fxnqqavexbjgszjfxng_3tikapcccza7s5nl0iiv528sipt3_n6smfvjyvnmz5gmbld86jsedcdqpnbowbtwaejdtwlwiwyazylw418myzkyijnlherxkuhkwiranlept4dqcy31buckrv8mm4emugerzrge-z8wm5vsk8g\";1ya5yrwelrso-yxib3ctz0mdjsqkh2uffmn2kfrmynlkfp2vhk5vxrjlyzc1nx1i8okgrxz4hh9fxnqqavexbjgszjfxng_3tikapcccza7s5nl0iiv528sipt3_n6smfvjyvnmz5gmbld86jsedcdqpnbowbtwaejdtwlwiwyazylw418myzkyijnlherxkuhkwirb3leptx6jww1uqgtvbqwq</t>
  </si>
  <si>
    <t>"languagecode":"pt-br","requesttype":"background_request","scenariotype,"timezone":"-03:00",0]_x0001_2_x0007_��2_x0007__x0018_�2_x0007_c-4e,0]0":0}1s�� 90,0]578941s�� 90,0]als,0]l,0]rializab'i� pp,0]�&gt; 39,142961685,1578932472947,1578940899286,1578944210349,1578988304089,1578992217428,1578994023147,1578995227129,1579003489568,1579016443505,194,1ya5yrwelrso-yxib3ctz0mdjsqkh2uffmn2kfrmynlkfp2vhk5vxrjlyzc1nx1i8okgrxz4hh9fxnqqavexbjgszjfxng_3tikapcccza7s5nl0iiv528sipt3_n6smfvjyvnmz5gmbld86jsedcdqpnbowbtwaejdtwlwiwyazylw418myzkyijnlherxkuhkwiraaleptrpjifgx1x_zb22hx2m7vnxghvwt560j7kdwtra\",1ya5yrwelrso-yxib3ctz0mdjsqkh2uffmn2kfrmynlkfp2vhk5vxrjlyzc1nx1i8okgrxz4hh9fxnqqavexbjgszjfxng_3tikapcccza7s5nl0iiv528sipt3_n6smfvjyvnmz5gmbld86jsedcdqpnbowbtwaejdtwlwiwyazylw418myzkyijnlherxkuhkwiranlept4dqcy31buckrv8mm4emugerzrge-z8wm5vsk8g\",1ya5yrwelrso-yxib3ctz0mdjsqkh2uffmn2kfrmynlkfp2vhk5vxrjlyzc1nx1i8okgrxz4hh9fxnqqavexbjgszjfxng_3tikapcccza7s5nl0iiv528sipt3_n6smfvjyvnmz5gmbld86jsedcdqpnbowbtwaejdtwlwiwyazylw418myzkyijnlherxkuhkwirb3leptx6jww1uqgtvbqwq</t>
  </si>
  <si>
    <t>01/15/2020 10:45:30</t>
  </si>
  <si>
    <t>"[[];"mozilla/5.0 (windows nt 6.1) applewebkit/537.36 (khtml;#bco-inspetoria@bancovotorantim.com.br;0]06;0]4003ll;0]\\\\\\k�� &lt;l;0]als;0]l;0]ribedchildren;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44;1578930052848000;1578930058554000;1578941802361;1578973107601;1579001683422;1579009510098;1579030649468;17;1ya5yrwelrso-yxib3ctz0mdjsqkh2uffmn2kfrmynlkfp2vhk5vxrjlyzc1nx1i8okgrxz4hh9fxnqqavexbjgszjfxng_3tikapcccza7s5nl0iiv528sipt3_n6smfvjyvnmz5gmbld86jsedcdqpnbowbtwaejdtwlwiwyazylw418myzkyijnlherxkuhkwirbkleptg2ozehzuvwv0br8gmrvy_8xhjclibt</t>
  </si>
  <si>
    <t>"[[],"mozilla/5.0 (windows nt 6.1) applewebkit/537.36 (khtml,#bco-inspetoria@bancovotorantim.com.br,0]06,0]4003ll,0]\\\\\\k�� &lt;l,0]als,0]l,0]ribedchildren,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44,1578930052848000,1578930058554000,1578941802361,1578973107601,1579001683422,1579009510098,1579030649468,17,1ya5yrwelrso-yxib3ctz0mdjsqkh2uffmn2kfrmynlkfp2vhk5vxrjlyzc1nx1i8okgrxz4hh9fxnqqavexbjgszjfxng_3tikapcccza7s5nl0iiv528sipt3_n6smfvjyvnmz5gmbld86jsedcdqpnbowbtwaejdtwlwiwyazylw418myzkyijnlherxkuhkwirbkleptg2ozehzuvwv0br8gmrvy_8xhjclibt</t>
  </si>
  <si>
    <t>01/15/2020 10:45:47</t>
  </si>
  <si>
    <t>01/15/2020 10:46:01</t>
  </si>
  <si>
    <t>01/15/2020 10:44:35</t>
  </si>
  <si>
    <t>01/15/2020 10:44:37</t>
  </si>
  <si>
    <t>01/15/2020 10:49:05</t>
  </si>
  <si>
    <t>7685da74-d9aa-4e85-82b0-d1e2663b1da0.tmp</t>
  </si>
  <si>
    <t>\\acsfs\profiles$\ROZENCAM\Downloads\7685da74-d9aa-4e85-82b0-d1e2663b1da0.tmp</t>
  </si>
  <si>
    <t>01/15/2020 10:48:50</t>
  </si>
  <si>
    <t>01/15/2020 10:50:46</t>
  </si>
  <si>
    <t>01/15/2020 10:49:08</t>
  </si>
  <si>
    <t>01/15/2020 10:49:17</t>
  </si>
  <si>
    <t>mail.google.com/sync/u/0/i/s?hl=pt-BR&amp;c=290</t>
  </si>
  <si>
    <t>01/15/2020 10:49:25</t>
  </si>
  <si>
    <t>mail.google.com/sync/u/0/i/s?hl=pt-BR&amp;c=292</t>
  </si>
  <si>
    <t>01/15/2020 10:44:57</t>
  </si>
  <si>
    <t>01/15/2020 10:45:15</t>
  </si>
  <si>
    <t>01/15/2020 10:45:27</t>
  </si>
  <si>
    <t>01/15/2020 10:46:26</t>
  </si>
  <si>
    <t>01/15/2020 10:47:26</t>
  </si>
  <si>
    <t>01/15/2020 10:48:26</t>
  </si>
  <si>
    <t>01/15/2020 10:49:26</t>
  </si>
  <si>
    <t>01/15/2020 10:51:47</t>
  </si>
  <si>
    <t>01/15/2020 10:48:01</t>
  </si>
  <si>
    <t>01/15/2020 10:49:31</t>
  </si>
  <si>
    <t>01/15/2020 10:50:01</t>
  </si>
  <si>
    <t>01/15/2020 10:50:29</t>
  </si>
  <si>
    <t>01/15/2020 10:50:25</t>
  </si>
  <si>
    <t>01/15/2020 10:52:46</t>
  </si>
  <si>
    <t>e53dbfb8-9e45-4d8f-af49-6f142c765620.tmp</t>
  </si>
  <si>
    <t>\\acsfs\profiles$\jhonatadss\Downloads\e53dbfb8-9e45-4d8f-af49-6f142c765620.tmp</t>
  </si>
  <si>
    <t>01/15/2020 10:48:51</t>
  </si>
  <si>
    <t>karoliny.silva@mutantbr.com;lilianls@algartech.com;talmaiardo@algartech.com;tatiane.biassi@mutantbr.com;</t>
  </si>
  <si>
    <t>karoliny.silva@mutantbr.com,lilianls@algartech.com,talmaiardo@algartech.com,tatiane.biassi@mutantbr.com</t>
  </si>
  <si>
    <t>01/15/2020 10:48:55</t>
  </si>
  <si>
    <t>01/15/2020 10:49:16</t>
  </si>
  <si>
    <t>01/15/2020 10:49:20</t>
  </si>
  <si>
    <t>01/15/2020 10:49:34</t>
  </si>
  <si>
    <t>01/15/2020 10:49:35</t>
  </si>
  <si>
    <t>01/15/2020 10:50:00</t>
  </si>
  <si>
    <t>01/15/2020 10:50:12</t>
  </si>
  <si>
    <t>01/15/2020 10:48:56</t>
  </si>
  <si>
    <t>01/15/2020 10:53:47</t>
  </si>
  <si>
    <t>01/15/2020 10:48:17</t>
  </si>
  <si>
    <t>01/15/2020 10:48:27</t>
  </si>
  <si>
    <t>01/15/2020 10:48:47</t>
  </si>
  <si>
    <t>01/15/2020 10:48:53</t>
  </si>
  <si>
    <t>01/15/2020 10:49:04</t>
  </si>
  <si>
    <t>01/15/2020 10:49:09</t>
  </si>
  <si>
    <t>01/15/2020 10:51:26</t>
  </si>
  <si>
    <t>01/15/2020 10:52:36</t>
  </si>
  <si>
    <t>01/15/2020 10:50:34</t>
  </si>
  <si>
    <t>e04c7b5c-68f5-4f62-a283-1caf92fbda05.tmp</t>
  </si>
  <si>
    <t>\\acsfs\profiles$\francislayneads\Downloads\e04c7b5c-68f5-4f62-a283-1caf92fbda05.tmp</t>
  </si>
  <si>
    <t>01/15/2020 10:54:47</t>
  </si>
  <si>
    <t>01/15/2020 10:49:13</t>
  </si>
  <si>
    <t>01/15/2020 10:49:21</t>
  </si>
  <si>
    <t>"[[];"mozilla/5.0 (windows nt 6.1) applewebkit/537.36 (khtml;0;0] = \\;0] _x0018_�2_x0007_c-4e;0]10r;0]62];0]8;0]\\\\\\\�x� &lt;l;0]l;0]ll;0]ribedchildren;0]thon-35.pyc;0]� \\;1;108;127;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142961685;143;145;149;154;1578930052848000;1578930058554000;1578943006467;1578945715328;1578956853420;1578958960608;1578962270972;1578967989981;1578972505548;1578972806575;1578973409172;1578974758737;1578976263703;1578978069560;1579030649468;160;17;1ya5yrwelrso-yxib3ctz0mdjsqkh2uffmn2kfrmynlkfp2vhk5vxrjlyzc1nx1i8okgrxz4hh9fxn</t>
  </si>
  <si>
    <t>"[[],"mozilla/5.0 (windows nt 6.1) applewebkit/537.36 (khtml,0,0] = \\,0] _x0018_�2_x0007_c-4e,0]10r,0]62],0]8,0]\\\\\\\�x� &lt;l,0]l,0]ll,0]ribedchildren,0]thon-35.pyc,0]� \\,1,108,127,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142961685,143,145,149,154,1578930052848000,1578930058554000,1578943006467,1578945715328,1578956853420,1578958960608,1578962270972,1578967989981,1578972505548,1578972806575,1578973409172,1578974758737,1578976263703,1578978069560,1579030649468,160,17,1ya5yrwelrso-yxib3ctz0mdjsqkh2uffmn2kfrmynlkfp2vhk5vxrjlyzc1nx1i8okgrxz4hh9fxn</t>
  </si>
  <si>
    <t>01/15/2020 10:49:33</t>
  </si>
  <si>
    <t>mail.google.com/sync/u/0/i/s?hl=pt-BR&amp;c=283</t>
  </si>
  <si>
    <t>01/15/2020 10:49:45</t>
  </si>
  <si>
    <t>01/15/2020 10:49:48</t>
  </si>
  <si>
    <t>01/15/2020 10:49:52</t>
  </si>
  <si>
    <t>"[[];"languagecode":"pt-br";"mozilla/5.0 (windows nt 6.1) applewebkit/537.36 (khtml;"requesttype":"background_request";"scenariotype;"timezone":"-03:00";0;0] _x0018_�2_x0007_c-4e;0]0":0}1s�� 90;0]0};0]87139";0]\\\\\\\:�x &lt;l;0]\\\\\\\k�� &lt;l;0]\\\\\\\qh; &lt;l;0]ackages\tornado\platform\interface.py;0]l;0]ll;0]ribedchildren;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8947220311;1578949026584;1578949327611;1578949628634;1578949929662;1578951735943;1578952037003;1578952639056;1579009811117;1579030649468;1579032309191;17;</t>
  </si>
  <si>
    <t>"[[],"languagecode":"pt-br","mozilla/5.0 (windows nt 6.1) applewebkit/537.36 (khtml,"requesttype":"background_request","scenariotype,"timezone":"-03:00",0,0] _x0018_�2_x0007_c-4e,0]0":0}1s�� 90,0]0},0]87139",0]\\\\\\\:�x &lt;l,0]\\\\\\\k�� &lt;l,0]\\\\\\\qh; &lt;l,0]ackages\tornado\platform\interface.py,0]l,0]ll,0]ribedchildren,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8947220311,1578949026584,1578949327611,1578949628634,1578949929662,1578951735943,1578952037003,1578952639056,1579009811117,1579030649468,1579032309191,17,</t>
  </si>
  <si>
    <t>01/15/2020 10:49:56</t>
  </si>
  <si>
    <t>01/15/2020 10:50:07</t>
  </si>
  <si>
    <t>mail.google.com/sync/u/0/i/s?hl=pt-BR&amp;c=294</t>
  </si>
  <si>
    <t>01/15/2020 10:51:19</t>
  </si>
  <si>
    <t>_x0018_ &lt;l;"languagecode":"pt-br";"mozilla/5.0 (windows nt 6.1) applewebkit/537.36 (khtml;"requesttype":"background_request";"scenariotype;"timezone":"-03:00";#bco-inspetoria@bancovotorantim.com.br;0]49a�� _x000F_;0]578941s�� 90;0]\\\\\\\#�� &lt;l;0]\\\\\\\�_x0006_� &lt;l;0]\\\\\\r;0]ackages\tornado\platform\interface.py;0]als;0]l;0]ll;0]thon-35.pyc;1;113;114;115;13;13700014;13700109;13700185;13700451;13700951;13701207;13701298;13701422;13701430;13701450;13701506;13701537;13701573;13701577;13701625;13701657;13701693;13701749;13701825;13701901;13701905;13701957;13701969;13702068;13702088;142961685;1578930052848000;1578930058554000;1578940297233;1578953542133;1578954144184;1578957756500;1578963775954;1578964076950;1578964377945;1578997936095;1578998538087;1578998839083;1579007703951;1ya5yrwelrso-yxib3ctz0mdjsqkh2uffmn2kfrmynlkfp2vhk5vxrjlyzc1nx1i8okgrxz4hh9fxnqqavexbjgszjfxng_3tikapcccza7s5nl0iiv528sipt3_n6smfvjyvnmz5gmbld86jsedcdqpnbowbtwaejdtwlwiwyazylw418myzkyijnlherxkuhkwirbaleptofxjubjdv_cv6dq-ewclammwbnthnsdoqvovzg\";1ya5yrwelrs</t>
  </si>
  <si>
    <t>_x0018_ &lt;l,"languagecode":"pt-br","mozilla/5.0 (windows nt 6.1) applewebkit/537.36 (khtml,"requesttype":"background_request","scenariotype,"timezone":"-03:00",#bco-inspetoria@bancovotorantim.com.br,0]49a�� _x000F_,0]578941s�� 90,0]\\\\\\\#�� &lt;l,0]\\\\\\\�_x0006_� &lt;l,0]\\\\\\r,0]ackages\tornado\platform\interface.py,0]als,0]l,0]ll,0]thon-35.pyc,1,113,114,115,13,13700014,13700109,13700185,13700451,13700951,13701207,13701298,13701422,13701430,13701450,13701506,13701537,13701573,13701577,13701625,13701657,13701693,13701749,13701825,13701901,13701905,13701957,13701969,13702068,13702088,142961685,1578930052848000,1578930058554000,1578940297233,1578953542133,1578954144184,1578957756500,1578963775954,1578964076950,1578964377945,1578997936095,1578998538087,1578998839083,1579007703951,1ya5yrwelrso-yxib3ctz0mdjsqkh2uffmn2kfrmynlkfp2vhk5vxrjlyzc1nx1i8okgrxz4hh9fxnqqavexbjgszjfxng_3tikapcccza7s5nl0iiv528sipt3_n6smfvjyvnmz5gmbld86jsedcdqpnbowbtwaejdtwlwiwyazylw418myzkyijnlherxkuhkwirbaleptofxjubjdv_cv6dq-ewclammwbnthnsdoqvovzg\",1ya5yrwelrs</t>
  </si>
  <si>
    <t>01/15/2020 10:51:36</t>
  </si>
  <si>
    <t>mail.google.com/sync/u/0/i/s?hl=pt-BR&amp;c=304</t>
  </si>
  <si>
    <t>01/15/2020 10:51:39</t>
  </si>
  <si>
    <t>2f333166-29a7-4f89-90c2-9bc89b43f56f.tmp</t>
  </si>
  <si>
    <t>\\acsfs\profiles$\leticiala\Downloads\2f333166-29a7-4f89-90c2-9bc89b43f56f.tmp</t>
  </si>
  <si>
    <t>01/15/2020 10:49:41</t>
  </si>
  <si>
    <t>a4290de9-75e4-4f6b-9be8-66a8acd3c9c0.tmp</t>
  </si>
  <si>
    <t>\\acsfs\profiles$\gustavoab\Downloads\a4290de9-75e4-4f6b-9be8-66a8acd3c9c0.tmp</t>
  </si>
  <si>
    <t>01/15/2020 10:49:55</t>
  </si>
  <si>
    <t>74d7800b-4206-4358-afdf-f85827523aab.tmp</t>
  </si>
  <si>
    <t>\\acsfs\profiles$\gustavoab\Downloads\74d7800b-4206-4358-afdf-f85827523aab.tmp</t>
  </si>
  <si>
    <t>01/15/2020 10:52:09</t>
  </si>
  <si>
    <t>lu103321fz63b.tmp</t>
  </si>
  <si>
    <t>\\acsfs\profiles$\BRUNAAR\Numero\lu103321fz63b.tmp</t>
  </si>
  <si>
    <t>01/15/2020 10:52:05</t>
  </si>
  <si>
    <t>01/15/2020 10:55:46</t>
  </si>
  <si>
    <t>01/15/2020 10:52:12</t>
  </si>
  <si>
    <t>01/15/2020 10:52:29</t>
  </si>
  <si>
    <t>82ee0dcc-8c02-4fcb-a652-80b92c4aa75e.tmp</t>
  </si>
  <si>
    <t>\\acsfs\profiles$\criciavdo\Downloads\82ee0dcc-8c02-4fcb-a652-80b92c4aa75e.tmp</t>
  </si>
  <si>
    <t>01/15/2020 10:50:26</t>
  </si>
  <si>
    <t>01/15/2020 10:52:27</t>
  </si>
  <si>
    <t>01/15/2020 10:52:37</t>
  </si>
  <si>
    <t>01/15/2020 10:52:41</t>
  </si>
  <si>
    <t>01/15/2020 10:52:56</t>
  </si>
  <si>
    <t>01/15/2020 10:53:11</t>
  </si>
  <si>
    <t>01/15/2020 10:53:37</t>
  </si>
  <si>
    <t>01/15/2020 10:53:42</t>
  </si>
  <si>
    <t>01/15/2020 10:53:45</t>
  </si>
  <si>
    <t>01/15/2020 10:54:12</t>
  </si>
  <si>
    <t>01/15/2020 10:54:44</t>
  </si>
  <si>
    <t>01/15/2020 10:52:15</t>
  </si>
  <si>
    <t>35b5fec9-ae97-42a0-991e-3d1525ca374a.tmp</t>
  </si>
  <si>
    <t>\\acsfs\profiles$\ERICALSR\Downloads\35b5fec9-ae97-42a0-991e-3d1525ca374a.tmp</t>
  </si>
  <si>
    <t>01/15/2020 10:54:02</t>
  </si>
  <si>
    <t>01/15/2020 10:56:47</t>
  </si>
  <si>
    <t>01/15/2020 10:54:32</t>
  </si>
  <si>
    <t>01/15/2020 10:55:02</t>
  </si>
  <si>
    <t>01/15/2020 10:53:12</t>
  </si>
  <si>
    <t>39dbf592-a3ad-43a8-a0d7-c48088bc42d8.tmp</t>
  </si>
  <si>
    <t>\\acsfs\profiles$\inarajst\Downloads\39dbf592-a3ad-43a8-a0d7-c48088bc42d8.tmp</t>
  </si>
  <si>
    <t>01/15/2020 10:53:22</t>
  </si>
  <si>
    <t>01/15/2020 10:57:46</t>
  </si>
  <si>
    <t>CLAUDIA JANAINA CELESTE DE ANDRADE_1_6777694869775264829_1_32.wav</t>
  </si>
  <si>
    <t>\\acsfs\Deptos\EDUCACAO EMPRESARIAL\KÉSIA\Ligações 2º ciclo - Janeiro 2020\CLAUDIA JANAINA CELESTE DE ANDRADE_1_6777694869775264829_1_32.wav</t>
  </si>
  <si>
    <t>01/15/2020 10:53:01</t>
  </si>
  <si>
    <t>3bf86a9d-50b4-4ffa-af4c-a4151afbf340.tmp</t>
  </si>
  <si>
    <t>\\acsfs\profiles$\isabellegtds\Downloads\3bf86a9d-50b4-4ffa-af4c-a4151afbf340.tmp</t>
  </si>
  <si>
    <t>01/15/2020 10:53:02</t>
  </si>
  <si>
    <t>d9a928dd-7fa5-49c8-a9ef-9430cae84f7a.tmp</t>
  </si>
  <si>
    <t>\\acsfs\profiles$\isabellegtds\Downloads\d9a928dd-7fa5-49c8-a9ef-9430cae84f7a.tmp</t>
  </si>
  <si>
    <t>01/15/2020 10:53:06</t>
  </si>
  <si>
    <t>b46b7d5a-b752-4f7f-a7fb-5695d8df585c.tmp</t>
  </si>
  <si>
    <t>\\acsfs\profiles$\isabellegtds\Downloads\b46b7d5a-b752-4f7f-a7fb-5695d8df585c.tmp</t>
  </si>
  <si>
    <t>01/15/2020 10:56:10</t>
  </si>
  <si>
    <t>01/15/2020 10:58:47</t>
  </si>
  <si>
    <t>01/15/2020 10:56:17</t>
  </si>
  <si>
    <t>bvcartes-supervisores@algarnet.onmicrosoft.com;joaogvc@algartech.com;leonardoao@algartech.com;marianadjc@algartech.com;ricardodfm@algartech.com.br;</t>
  </si>
  <si>
    <t>bvcartes-supervisores@algarnet.onmicrosoft.com,joaogvc@algartech.com,leonardoao@algartech.com,marianadjc@algartech.com,ricardodfm@algartech.com.br</t>
  </si>
  <si>
    <t>01/15/2020 10:56:20</t>
  </si>
  <si>
    <t>bvcartes-supervisores@algarnet.onmicrosoft.com;joaogvc@algartech.com;leonardoao@algartech.com;marianadjc@algartech.com;paulacn@algartech.com;ricardodfm@algartech.com.br;</t>
  </si>
  <si>
    <t>bvcartes-supervisores@algarnet.onmicrosoft.com,joaogvc@algartech.com,leonardoao@algartech.com,marianadjc@algartech.com,paulacn@algartech.com,ricardodfm@algartech.com.br</t>
  </si>
  <si>
    <t>01/15/2020 10:56:24</t>
  </si>
  <si>
    <t>01/15/2020 10:56:27</t>
  </si>
  <si>
    <t>bvcartes-supervisores@algarnet.onmicrosoft.com;joaogvc@algartech.com;leonardoao@algartech.com;marianadjc@algartech.com;paulacn@algartech.com;ricardodfm@algartech.com.br;sofiamses@algartech.com;taysdss@algartech.com;viniciussg@algartech.com;</t>
  </si>
  <si>
    <t>bvcartes-supervisores@algarnet.onmicrosoft.com,joaogvc@algartech.com,leonardoao@algartech.com,marianadjc@algartech.com,paulacn@algartech.com,ricardodfm@algartech.com.br,sofiamses@algartech.com,taysdss@algartech.com,viniciussg@algartech.com</t>
  </si>
  <si>
    <t>01/15/2020 10:56:38</t>
  </si>
  <si>
    <t>01/15/2020 10:56:56</t>
  </si>
  <si>
    <t>01/15/2020 10:57:04</t>
  </si>
  <si>
    <t>01/15/2020 10:57:22</t>
  </si>
  <si>
    <t>01/15/2020 10:57:36</t>
  </si>
  <si>
    <t>01/15/2020 10:57:42</t>
  </si>
  <si>
    <t>01/15/2020 10:58:12</t>
  </si>
  <si>
    <t>182b5958-7473-41e2-8437-5954a24a95d8.tmp</t>
  </si>
  <si>
    <t>\\acsfs\profiles$\gabrielsma\Downloads\182b5958-7473-41e2-8437-5954a24a95d8.tmp</t>
  </si>
  <si>
    <t>01/15/2020 10:59:47</t>
  </si>
  <si>
    <t>01/15/2020 10:54:21</t>
  </si>
  <si>
    <t>01/15/2020 10:54:22</t>
  </si>
  <si>
    <t>01/15/2020 10:56:18</t>
  </si>
  <si>
    <t>01/15/2020 10:56:19</t>
  </si>
  <si>
    <t>01/15/2020 10:56:21</t>
  </si>
  <si>
    <t>01/15/2020 10:56:22</t>
  </si>
  <si>
    <t>01/15/2020 10:56:23</t>
  </si>
  <si>
    <t>01/15/2020 10:56:25</t>
  </si>
  <si>
    <t>01/15/2020 10:56:26</t>
  </si>
  <si>
    <t>01/15/2020 10:56:28</t>
  </si>
  <si>
    <t>01/15/2020 10:56:29</t>
  </si>
  <si>
    <t>01/15/2020 10:56:30</t>
  </si>
  <si>
    <t>01/15/2020 10:56:31</t>
  </si>
  <si>
    <t>01/15/2020 10:56:32</t>
  </si>
  <si>
    <t>01/15/2020 10:56:33</t>
  </si>
  <si>
    <t>01/15/2020 10:56:34</t>
  </si>
  <si>
    <t>01/15/2020 10:56:35</t>
  </si>
  <si>
    <t>01/15/2020 10:56:36</t>
  </si>
  <si>
    <t>01/15/2020 10:56:37</t>
  </si>
  <si>
    <t>01/15/2020 10:56:39</t>
  </si>
  <si>
    <t>01/15/2020 10:56:40</t>
  </si>
  <si>
    <t>01/15/2020 10:56:41</t>
  </si>
  <si>
    <t>01/15/2020 10:56:42</t>
  </si>
  <si>
    <t>01/15/2020 10:56:43</t>
  </si>
  <si>
    <t>01/15/2020 10:56:44</t>
  </si>
  <si>
    <t>01/15/2020 10:56:45</t>
  </si>
  <si>
    <t>01/15/2020 10:56:46</t>
  </si>
  <si>
    <t>01/15/2020 11:00:46</t>
  </si>
  <si>
    <t>mail.google.com/sync/u/0/i/s?hl=pt-BR&amp;c=314</t>
  </si>
  <si>
    <t>01/15/2020 10:57:33</t>
  </si>
  <si>
    <t>01/15/2020 10:57:51</t>
  </si>
  <si>
    <t>01/15/2020 10:57:56</t>
  </si>
  <si>
    <t>mail.google.com/sync/u/0/i/s?hl=pt-BR&amp;c=321</t>
  </si>
  <si>
    <t>01/15/2020 10:58:51</t>
  </si>
  <si>
    <t>01/15/2020 10:59:13</t>
  </si>
  <si>
    <t>01/15/2020 10:59:18</t>
  </si>
  <si>
    <t>mail.google.com/sync/u/0/i/s?hl=pt-BR&amp;c=330</t>
  </si>
  <si>
    <t>01/15/2020 10:59:23</t>
  </si>
  <si>
    <t>mail.google.com/sync/u/0/i/s?hl=pt-BR&amp;c=332</t>
  </si>
  <si>
    <t>01/15/2020 10:59:29</t>
  </si>
  <si>
    <t>01/15/2020 10:59:39</t>
  </si>
  <si>
    <t>01/15/2020 10:55:42</t>
  </si>
  <si>
    <t>01/15/2020 10:58:01</t>
  </si>
  <si>
    <t>8688b9d0-e936-4ad8-b75d-81c308f223d0.tmp</t>
  </si>
  <si>
    <t>\\acsfs\profiles$\vivianalds\Downloads\8688b9d0-e936-4ad8-b75d-81c308f223d0.tmp</t>
  </si>
  <si>
    <t>01/15/2020 10:55:43</t>
  </si>
  <si>
    <t>01/15/2020 10:56:12</t>
  </si>
  <si>
    <t>01/15/2020 10:57:43</t>
  </si>
  <si>
    <t>01/15/2020 10:58:48</t>
  </si>
  <si>
    <t>01/15/2020 10:59:46</t>
  </si>
  <si>
    <t>01/15/2020 11:00:12</t>
  </si>
  <si>
    <t>01/15/2020 10:57:32</t>
  </si>
  <si>
    <t>01/15/2020 11:01:47</t>
  </si>
  <si>
    <t>01/15/2020 10:59:03</t>
  </si>
  <si>
    <t>01/15/2020 11:00:03</t>
  </si>
  <si>
    <t>01/15/2020 11:00:33</t>
  </si>
  <si>
    <t>c7d1fcc0-0646-4312-86ee-17d1b97d2f4e.tmp</t>
  </si>
  <si>
    <t>\\acsfs\profiles$\inarajst\Downloads\c7d1fcc0-0646-4312-86ee-17d1b97d2f4e.tmp</t>
  </si>
  <si>
    <t>01/15/2020 11:01:27</t>
  </si>
  <si>
    <t>01/15/2020 11:02:47</t>
  </si>
  <si>
    <t>adrianoms@algartech.com;alexandre.m.souza@bradesco.com.br;alvarobgadm@algartech.com.br;anaprp@algartech.com;andreavm@algartech.com.br;brunos.leite@bradesco.com.br;carlaicc@algartech.com.br;daniela.souza@bradesco.com.br;elainesilva@bradesco.com.br;helidafp@algartech.com.br;johnatards@algartech.com.br;karitacsm@algartech.com.br;mariacsc@algartech.com;nivia.queiroz@bradesco.com.br;qualidadealerta@algartech.com;rosana.m.goncalves@bradesco.com.br;rubia.pereira@bradesco.com.br;veslianeaf@algartech.com;</t>
  </si>
  <si>
    <t>adrianoms@algartech.com,alexandre.m.souza@bradesco.com.br,alvarobgadm@algartech.com.br,anaprp@algartech.com,andreavm@algartech.com.br,brunos.leite@bradesco.com.br,carlaicc@algartech.com.br,daniela.souza@bradesco.com.br,elainesilva@bradesco.com.br,helidafp@algartech.com.br,johnatards@algartech.com.br,karitacsm@algartech.com.br,mariacsc@algartech.com,nivia.queiroz@bradesco.com.br,qualidadealerta@algartech.com,rosana.m.goncalves@bradesco.com.br,rubia.pereira@bradesco.com.br,veslianeaf@algartech.com</t>
  </si>
  <si>
    <t>01/15/2020 11:01:41</t>
  </si>
  <si>
    <t>01/15/2020 10:59:57</t>
  </si>
  <si>
    <t>10595649-fd86-41e5-aaf2-3cbb92e1f611.tmp</t>
  </si>
  <si>
    <t>\\acsfs\profiles$\isabellegtds\Downloads\10595649-fd86-41e5-aaf2-3cbb92e1f611.tmp</t>
  </si>
  <si>
    <t>c088e6e9-93a9-4c54-87bc-f3d23da3a282.tmp</t>
  </si>
  <si>
    <t>\\acsfs\profiles$\isabellegtds\Downloads\c088e6e9-93a9-4c54-87bc-f3d23da3a282.tmp</t>
  </si>
  <si>
    <t>01/15/2020 11:01:45</t>
  </si>
  <si>
    <t>01/15/2020 11:01:46</t>
  </si>
  <si>
    <t>01/15/2020 10:58:15</t>
  </si>
  <si>
    <t>01/15/2020 10:58:20</t>
  </si>
  <si>
    <t>01/15/2020 10:58:34</t>
  </si>
  <si>
    <t>01/15/2020 10:58:37</t>
  </si>
  <si>
    <t>01/15/2020 11:03:47</t>
  </si>
  <si>
    <t>01/15/2020 10:58:53</t>
  </si>
  <si>
    <t>01/15/2020 10:58:58</t>
  </si>
  <si>
    <t>01/15/2020 10:59:24</t>
  </si>
  <si>
    <t>01/15/2020 10:59:31</t>
  </si>
  <si>
    <t>01/15/2020 10:59:38</t>
  </si>
  <si>
    <t>bvcartes-supervisores@algarnet.onmicrosoft.com;joaogvc@algartech.com;leonardoao@algartech.com;marianadjc@algartech.com;paulacn@algartech.com;planejamentodeoperacoesetrafego@bv.com.br;raphaelmco@algartech.com.br;ricardodfm@algartech.com.br;sofiamses@algartech.com;taysdss@algartech.com;viniciussg@algartech.com;</t>
  </si>
  <si>
    <t>bvcartes-supervisores@algarnet.onmicrosoft.com,joaogvc@algartech.com,leonardoao@algartech.com,marianadjc@algartech.com,paulacn@algartech.com,planejamentodeoperacoesetrafego@bv.com.br,raphaelmco@algartech.com.br,ricardodfm@algartech.com.br,sofiamses@algartech.com,taysdss@algartech.com,viniciussg@algartech.com</t>
  </si>
  <si>
    <t>01/15/2020 10:59:50</t>
  </si>
  <si>
    <t>01/15/2020 10:59:54</t>
  </si>
  <si>
    <t>01/15/2020 11:00:06</t>
  </si>
  <si>
    <t>01/15/2020 11:00:16</t>
  </si>
  <si>
    <t>01/15/2020 11:02:26</t>
  </si>
  <si>
    <t>01/15/2020 10:58:27</t>
  </si>
  <si>
    <t>assiduidadeSetembro.csv.crdownload</t>
  </si>
  <si>
    <t>\\acsfs\ACS\Gabriel da Silva\Contemporânea\Gen\assiduidadeSetembro.csv.crdownload</t>
  </si>
  <si>
    <t>01/15/2020 10:59:12</t>
  </si>
  <si>
    <t>444e57e0-6cde-4fb3-ab30-c9c2405b14c6.tmp</t>
  </si>
  <si>
    <t>\\acsfs\profiles$\gabrielsma\Downloads\444e57e0-6cde-4fb3-ab30-c9c2405b14c6.tmp</t>
  </si>
  <si>
    <t>01/15/2020 10:59:27</t>
  </si>
  <si>
    <t>assiduidadeOutubro.csv.crdownload</t>
  </si>
  <si>
    <t>\\acsfs\ACS\Gabriel da Silva\Contemporânea\Gen\assiduidadeOutubro.csv.crdownload</t>
  </si>
  <si>
    <t>3624e187-ec46-48ea-bc8a-0f608744c746.tmp</t>
  </si>
  <si>
    <t>\\acsfs\profiles$\gabrielsma\Downloads\3624e187-ec46-48ea-bc8a-0f608744c746.tmp</t>
  </si>
  <si>
    <t>assiduidadeNovembro.csv.crdownload</t>
  </si>
  <si>
    <t>\\acsfs\ACS\Gabriel da Silva\Contemporânea\Gen\assiduidadeNovembro.csv.crdownload</t>
  </si>
  <si>
    <t>01/15/2020 11:01:06</t>
  </si>
  <si>
    <t>60a59f71-b450-49fe-b659-a6d5f79ff8e0.tmp</t>
  </si>
  <si>
    <t>\\acsfs\profiles$\gabrielsma\Downloads\60a59f71-b450-49fe-b659-a6d5f79ff8e0.tmp</t>
  </si>
  <si>
    <t>01/15/2020 11:01:18</t>
  </si>
  <si>
    <t>assiduidadeDezembro.csv.crdownload</t>
  </si>
  <si>
    <t>\\acsfs\ACS\Gabriel da Silva\Contemporânea\Gen\assiduidadeDezembro.csv.crdownload</t>
  </si>
  <si>
    <t>01/15/2020 11:01:20</t>
  </si>
  <si>
    <t>01/15/2020 11:04:47</t>
  </si>
  <si>
    <t>eaf163fa-0368-422c-b9c0-073a261d5ccc.tmp</t>
  </si>
  <si>
    <t>\\acsfs\profiles$\larissaad\Downloads\eaf163fa-0368-422c-b9c0-073a261d5ccc.tmp</t>
  </si>
  <si>
    <t>01/15/2020 11:04:27</t>
  </si>
  <si>
    <t>01/15/2020 11:05:47</t>
  </si>
  <si>
    <t>01/15/2020 11:00:01</t>
  </si>
  <si>
    <t>mail.google.com/sync/u/0/i/s?hl=pt-BR&amp;c=343</t>
  </si>
  <si>
    <t>01/15/2020 11:00:45</t>
  </si>
  <si>
    <t>RAFAELA CRISTINA DE OLIVEIRA CLEMENTINO _1_6777465484161909572_1_32.wav</t>
  </si>
  <si>
    <t>\\acsfs\Deptos\EDUCACAO EMPRESARIAL\FERNANDA MONIT\Fernanda\MONITORIA JANEIRO\Ligação para MUTANT segundo ciclo janeiro\RAFAELA CRISTINA DE OLIVEIRA CLEMENTINO _1_6777465484161909572_1_32.wav</t>
  </si>
  <si>
    <t>01/15/2020 11:02:50</t>
  </si>
  <si>
    <t>mail.google.com/sync/u/0/i/s?hl=pt-BR&amp;c=356</t>
  </si>
  <si>
    <t>01/15/2020 11:02:54</t>
  </si>
  <si>
    <t>01/15/2020 11:03:57</t>
  </si>
  <si>
    <t>Janayna Tereza Rocha Onofre_1_6777714162768352743_1_32.wav</t>
  </si>
  <si>
    <t>\\acsfs\Deptos\EDUCACAO EMPRESARIAL\FERNANDA MONIT\Fernanda\MONITORIA JANEIRO\Ligação para MUTANT segundo ciclo janeiro\Janayna Tereza Rocha Onofre_1_6777714162768352743_1_32.wav</t>
  </si>
  <si>
    <t>9ffb2439-9ffb-4aec-a6ba-71ca5e74a438.tmp</t>
  </si>
  <si>
    <t>\\acsfs\profiles$\talitafdc\Downloads\9ffb2439-9ffb-4aec-a6ba-71ca5e74a438.tmp</t>
  </si>
  <si>
    <t>01/15/2020 11:00:44</t>
  </si>
  <si>
    <t>01/15/2020 11:01:16</t>
  </si>
  <si>
    <t>01/15/2020 11:02:15</t>
  </si>
  <si>
    <t>01/15/2020 11:02:16</t>
  </si>
  <si>
    <t>01/15/2020 11:02:40</t>
  </si>
  <si>
    <t>01/15/2020 11:02:48</t>
  </si>
  <si>
    <t>01/15/2020 11:03:34</t>
  </si>
  <si>
    <t>01/15/2020 11:03:40</t>
  </si>
  <si>
    <t>01/15/2020 11:04:21</t>
  </si>
  <si>
    <t>01/15/2020 11:04:22</t>
  </si>
  <si>
    <t>01/15/2020 11:04:28</t>
  </si>
  <si>
    <t>01/15/2020 11:04:39</t>
  </si>
  <si>
    <t>01/15/2020 11:00:47</t>
  </si>
  <si>
    <t>01/15/2020 11:01:01</t>
  </si>
  <si>
    <t>01/15/2020 11:01:09</t>
  </si>
  <si>
    <t>01/15/2020 11:01:54</t>
  </si>
  <si>
    <t>01/15/2020 11:04:53</t>
  </si>
  <si>
    <t>01/15/2020 11:05:09</t>
  </si>
  <si>
    <t>01/15/2020 11:05:20</t>
  </si>
  <si>
    <t>01/15/2020 11:05:35</t>
  </si>
  <si>
    <t>01/15/2020 11:01:03</t>
  </si>
  <si>
    <t>01/15/2020 11:06:47</t>
  </si>
  <si>
    <t>01/15/2020 11:03:00</t>
  </si>
  <si>
    <t>48024c26-01ac-4830-a25e-44f06c960aab.tmp</t>
  </si>
  <si>
    <t>\\acsfs\profiles$\inarajst\Downloads\48024c26-01ac-4830-a25e-44f06c960aab.tmp</t>
  </si>
  <si>
    <t>01/15/2020 11:06:00</t>
  </si>
  <si>
    <t>01/15/2020 11:07:47</t>
  </si>
  <si>
    <t>DANIELA COSTA_1_6777334573558730561_1_32.wav</t>
  </si>
  <si>
    <t>\\acsfs\Deptos\EDUCACAO EMPRESARIAL\KÉSIA\Ligações 2º ciclo - Janeiro 2020\DANIELA COSTA_1_6777334573558730561_1_32.wav</t>
  </si>
  <si>
    <t>01/15/2020 11:02:49</t>
  </si>
  <si>
    <t>01/15/2020 11:08:47</t>
  </si>
  <si>
    <t>01/15/2020 11:03:45</t>
  </si>
  <si>
    <t>outlook.office.com/owa/service.svc?action=CreateItem&amp;app=Mail&amp;n=155</t>
  </si>
  <si>
    <t>andrelps@algartech.com;eliane.martins@bv.com.br;robsonams@algartech.com;simeia.faria@bv.com.br;supervisaobancovotorantim@algartech.com;</t>
  </si>
  <si>
    <t>andrelps@algartech.com,eliane.martins@bv.com.br,robsonams@algartech.com,simeia.faria@bv.com.br,supervisaobancovotorantim@algartech.com</t>
  </si>
  <si>
    <t>01/15/2020 11:04:16</t>
  </si>
  <si>
    <t>outlook.office.com/owa/service.svc?action=UpdateItem&amp;app=Mail&amp;n=171</t>
  </si>
  <si>
    <t>01/15/2020 11:04:46</t>
  </si>
  <si>
    <t>outlook.office.com/owa/service.svc?action=UpdateItem&amp;app=Mail&amp;n=177</t>
  </si>
  <si>
    <t>01/15/2020 11:05:16</t>
  </si>
  <si>
    <t>outlook.office.com/owa/service.svc?action=UpdateItem&amp;app=Mail&amp;n=183</t>
  </si>
  <si>
    <t>outlook.office.com/owa/service.svc?action=UpdateItem&amp;app=Mail&amp;n=189</t>
  </si>
  <si>
    <t>01/15/2020 11:08:11</t>
  </si>
  <si>
    <t>outlook.office.com/owa/service.svc?action=UpdateItem&amp;app=Mail&amp;n=200</t>
  </si>
  <si>
    <t>01/15/2020 11:07:24</t>
  </si>
  <si>
    <t>01/15/2020 11:09:48</t>
  </si>
  <si>
    <t>mail.google.com/sync/u/0/i/s?hl=pt-BR&amp;c=352</t>
  </si>
  <si>
    <t>"[[];"languagecode":"pt-br";"mozilla/5.0 (windows nt 6.1) applewebkit/537.36 (khtml;"requesttype":"background_request";"scenariotype;"timezone":"-03:00";0;0]578941s�� 90;0]:0}:0})�� 66;0]als;0]l;0]ribedchildren;0]}ls;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8999441075;1578999742070;1579000043067;1579000344063;1579008004964;1579008305983;1579013423433;1579013724878;1579014025485;1579030649468;17;1ya5yrwelrso-yxib3ctz0mdjsqkh2uffmn2kfrmynlkfp2vhk5vxrjlyzc1nx1i8okgrxz4hh9fxnqqavexbjgszjfxng_3tikapcccza</t>
  </si>
  <si>
    <t>"[[],"languagecode":"pt-br","mozilla/5.0 (windows nt 6.1) applewebkit/537.36 (khtml,"requesttype":"background_request","scenariotype,"timezone":"-03:00",0,0]578941s�� 90,0]:0}:0})�� 66,0]als,0]l,0]ribedchildren,0]}ls,1,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8999441075,1578999742070,1579000043067,1579000344063,1579008004964,1579008305983,1579013423433,1579013724878,1579014025485,1579030649468,17,1ya5yrwelrso-yxib3ctz0mdjsqkh2uffmn2kfrmynlkfp2vhk5vxrjlyzc1nx1i8okgrxz4hh9fxnqqavexbjgszjfxng_3tikapcccza</t>
  </si>
  <si>
    <t>01/15/2020 11:07:30</t>
  </si>
  <si>
    <t>mail.google.com/sync/u/0/i/s?hl=pt-BR&amp;c=354</t>
  </si>
  <si>
    <t>01/15/2020 11:07:38</t>
  </si>
  <si>
    <t>"[[];"mozilla/5.0 (windows nt 6.1) applewebkit/537.36 (khtml;0]gc606;0]ll;0]ribedchildren;1;13;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30052848000;1578930058554000;1578932171927;1578941200313;1578941501336;1579030649468;347;38;39;5701393;8;8202193];8202316;936;["mozilla/5.0 (windows nt 6.1) applewebkit/537.36 (khtml;["pt-br"]]]&amp;token=ac4w5vhljczanhxnqi1woyx0avs9x8dipw:1578930052842&amp;buildlabel=drive.web-frontend_20200101.00_p4]]";[8202524;[[13701418;[];[]]"];[]]];[null;adfn-ct7ciskssyu-68afh9xg7xv2c6f8dx_seofhsqerkx2bhpqslb3crfufkpjjmcd4mgjscrt;andrelpsa@algartech.com;atuima2v-l-r4mlrttnejldjmmcmtjqqdb_eo8phe2_wqj_y1ojumr1iabvw2ppblwocree42tuodgonxc9zyh_d_xfps-jqqezf1j4drdoqy4aopcsgislg3y</t>
  </si>
  <si>
    <t>"[[],"mozilla/5.0 (windows nt 6.1) applewebkit/537.36 (khtml,0]gc606,0]ll,0]ribedchildren,1,13,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30052848000,1578930058554000,1578932171927,1578941200313,1578941501336,1579030649468,347,38,39,5701393,8,8202193],8202316,936,["mozilla/5.0 (windows nt 6.1) applewebkit/537.36 (khtml,["pt-br"]]]&amp;token=ac4w5vhljczanhxnqi1woyx0avs9x8dipw:1578930052842&amp;buildlabel=drive.web-frontend_20200101.00_p4]]",[8202524,[[13701418,[],[]]"],[]]],[null,adfn-ct7ciskssyu-68afh9xg7xv2c6f8dx_seofhsqerkx2bhpqslb3crfufkpjjmcd4mgjscrt,andrelpsa@algartech.com,atuima2v-l-r4mlrttnejldjmmcmtjqqdb_eo8phe2_wqj_y1ojumr1iabvw2ppblwocree42tuodgonxc9zyh_d_xfps-jqqezf1j4drdoqy4aopcsgislg3y</t>
  </si>
  <si>
    <t>01/15/2020 11:07:42</t>
  </si>
  <si>
    <t>01/15/2020 11:08:13</t>
  </si>
  <si>
    <t>01/15/2020 11:08:25</t>
  </si>
  <si>
    <t>01/15/2020 11:04:09</t>
  </si>
  <si>
    <t>be375ae0-bc75-4d96-a6c2-9c5c010efa86.tmp</t>
  </si>
  <si>
    <t>\\acsfs\profiles$\leticiala\Downloads\be375ae0-bc75-4d96-a6c2-9c5c010efa86.tmp</t>
  </si>
  <si>
    <t>01/15/2020 11:07:59</t>
  </si>
  <si>
    <t>753e9c8a-7176-4621-b598-e0a881a5e1a4.tmp</t>
  </si>
  <si>
    <t>\\acsfs\profiles$\leticiala\Downloads\753e9c8a-7176-4621-b598-e0a881a5e1a4.tmp</t>
  </si>
  <si>
    <t>01/15/2020 11:05:02</t>
  </si>
  <si>
    <t>01/15/2020 11:05:05</t>
  </si>
  <si>
    <t>01/15/2020 11:05:08</t>
  </si>
  <si>
    <t>01/15/2020 11:05:29</t>
  </si>
  <si>
    <t>01/15/2020 11:05:46</t>
  </si>
  <si>
    <t>01/15/2020 11:05:53</t>
  </si>
  <si>
    <t>01/15/2020 11:06:04</t>
  </si>
  <si>
    <t>01/15/2020 11:07:09</t>
  </si>
  <si>
    <t>01/15/2020 11:07:12</t>
  </si>
  <si>
    <t>01/15/2020 11:07:20</t>
  </si>
  <si>
    <t>01/15/2020 11:07:54</t>
  </si>
  <si>
    <t>01/15/2020 11:05:15</t>
  </si>
  <si>
    <t>01/15/2020 11:10:48</t>
  </si>
  <si>
    <t>01/15/2020 11:05:26</t>
  </si>
  <si>
    <t>01/15/2020 11:09:01</t>
  </si>
  <si>
    <t>01/15/2020 11:09:10</t>
  </si>
  <si>
    <t>01/15/2020 11:09:14</t>
  </si>
  <si>
    <t>01/15/2020 11:09:24</t>
  </si>
  <si>
    <t>01/15/2020 11:09:28</t>
  </si>
  <si>
    <t>01/15/2020 11:09:44</t>
  </si>
  <si>
    <t>01/15/2020 11:09:51</t>
  </si>
  <si>
    <t>01/15/2020 11:05:38</t>
  </si>
  <si>
    <t>01/15/2020 11:05:39</t>
  </si>
  <si>
    <t>01/15/2020 11:06:17</t>
  </si>
  <si>
    <t>01/15/2020 11:06:27</t>
  </si>
  <si>
    <t>01/15/2020 11:06:49</t>
  </si>
  <si>
    <t>01/15/2020 11:07:02</t>
  </si>
  <si>
    <t>01/15/2020 11:07:14</t>
  </si>
  <si>
    <t>01/15/2020 11:07:17</t>
  </si>
  <si>
    <t>01/15/2020 11:07:43</t>
  </si>
  <si>
    <t>01/15/2020 11:08:01</t>
  </si>
  <si>
    <t>01/15/2020 11:10:02</t>
  </si>
  <si>
    <t>01/15/2020 11:06:34</t>
  </si>
  <si>
    <t>01/15/2020 11:06:40</t>
  </si>
  <si>
    <t>01/15/2020 11:07:10</t>
  </si>
  <si>
    <t>01/15/2020 11:07:46</t>
  </si>
  <si>
    <t>01/15/2020 11:07:50</t>
  </si>
  <si>
    <t>01/15/2020 11:08:05</t>
  </si>
  <si>
    <t>01/15/2020 11:08:19</t>
  </si>
  <si>
    <t>01/15/2020 11:09:38</t>
  </si>
  <si>
    <t>mail.google.com/sync/u/0/i/s?hl=pt-BR&amp;c=311</t>
  </si>
  <si>
    <t>01/15/2020 11:09:41</t>
  </si>
  <si>
    <t>mail.google.com/sync/u/0/i/s?hl=pt-BR&amp;c=313</t>
  </si>
  <si>
    <t>01/15/2020 11:09:03</t>
  </si>
  <si>
    <t>01/15/2020 11:11:48</t>
  </si>
  <si>
    <t>bd4086b0-c0e4-4e09-9c34-ef59120ff6db.tmp</t>
  </si>
  <si>
    <t>\\acsfs\profiles$\joselrb\Downloads\bd4086b0-c0e4-4e09-9c34-ef59120ff6db.tmp</t>
  </si>
  <si>
    <t>01/15/2020 11:10:25</t>
  </si>
  <si>
    <t>4899e2d7-4111-42b8-8612-b15f47581228.tmp</t>
  </si>
  <si>
    <t>\\acsfs\profiles$\joselrb\Downloads\4899e2d7-4111-42b8-8612-b15f47581228.tmp</t>
  </si>
  <si>
    <t>01/15/2020 11:10:49</t>
  </si>
  <si>
    <t>ca02e0dd-d7a4-4fe6-8289-7f4a26561d25.tmp</t>
  </si>
  <si>
    <t>\\acsfs\profiles$\joselrb\Downloads\ca02e0dd-d7a4-4fe6-8289-7f4a26561d25.tmp</t>
  </si>
  <si>
    <t>01/15/2020 11:07:34</t>
  </si>
  <si>
    <t>01/15/2020 11:08:04</t>
  </si>
  <si>
    <t>01/15/2020 11:08:34</t>
  </si>
  <si>
    <t>01/15/2020 11:09:05</t>
  </si>
  <si>
    <t>01/15/2020 11:07:06</t>
  </si>
  <si>
    <t>861913f4-9504-452f-8ad4-91a5213cf002.tmp</t>
  </si>
  <si>
    <t>\\acsfs\profiles$\paulovadc\Downloads\861913f4-9504-452f-8ad4-91a5213cf002.tmp</t>
  </si>
  <si>
    <t>e4d66997-f143-443d-8a4d-7fe1da672e9a.tmp</t>
  </si>
  <si>
    <t>\\acsfs\profiles$\paulovadc\Downloads\e4d66997-f143-443d-8a4d-7fe1da672e9a.tmp</t>
  </si>
  <si>
    <t>01/15/2020 11:11:12</t>
  </si>
  <si>
    <t>01/15/2020 11:13:48</t>
  </si>
  <si>
    <t>https://bvcartes-supervisores@algarnet.onmicrosoft.com,joaogvc@algartech.com,leonardoao@algartech.com,marianadjc@algartech.com,paulacn@algartech.com,ricardodfm@algartech.com.br,sofiamses@algartech.com,taysdss@algartech.com,viniciussg@algartech.com</t>
  </si>
  <si>
    <t>01/15/2020 11:09:00</t>
  </si>
  <si>
    <t>01/15/2020 11:14:48</t>
  </si>
  <si>
    <t>01/15/2020 11:09:07</t>
  </si>
  <si>
    <t>01/15/2020 11:09:30</t>
  </si>
  <si>
    <t>01/15/2020 11:09:42</t>
  </si>
  <si>
    <t>mail.google.com/sync/u/0/i/s?hl=pt-BR&amp;c=386</t>
  </si>
  <si>
    <t>01/15/2020 11:09:52</t>
  </si>
  <si>
    <t>mail.google.com/sync/u/0/i/s?hl=pt-BR&amp;c=388</t>
  </si>
  <si>
    <t>01/15/2020 11:12:27</t>
  </si>
  <si>
    <t>01/15/2020 11:12:50</t>
  </si>
  <si>
    <t>01/15/2020 11:13:07</t>
  </si>
  <si>
    <t>0]3701909��/ &lt;l;142961685;1578942705440;43;[];[]]];atuima2v-l-r4mlrttnejldjmmcmtjqqdb_eo8phe2_wqj_y1ojumr1iabvw2ppblwocree42tuodgonxc9zyppd_xfpyadfszlfa5wbbkxjuyj0lbh_dqkjbuxnxvg8\";false;null;true]";</t>
  </si>
  <si>
    <t>0]3701909��/ &lt;l,142961685,1578942705440,43,[],[]]],atuima2v-l-r4mlrttnejldjmmcmtjqqdb_eo8phe2_wqj_y1ojumr1iabvw2ppblwocree42tuodgonxc9zyppd_xfpyadfszlfa5wbbkxjuyj0lbh_dqkjbuxnxvg8\",false,null,true]"</t>
  </si>
  <si>
    <t>01/15/2020 11:13:08</t>
  </si>
  <si>
    <t>01/15/2020 11:13:14</t>
  </si>
  <si>
    <t>mail.google.com/sync/u/0/i/s?hl=pt-BR&amp;c=412</t>
  </si>
  <si>
    <t>01/15/2020 11:10:03</t>
  </si>
  <si>
    <t>01/15/2020 11:15:48</t>
  </si>
  <si>
    <t>01/15/2020 11:10:06</t>
  </si>
  <si>
    <t>01/15/2020 11:10:17</t>
  </si>
  <si>
    <t>01/15/2020 11:13:40</t>
  </si>
  <si>
    <t>01/15/2020 11:12:37</t>
  </si>
  <si>
    <t>01/15/2020 11:12:45</t>
  </si>
  <si>
    <t>01/15/2020 11:12:52</t>
  </si>
  <si>
    <t>01/15/2020 11:12:57</t>
  </si>
  <si>
    <t>01/15/2020 11:10:47</t>
  </si>
  <si>
    <t>01/15/2020 11:13:33</t>
  </si>
  <si>
    <t>01/15/2020 11:13:54</t>
  </si>
  <si>
    <t>01/15/2020 11:13:58</t>
  </si>
  <si>
    <t>01/15/2020 11:14:14</t>
  </si>
  <si>
    <t>01/15/2020 11:14:20</t>
  </si>
  <si>
    <t>01/15/2020 11:14:57</t>
  </si>
  <si>
    <t>mail.google.com/sync/u/0/i/s?hl=pt-BR&amp;c=346</t>
  </si>
  <si>
    <t>01/15/2020 11:15:13</t>
  </si>
  <si>
    <t>mail.google.com/sync/u/0/i/s?hl=pt-BR&amp;c=348</t>
  </si>
  <si>
    <t>01/15/2020 11:15:25</t>
  </si>
  <si>
    <t>01/15/2020 11:11:17</t>
  </si>
  <si>
    <t>01/15/2020 11:11:20</t>
  </si>
  <si>
    <t>01/15/2020 11:11:27</t>
  </si>
  <si>
    <t>01/15/2020 11:11:47</t>
  </si>
  <si>
    <t>01/15/2020 11:12:17</t>
  </si>
  <si>
    <t>01/15/2020 11:12:47</t>
  </si>
  <si>
    <t>01/15/2020 11:12:58</t>
  </si>
  <si>
    <t>01/15/2020 11:13:17</t>
  </si>
  <si>
    <t>01/15/2020 11:15:02</t>
  </si>
  <si>
    <t>01/15/2020 11:11:01</t>
  </si>
  <si>
    <t>01/15/2020 11:16:48</t>
  </si>
  <si>
    <t>5524f2bd-983b-4427-9a0d-e8b31d500c25.tmp</t>
  </si>
  <si>
    <t>\\acsfs\profiles$\joselrb\Downloads\5524f2bd-983b-4427-9a0d-e8b31d500c25.tmp</t>
  </si>
  <si>
    <t>01/15/2020 11:17:48</t>
  </si>
  <si>
    <t>01/15/2020 11:13:26</t>
  </si>
  <si>
    <t>78e9a3be-634c-417d-b297-48a876471cb6.tmp</t>
  </si>
  <si>
    <t>\\acsfs\profiles$\adelvinsonle\Downloads\78e9a3be-634c-417d-b297-48a876471cb6.tmp</t>
  </si>
  <si>
    <t>01/15/2020 11:14:02</t>
  </si>
  <si>
    <t>EDUARDO FREITAS SIMOES_1_6777356641100695050_1_32.wav</t>
  </si>
  <si>
    <t>\\acsfs\Deptos\EDUCACAO EMPRESARIAL\KÉSIA\Ligações 2º ciclo - Janeiro 2020\EDUARDO FREITAS SIMOES_1_6777356641100695050_1_32.wav</t>
  </si>
  <si>
    <t>80b2cca7-cd3c-452b-9069-adb580c59973.tmp</t>
  </si>
  <si>
    <t>\\acsfs\profiles$\THYAGOSP\Downloads\80b2cca7-cd3c-452b-9069-adb580c59973.tmp</t>
  </si>
  <si>
    <t>01/15/2020 11:14:31</t>
  </si>
  <si>
    <t>01/15/2020 11:19:48</t>
  </si>
  <si>
    <t>142961685;318;[];eivihpy39ubolmwn_tv0dulmvvvaumoqm1yahm2btwwn1gfxo0i2ldsyrmtc0s24p_ylydw7r0kcp9zrqof_2cpezk4wzkbkpilq4mn3otkryc5fpr7z99ozy3mof9eauhp4k7mjxgqntjdpj6mixvyvafv_bov-gzziu2j5ho4--ddnw7kowdlxcwbvz0las0obvsffchpclln_yajqcpna8e2yjkslqjfybdiqteq5kzpcwpzjvhpvnh2juz_fk6evvb3wlnbfsc9kl0omp-zbhp6pfbtw2k13nw3g\";false;null;true]";</t>
  </si>
  <si>
    <t>142961685,318,[],eivihpy39ubolmwn_tv0dulmvvvaumoqm1yahm2btwwn1gfxo0i2ldsyrmtc0s24p_ylydw7r0kcp9zrqof_2cpezk4wzkbkpilq4mn3otkryc5fpr7z99ozy3mof9eauhp4k7mjxgqntjdpj6mixvyvafv_bov-gzziu2j5ho4--ddnw7kowdlxcwbvz0las0obvsffchpclln_yajqcpna8e2yjkslqjfybdiqteq5kzpcwpzjvhpvnh2juz_fk6evvb3wlnbfsc9kl0omp-zbhp6pfbtw2k13nw3g\",false,null,true]"</t>
  </si>
  <si>
    <t>01/15/2020 11:14:37</t>
  </si>
  <si>
    <t>01/15/2020 11:18:57</t>
  </si>
  <si>
    <t>01/15/2020 11:20:48</t>
  </si>
  <si>
    <t>01/15/2020 11:18:59</t>
  </si>
  <si>
    <t>01/15/2020 11:19:21</t>
  </si>
  <si>
    <t>01/15/2020 11:19:45</t>
  </si>
  <si>
    <t>01/15/2020 11:19:51</t>
  </si>
  <si>
    <t>01/15/2020 11:16:23</t>
  </si>
  <si>
    <t>01/15/2020 11:16:31</t>
  </si>
  <si>
    <t>01/15/2020 11:16:50</t>
  </si>
  <si>
    <t>01/15/2020 11:17:33</t>
  </si>
  <si>
    <t>01/15/2020 11:17:41</t>
  </si>
  <si>
    <t>01/15/2020 11:18:21</t>
  </si>
  <si>
    <t>01/15/2020 11:15:58</t>
  </si>
  <si>
    <t>01/15/2020 11:16:58</t>
  </si>
  <si>
    <t>01/15/2020 11:17:58</t>
  </si>
  <si>
    <t>01/15/2020 11:18:58</t>
  </si>
  <si>
    <t>01/15/2020 11:19:17</t>
  </si>
  <si>
    <t>01/15/2020 11:19:58</t>
  </si>
  <si>
    <t>01/15/2020 11:20:17</t>
  </si>
  <si>
    <t>01/15/2020 11:19:54</t>
  </si>
  <si>
    <t>01/15/2020 11:21:48</t>
  </si>
  <si>
    <t>8f45ecd0-f61c-4051-bb25-8a42fa80cdb4.tmp</t>
  </si>
  <si>
    <t>\\acsfs\profiles$\gabrielhca\Downloads\8f45ecd0-f61c-4051-bb25-8a42fa80cdb4.tmp</t>
  </si>
  <si>
    <t>01/15/2020 11:17:36</t>
  </si>
  <si>
    <t>01/15/2020 11:18:06</t>
  </si>
  <si>
    <t>01/15/2020 11:18:37</t>
  </si>
  <si>
    <t>01/15/2020 11:19:07</t>
  </si>
  <si>
    <t>01/15/2020 11:22:48</t>
  </si>
  <si>
    <t>01/15/2020 11:20:41</t>
  </si>
  <si>
    <t>01/15/2020 11:19:28</t>
  </si>
  <si>
    <t>01/15/2020 11:23:48</t>
  </si>
  <si>
    <t>01/15/2020 11:24:48</t>
  </si>
  <si>
    <t>01/15/2020 11:20:27</t>
  </si>
  <si>
    <t>22ccbc1f-d4bc-477a-9473-9a6e671f36ae.tmp</t>
  </si>
  <si>
    <t>\\acsfs\profiles$\mariagsg\Downloads\22ccbc1f-d4bc-477a-9473-9a6e671f36ae.tmp</t>
  </si>
  <si>
    <t>01/15/2020 11:20:30</t>
  </si>
  <si>
    <t>01/15/2020 11:21:06</t>
  </si>
  <si>
    <t>01/15/2020 11:21:34</t>
  </si>
  <si>
    <t>01/15/2020 11:21:40</t>
  </si>
  <si>
    <t>01/15/2020 11:21:55</t>
  </si>
  <si>
    <t>01/15/2020 11:22:07</t>
  </si>
  <si>
    <t>01/15/2020 11:22:10</t>
  </si>
  <si>
    <t>01/15/2020 11:22:24</t>
  </si>
  <si>
    <t>01/15/2020 11:22:50</t>
  </si>
  <si>
    <t>01/15/2020 11:22:56</t>
  </si>
  <si>
    <t>01/15/2020 11:23:01</t>
  </si>
  <si>
    <t>01/15/2020 11:23:10</t>
  </si>
  <si>
    <t>01/15/2020 11:20:00</t>
  </si>
  <si>
    <t>01/15/2020 11:25:48</t>
  </si>
  <si>
    <t>01/15/2020 11:20:07</t>
  </si>
  <si>
    <t>01/15/2020 11:20:19</t>
  </si>
  <si>
    <t>01/15/2020 11:20:26</t>
  </si>
  <si>
    <t>mail.google.com/sync/u/0/i/s?hl=pt-BR&amp;c=414</t>
  </si>
  <si>
    <t>01/15/2020 11:21:54</t>
  </si>
  <si>
    <t>01/15/2020 11:22:02</t>
  </si>
  <si>
    <t>01/15/2020 11:22:06</t>
  </si>
  <si>
    <t>01/15/2020 11:22:28</t>
  </si>
  <si>
    <t>01/15/2020 11:22:46</t>
  </si>
  <si>
    <t>01/15/2020 11:22:49</t>
  </si>
  <si>
    <t>01/15/2020 11:24:02</t>
  </si>
  <si>
    <t>mail.google.com/sync/u/0/i/s?hl=pt-BR&amp;c=433</t>
  </si>
  <si>
    <t>01/15/2020 11:24:19</t>
  </si>
  <si>
    <t>01/15/2020 11:24:22</t>
  </si>
  <si>
    <t>mail.google.com/sync/u/0/i/s?hl=pt-BR&amp;c=437</t>
  </si>
  <si>
    <t>01/15/2020 11:24:30</t>
  </si>
  <si>
    <t>01/15/2020 11:24:34</t>
  </si>
  <si>
    <t>mail.google.com/sync/u/0/i/s?hl=pt-BR&amp;c=442</t>
  </si>
  <si>
    <t>01/15/2020 11:24:37</t>
  </si>
  <si>
    <t>mail.google.com/sync/u/0/i/s?hl=pt-BR&amp;c=445</t>
  </si>
  <si>
    <t>01/15/2020 11:24:45</t>
  </si>
  <si>
    <t>mail.google.com/sync/u/0/i/s?hl=pt-BR&amp;c=447</t>
  </si>
  <si>
    <t>01/15/2020 11:24:46</t>
  </si>
  <si>
    <t>01/15/2020 11:24:47</t>
  </si>
  <si>
    <t>01/15/2020 11:21:56</t>
  </si>
  <si>
    <t>01/15/2020 11:22:05</t>
  </si>
  <si>
    <t>01/15/2020 11:22:16</t>
  </si>
  <si>
    <t>01/15/2020 11:22:31</t>
  </si>
  <si>
    <t>01/15/2020 11:22:43</t>
  </si>
  <si>
    <t>01/15/2020 11:24:08</t>
  </si>
  <si>
    <t>01/15/2020 11:20:58</t>
  </si>
  <si>
    <t>01/15/2020 11:21:17</t>
  </si>
  <si>
    <t>01/15/2020 11:21:44</t>
  </si>
  <si>
    <t>01/15/2020 11:26:49</t>
  </si>
  <si>
    <t>01/15/2020 11:21:47</t>
  </si>
  <si>
    <t>01/15/2020 11:21:58</t>
  </si>
  <si>
    <t>01/15/2020 11:21:59</t>
  </si>
  <si>
    <t>01/15/2020 11:22:17</t>
  </si>
  <si>
    <t>01/15/2020 11:22:25</t>
  </si>
  <si>
    <t>01/15/2020 11:22:26</t>
  </si>
  <si>
    <t>01/15/2020 11:22:27</t>
  </si>
  <si>
    <t>01/15/2020 11:23:17</t>
  </si>
  <si>
    <t>01/15/2020 11:23:23</t>
  </si>
  <si>
    <t>01/15/2020 11:25:18</t>
  </si>
  <si>
    <t>01/15/2020 11:21:07</t>
  </si>
  <si>
    <t>01/15/2020 11:21:37</t>
  </si>
  <si>
    <t>01/15/2020 11:22:37</t>
  </si>
  <si>
    <t>01/15/2020 11:21:43</t>
  </si>
  <si>
    <t>30c95d14-52d8-4f49-82f5-290394e0fd91.tmp</t>
  </si>
  <si>
    <t>\\acsfs\profiles$\paulovadc\Downloads\30c95d14-52d8-4f49-82f5-290394e0fd91.tmp</t>
  </si>
  <si>
    <t>5a448e10-9c0c-42da-9062-4f1cd478ac58.tmp</t>
  </si>
  <si>
    <t>\\acsfs\profiles$\paulovadc\Downloads\5a448e10-9c0c-42da-9062-4f1cd478ac58.tmp</t>
  </si>
  <si>
    <t>01/15/2020 11:26:33</t>
  </si>
  <si>
    <t>\\acsfs\Deptos\Operacao\Banco_Votorantim\Supervisao\SUPERS BV CARTÕES\</t>
  </si>
  <si>
    <t>01/15/2020 11:29:48</t>
  </si>
  <si>
    <t>01/15/2020 11:28:13</t>
  </si>
  <si>
    <t>01/15/2020 11:28:19</t>
  </si>
  <si>
    <t>01/15/2020 11:28:22</t>
  </si>
  <si>
    <t>01/15/2020 11:28:52</t>
  </si>
  <si>
    <t>01/15/2020 11:28:56</t>
  </si>
  <si>
    <t>01/15/2020 11:29:10</t>
  </si>
  <si>
    <t>01/15/2020 11:25:04</t>
  </si>
  <si>
    <t>01/15/2020 11:30:48</t>
  </si>
  <si>
    <t>01/15/2020 11:25:15</t>
  </si>
  <si>
    <t>mail.google.com/sync/u/0/i/s?hl=pt-BR&amp;c=452</t>
  </si>
  <si>
    <t>01/15/2020 11:25:26</t>
  </si>
  <si>
    <t>mail.google.com/sync/u/0/i/s?hl=pt-BR&amp;c=454</t>
  </si>
  <si>
    <t>01/15/2020 11:27:04</t>
  </si>
  <si>
    <t>mail.google.com/sync/u/0/i/s?hl=pt-BR&amp;c=464</t>
  </si>
  <si>
    <t>01/15/2020 11:27:13</t>
  </si>
  <si>
    <t>01/15/2020 11:27:19</t>
  </si>
  <si>
    <t>01/15/2020 11:27:48</t>
  </si>
  <si>
    <t>01/15/2020 11:30:42</t>
  </si>
  <si>
    <t>01/15/2020 11:30:43</t>
  </si>
  <si>
    <t>01/15/2020 11:27:54</t>
  </si>
  <si>
    <t>01/15/2020 11:27:57</t>
  </si>
  <si>
    <t>01/15/2020 11:28:17</t>
  </si>
  <si>
    <t>01/15/2020 11:28:26</t>
  </si>
  <si>
    <t>01/15/2020 11:28:35</t>
  </si>
  <si>
    <t>01/15/2020 11:28:42</t>
  </si>
  <si>
    <t>01/15/2020 11:29:16</t>
  </si>
  <si>
    <t>01/15/2020 11:29:37</t>
  </si>
  <si>
    <t>01/15/2020 11:29:38</t>
  </si>
  <si>
    <t>01/15/2020 11:30:01</t>
  </si>
  <si>
    <t>01/15/2020 11:30:03</t>
  </si>
  <si>
    <t>01/15/2020 11:27:17</t>
  </si>
  <si>
    <t>01/15/2020 11:31:48</t>
  </si>
  <si>
    <t>LAYOUT BV Cartoes Equipe.xlsx</t>
  </si>
  <si>
    <t>\\acsfs\DEPTOS\Operacao\Banco_Votorantim\Supervisao\SUPERS BV CARTÕES\ADILSON\LAYOUT BV Cartoes Equipe.xlsx</t>
  </si>
  <si>
    <t>01/15/2020 11:28:09</t>
  </si>
  <si>
    <t>LAYOUT BV Cartoes.xlsx</t>
  </si>
  <si>
    <t>\\acsfs\Deptos\Operacao\Banco_Votorantim\Supervisao\SUPERS BV CARTÕES\LAYOUT BV Cartoes.xlsx</t>
  </si>
  <si>
    <t>01/15/2020 11:32:22</t>
  </si>
  <si>
    <t>01/15/2020 11:33:48</t>
  </si>
  <si>
    <t>01/15/2020 11:31:34</t>
  </si>
  <si>
    <t>01/15/2020 11:31:35</t>
  </si>
  <si>
    <t>01/15/2020 11:31:36</t>
  </si>
  <si>
    <t>01/15/2020 11:32:11</t>
  </si>
  <si>
    <t>795297ef-364b-4e8c-b92b-adf9e7197096.tmp</t>
  </si>
  <si>
    <t>\\acsfs\profiles$\henriquehmdo\Downloads\795297ef-364b-4e8c-b92b-adf9e7197096.tmp</t>
  </si>
  <si>
    <t>01/15/2020 11:32:16</t>
  </si>
  <si>
    <t>01/15/2020 11:33:19</t>
  </si>
  <si>
    <t>39572c60-04c4-474b-bcca-84044addc075.tmp</t>
  </si>
  <si>
    <t>\\acsfs\profiles$\henriquehmdo\Downloads\39572c60-04c4-474b-bcca-84044addc075.tmp</t>
  </si>
  <si>
    <t>01/15/2020 11:26:09</t>
  </si>
  <si>
    <t>https://outlook.office.com/owa/plt1.ashx?cid=6c25f68f43f04aeda27d83207c13c745&amp;msg=authredirect&amp;caty=1&amp;tg=aed466c0-de70-4cf7-9e10-5ea1f9a696f4&amp;mdb=13837f5a-894f-4682-bc3f-435521ce1d30&amp;nid=1003bffd8859c355&amp;mbx=36da4672-54b9-4771-b603-8c0a6cb8b57d&amp;sdcoid=6c25f68f43f04aeda27d83207c13c745_1579098369019&amp;sds=null&amp;fe=null&amp;be=null&amp;cbe=null&amp;dag=lampr80dg205&amp;cver=16.2817.9.2655276&amp;sdver=null&amp;rpo=0&amp;off=0&amp;pal=0&amp;rfe=0&amp;te=null&amp;alt=fs,124,dls,0,dle,0,cs,0,ce,0,reqs,0,ress,0,rese,0,doml,0,now,373,nownotim,350&amp;nowts=1579098369369&amp;navtp=0&amp;tcd=23&amp;backfromauth=true&amp;lbv=16.2817.9.2655276&amp;icv=16.2817.9.2655276&amp;iacr=16.2817.9.2655276&amp;lcver=16.2817.9.2655276&amp;accu=pt-br&amp;acth=super&amp;acdc=60&amp;lhn=outlook.office.com&amp;chn=outlook.office.com&amp;acs=1&amp;mf=boot.worldwide.2.mouse.init.js;boot.worldwide.3.mouse.init.js;&amp;fc=null</t>
  </si>
  <si>
    <t>01/15/2020 11:26:11</t>
  </si>
  <si>
    <t>https://outlook.office.com/owa/plt1.ashx?cid=6c25f68f43f04aeda27d83207c13c745&amp;msg=optinredirect&amp;caty=1&amp;tg=aed466c0-de70-4cf7-9e10-5ea1f9a696f4&amp;mdb=13837f5a-894f-4682-bc3f-435521ce1d30&amp;nid=1003bffd8859c355&amp;mbx=36da4672-54b9-4771-b603-8c0a6cb8b57d&amp;sdcoid=6c25f68f43f04aeda27d83207c13c745_1579098370588&amp;sds=null&amp;fe=null&amp;be=null&amp;cbe=null&amp;dag=lampr80dg205&amp;cver=16.2817.9.2655276&amp;sdver=null&amp;rpo=0&amp;off=0&amp;pal=0&amp;rfe=0&amp;te=null&amp;alt=reds,6,rede,98,fs,98,dls,8,dle,8,cs,8,ce,8,reqs,8,ress,8,rese,8,doml,8,domcles,1122,domclee,1122,peab,1100,now,1128,nownotim,1059&amp;nowts=1579098371647&amp;navtp=0&amp;rdct=1&amp;tcd=61&amp;backfromauth=true&amp;lbv=16.2817.9.2655276&amp;icv=16.2817.9.2655276&amp;iacr=16.2817.9.2655276&amp;lcver=16.2817.9.2655276&amp;accu=pt-br&amp;acth=super&amp;acdc=60&amp;lhn=outlook.office.com&amp;chn=outlook.office.com&amp;acs=1&amp;mf=nf&amp;fc=null</t>
  </si>
  <si>
    <t>01/15/2020 11:27:03</t>
  </si>
  <si>
    <t>https://excel.officeapps.live.com/x/_layouts/xlviewerinternal.aspx?unified=1&amp;ui=pt-br&amp;rs=pt-br&amp;wopisrc=https://algarnet-my.sharepoint.com/personal/josiascdsj_algartech_com/_vti_bin/wopi.ashx/files/69aca668fc0a42819068a83011a1d846&amp;wdenableroaming=1&amp;mscc=1&amp;wdodb=1&amp;hid=67bc2b9f-40ed-0000-559b-d9bc7404fdf7&amp;wdorigin=other&amp;jsapi=1&amp;newsession=1&amp;corrid=5fb2f588-ff94-4fc5-a4f9-228775903355&amp;usid=5fb2f588-ff94-4fc5-a4f9-228775903355&amp;wdredirectionreason=force_singlestepboot&amp;preseededsessionkey=7cc60c78-eab1-1939-8212-022be83e9e5a&amp;preseededwacsessionid=c7e1630c-8edf-cc68-7419-1f010c3f6a16</t>
  </si>
  <si>
    <t>01/15/2020 11:27:29</t>
  </si>
  <si>
    <t>01/15/2020 11:29:32</t>
  </si>
  <si>
    <t>0a7afb74-3f24-4574-856e-506abb3510b9.tmp</t>
  </si>
  <si>
    <t>\\acsfs\profiles$\vivianealda\Downloads\0a7afb74-3f24-4574-856e-506abb3510b9.tmp</t>
  </si>
  <si>
    <t>01/15/2020 11:34:48</t>
  </si>
  <si>
    <t>01/15/2020 11:27:35</t>
  </si>
  <si>
    <t>https://excel.officeapps.live.com/x/_layouts/mruservicehandler.ashx?action=updatemruentry&amp;app=1&amp;lc=pt-br&amp;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zy3ymmyyjlmlt</t>
  </si>
  <si>
    <t>01/15/2020 11:27:40</t>
  </si>
  <si>
    <t>01/15/2020 11:29:08</t>
  </si>
  <si>
    <t>01/15/2020 11:29:15</t>
  </si>
  <si>
    <t>"mozilla/5.0 (windows nt 6.1) applewebkit/537.36 (khtml;0] �_x0003_�_x0006_(�?_x0007_�=�_x0006_9995;0]4003ll;0]als;0]l;0]mt �o� 99;0]�o� _x0001_;1;13;13700014;13700109�;13700185;13700951;13701207;13701298;13701422;13701450;13701537;13701573;13701577;13701625;13701749;13701825;13701901;13701957;13701969;13702068;13702088;142961685;1578930052848000;1578930058554000;1578931870901;1578939996203;1579010112146;1579032314914;1ya5yrwelrso-yxib3ctz0mdjsqkh2uffmn2kfrmynlkfp2vhk5vxrjlyzc1nx1i8okgrxz4hh9fxnqqavexbjgszjfxng_3tikapcccza7s5nl0iiv528sipt3_n6smfvjyvnmz5gmbld86jsedcdqpnbowbtwaejdtwlwiwyazylw418myzkyijnlherxkuhkwirbileptskyg4wekuhek9tooeg74kdzvfxqdw-qnhuqxjg\";266;322;327;34;352;5701393;7;[[13701418;[];[]]];adfn-ct7ciskssyu-68afh9xg7xv2c6f8dx_seofhsqerkx2bhpqslb3crfufkpjjmcd4mgjscrt;ancestorhasaugmentedpermissions;atuima2v-l-r4mlrttnejldjmmcmtjqqdb_eo8phe2_wqj_y1ojumr1iabvw2ppblwocree42tuodgonxc9zyipd_xfoznijlgzojvolpn9psmrvvcomrzpgslf_e8bk\";atuima2v-l-r4mlrttnejldjmmcmtjqqdb_eo8phe2_wqj_y1ojumr1iabvw2ppblwocree42tuodgonxc9zyrfd_xfpfxxnoyi</t>
  </si>
  <si>
    <t>"mozilla/5.0 (windows nt 6.1) applewebkit/537.36 (khtml,0] �_x0003_�_x0006_(�?_x0007_�=�_x0006_9995,0]4003ll,0]als,0]l,0]mt �o� 99,0]�o� _x0001_,1,13,13700014,13700109�,13700185,13700951,13701207,13701298,13701422,13701450,13701537,13701573,13701577,13701625,13701749,13701825,13701901,13701957,13701969,13702068,13702088,142961685,1578930052848000,1578930058554000,1578931870901,1578939996203,1579010112146,1579032314914,1ya5yrwelrso-yxib3ctz0mdjsqkh2uffmn2kfrmynlkfp2vhk5vxrjlyzc1nx1i8okgrxz4hh9fxnqqavexbjgszjfxng_3tikapcccza7s5nl0iiv528sipt3_n6smfvjyvnmz5gmbld86jsedcdqpnbowbtwaejdtwlwiwyazylw418myzkyijnlherxkuhkwirbileptskyg4wekuhek9tooeg74kdzvfxqdw-qnhuqxjg\",266,322,327,34,352,5701393,7,[[13701418,[],[]]],adfn-ct7ciskssyu-68afh9xg7xv2c6f8dx_seofhsqerkx2bhpqslb3crfufkpjjmcd4mgjscrt,ancestorhasaugmentedpermissions,atuima2v-l-r4mlrttnejldjmmcmtjqqdb_eo8phe2_wqj_y1ojumr1iabvw2ppblwocree42tuodgonxc9zyipd_xfoznijlgzojvolpn9psmrvvcomrzpgslf_e8bk\",atuima2v-l-r4mlrttnejldjmmcmtjqqdb_eo8phe2_wqj_y1ojumr1iabvw2ppblwocree42tuodgonxc9zyrfd_xfpfxxnoyi</t>
  </si>
  <si>
    <t>01/15/2020 11:29:24</t>
  </si>
  <si>
    <t>"mozilla/5.0 (windows nt 6.1) applewebkit/537.36 (khtml;0]als;0]l;1;13;13700014;13700109;13700185;13700451;13700951;13701207;13701298;13701422;13701430;13701450;13701506;13701537;13701573;13701577;13701625;13701657;13701693;13701749;13701825;13701901;13701905;13701957;13701969;13702068;13702088;142961685;1578930052848000;1578930058554000;1578992819204;1578993120155;1579004091620;1ya5yrwelrso-yxib3ctz0mdjsqkh2uffmn2kfrmynlkfp2vhk5vxrjlyzc1nx1i8okgrxz4hh9fxnqqavexbjgszjfxng_3tikapcccza7s5nl0iiv528sipt3_n6smfvjyvnmz5gmbld86jsedcdqpnbowbtwaejdtwlwiwyazylw418myzkyijnlherxkuhkwirbulept_hzs_xlk1gb_m_qcptbrvq-rrrwqfttkushdvq\";1ya5yrwelrso-yxib3ctz0mdjsqkh2uffmn2kfrmynlkfp2vhk5vxrjlyzc1nx1i8okgrxz4hh9fxnqqavexbjgszjfxng_3tikapcccza7s5nl0iiv528sipt3_n6smfvjyvnmz5gmbld86jsedcdqpnbowbtwaejdtwlwiwyazylw418myzkyijnlherxkuhkwirbwlept_jddse4aiz1ggcdd4mn150fdtjp551rwkfzytw\";1ya5yrwelrso-yxib3ctz0mdjsqkh2uffmn2kfrmynlkfp2vhk5vxrjlyzc1nx1i8okgrxz4hh9fxnqqavexbjgszjfxng_3tikapcccza7s5nl0iiv528sipt3_n6smfvjyvnmz5gmbld86jsedcdqp</t>
  </si>
  <si>
    <t>"mozilla/5.0 (windows nt 6.1) applewebkit/537.36 (khtml,0]als,0]l,1,13,13700014,13700109,13700185,13700451,13700951,13701207,13701298,13701422,13701430,13701450,13701506,13701537,13701573,13701577,13701625,13701657,13701693,13701749,13701825,13701901,13701905,13701957,13701969,13702068,13702088,142961685,1578930052848000,1578930058554000,1578992819204,1578993120155,1579004091620,1ya5yrwelrso-yxib3ctz0mdjsqkh2uffmn2kfrmynlkfp2vhk5vxrjlyzc1nx1i8okgrxz4hh9fxnqqavexbjgszjfxng_3tikapcccza7s5nl0iiv528sipt3_n6smfvjyvnmz5gmbld86jsedcdqpnbowbtwaejdtwlwiwyazylw418myzkyijnlherxkuhkwirbulept_hzs_xlk1gb_m_qcptbrvq-rrrwqfttkushdvq\",1ya5yrwelrso-yxib3ctz0mdjsqkh2uffmn2kfrmynlkfp2vhk5vxrjlyzc1nx1i8okgrxz4hh9fxnqqavexbjgszjfxng_3tikapcccza7s5nl0iiv528sipt3_n6smfvjyvnmz5gmbld86jsedcdqpnbowbtwaejdtwlwiwyazylw418myzkyijnlherxkuhkwirbwlept_jddse4aiz1ggcdd4mn150fdtjp551rwkfzytw\",1ya5yrwelrso-yxib3ctz0mdjsqkh2uffmn2kfrmynlkfp2vhk5vxrjlyzc1nx1i8okgrxz4hh9fxnqqavexbjgszjfxng_3tikapcccza7s5nl0iiv528sipt3_n6smfvjyvnmz5gmbld86jsedcdqp</t>
  </si>
  <si>
    <t>mail.google.com/sync/u/0/i/s?hl=pt-BR&amp;c=456</t>
  </si>
  <si>
    <t>mail.google.com/sync/u/0/i/s?hl=pt-BR&amp;c=459</t>
  </si>
  <si>
    <t>01/15/2020 11:29:44</t>
  </si>
  <si>
    <t>li;"[[];"mozilla/5.0 (windows nt 6.1) applewebkit/537.36 (khtml;0]0};0]578941s�� 90;0]\\\;0]\\\\\\\t_x0014_� &lt;l;0]als;0]id;0]l;0]ll;0]ribedchildren;0]t\sc;1;111;13;13700014;13700109;13700167;13700185;13700235;13700451;13700563;13700607;13700951;13701078;13701207;13701235;13701239;13701276;13701298;13701422;13701430;13701450;13701506;13701534;13701537;13701573;13701577;13701589;13701609;13701625;13701657;13701693;13701693�;13701749;13701825;13701901;13701905;13701909;13701945]];13701953;13701957;13701969;13702068;13702088;142961685;1578930052848000;1578930058554000;1578944511348;1578950832742;1578951133767;1578955649315;1578963173960;1579000645113;1579005596753;1579005897779;1579006800857;1579007101881;1579030649468;1579066216548;1ya5yrwelrso-yxib3ctz0mdjsqkh2uffmn2kfrmynlkfp2vhk5vxrjlyzc1nx1i8okgrxz4hh9fxnqqavexbjgszjfxng_3tikapcccza7s5nl0iiv528sipt3_n6smfvjyvnmz5gmbld86jsedcdqpnbowbtwaejdtwlwiwyazylw418myzkyijnlherxkuhkwirbcleptopywi6gbikoeysqomwt8p81njyvdgoqkaf1l9g\";1ya5yrwelrso-yxib3ctz0mdjsqkh2uffmn2kfrmynlkfp</t>
  </si>
  <si>
    <t>li,"[[],"mozilla/5.0 (windows nt 6.1) applewebkit/537.36 (khtml,0]0},0]578941s�� 90,0]\\\,0]\\\\\\\t_x0014_� &lt;l,0]als,0]id,0]l,0]ll,0]ribedchildren,0]t\sc,1,111,13,13700014,13700109,13700167,13700185,13700235,13700451,13700563,13700607,13700951,13701078,13701207,13701235,13701239,13701276,13701298,13701422,13701430,13701450,13701506,13701534,13701537,13701573,13701577,13701589,13701609,13701625,13701657,13701693,13701693�,13701693�,13701749,13701825,13701901,13701905,13701909,13701945]],13701953,13701957,13701969,13702068,13702088,142961685,1578930052848000,1578930058554000,1578944511348,1578950832742,1578951133767,1578955649315,1578963173960,1579000645113,1579005596753,1579005897779,1579006800857,1579007101881,1579030649468,1579066216548,1ya5yrwelrso-yxib3ctz0mdjsqkh2uffmn2kfrmynlkfp2vhk5vxrjlyzc1nx1i8okgrxz4hh9fxnqqavexbjgszjfxng_3tikapcccza7s5nl0iiv528sipt3_n6smfvjyvnmz5gmbld86jsedcdqpnbowbtwaejdtwlwiwyazylw418myzkyijnlherxkuhkwirbcleptopywi6gbikoeysqomwt8p81njyvdgoqkaf1l9g\",1ya5yrwelrso-yxib3ctz0mdjsqkh2uffmn2</t>
  </si>
  <si>
    <t>01/15/2020 11:29:57</t>
  </si>
  <si>
    <t>01/15/2020 11:30:05</t>
  </si>
  <si>
    <t>"mozilla/5.0 (windows nt 6.1) applewebkit/537.36 (khtml;0]als;0]l;1;13;13700014;13700109;13700185;13700451;13700951;13701207;13701298;13701422;13701430;13701450;13701506;13701537;13701573;13701577;13701625;13701657;13701693;13701749;13701825;13701901;13701905;13701957;13701969;13702068;13702088;142961685;1578930052848000;1578930058554000;1579001467444000]]];1579007402909;1ya5yrwelrso-yxib3ctz0mdjsqkh2uffmn2kfrmynlkfp2vhk5vxrjlyzc1nx1i8okgrxz4hh9fxnqqavexbjgszjfxng_3tikapcccza7s5nl0iiv528sipt3_n6smfvjyvnmz5gmbld86jsedcdqpnbowbtwaejdtwlwiwyazylw418myzkyijnlherxkuhkwirbdlept8l4kruobyvp0h3b5vrx4tnpfl6qn21q6gzsapa\";257;292;392;5701393;7sngbpnjgewubmtmehklkzgogw5ndczmtg5odk4mdmraoeu/iymq7wycw==";8kalgbcgkivy3t6/6c5wikfsotmza3mte1njy0nti3ndkymzg0nqolcmmto7sngbpnjgewubmtmehklkzgogw5ndczmtg5odk4mdmraoeu/iymq;[[13701418;[];[]]];adfn-ct7ciskssyu-68afh9xg7xv2c6f8dx_seofhsqerkx2bhpqslb3crfufkpjjmcd4mgjscrt;eivihpy39ubolmwn_tv0dulmvvvaumoqm1yahm2btwwn1gfxo0i2ldsyrmtc0s24p_ylydw7r0kcp9zrqof_2cpezk4wzkbkpilq4mn3otkryc5fpr7z</t>
  </si>
  <si>
    <t>"mozilla/5.0 (windows nt 6.1) applewebkit/537.36 (khtml,0]als,0]l,1,13,13700014,13700109,13700185,13700451,13700951,13701207,13701298,13701422,13701430,13701450,13701506,13701537,13701573,13701577,13701625,13701657,13701693,13701749,13701825,13701901,13701905,13701957,13701969,13702068,13702088,142961685,1578930052848000,1578930058554000,1579001467444000]]],1579007402909,1ya5yrwelrso-yxib3ctz0mdjsqkh2uffmn2kfrmynlkfp2vhk5vxrjlyzc1nx1i8okgrxz4hh9fxnqqavexbjgszjfxng_3tikapcccza7s5nl0iiv528sipt3_n6smfvjyvnmz5gmbld86jsedcdqpnbowbtwaejdtwlwiwyazylw418myzkyijnlherxkuhkwirbdlept8l4kruobyvp0h3b5vrx4tnpfl6qn21q6gzsapa\",257,292,392,5701393,7sngbpnjgewubmtmehklkzgogw5ndczmtg5odk4mdmraoeu/iymq7wycw==",8kalgbcgkivy3t6/6c5wikfsotmza3mte1njy0nti3ndkymzg0nqolcmmto7sngbpnjgewubmtmehklkzgogw5ndczmtg5odk4mdmraoeu/iymq,[[13701418,[],[]]],adfn-ct7ciskssyu-68afh9xg7xv2c6f8dx_seofhsqerkx2bhpqslb3crfufkpjjmcd4mgjscrt,eivihpy39ubolmwn_tv0dulmvvvaumoqm1yahm2btwwn1gfxo0i2ldsyrmtc0s24p_ylydw7r0kcp9zrqof_2cpezk4wzkbkpilq4mn3otkryc5fpr7z</t>
  </si>
  <si>
    <t>01/15/2020 11:30:07</t>
  </si>
  <si>
    <t>mail.google.com/sync/u/0/i/s?hl=pt-BR&amp;c=467</t>
  </si>
  <si>
    <t>01/15/2020 11:30:19</t>
  </si>
  <si>
    <t>http:///batch/drive/v2internal?%24ct=multipart%2Fmixed%3B%20boundary%3D%22%3D%3D%3D%3D%3Daynxmjfj3h3w%3D%3D%3D%3D%3D%22&amp;key=AIzaSyAy9VVXHSpS2IJpptzYtGbLP3-3_l0aBk4</t>
  </si>
  <si>
    <t>01/15/2020 11:30:27</t>
  </si>
  <si>
    <t>http:///batch/drive/v2internal?%24ct=multipart%2Fmixed%3B%20boundary%3D%22%3D%3D%3D%3D%3Dluo2e2h1rnru%3D%3D%3D%3D%3D%22&amp;key=AIzaSyAy9VVXHSpS2IJpptzYtGbLP3-3_l0aBk4</t>
  </si>
  <si>
    <t>01/15/2020 11:30:35</t>
  </si>
  <si>
    <t>http:///batch/drive/v2internal?%24ct=multipart%2Fmixed%3B%20boundary%3D%22%3D%3D%3D%3D%3Do0nsl3h06id4%3D%3D%3D%3D%3D%22&amp;key=AIzaSyAy9VVXHSpS2IJpptzYtGbLP3-3_l0aBk4</t>
  </si>
  <si>
    <t>01/15/2020 11:30:36</t>
  </si>
  <si>
    <t>http:///batch/drive/v2internal?%24ct=multipart%2Fmixed%3B%20boundary%3D%22%3D%3D%3D%3D%3Db1eq0kfwklqm%3D%3D%3D%3D%3D%22&amp;key=AIzaSyAy9VVXHSpS2IJpptzYtGbLP3-3_l0aBk4</t>
  </si>
  <si>
    <t>01/15/2020 11:30:37</t>
  </si>
  <si>
    <t>http:///batch/drive/v2internal?%24ct=multipart%2Fmixed%3B%20boundary%3D%22%3D%3D%3D%3D%3Dsfgeotjtyb8t%3D%3D%3D%3D%3D%22&amp;key=AIzaSyAy9VVXHSpS2IJpptzYtGbLP3-3_l0aBk4</t>
  </si>
  <si>
    <t>"[[];"mozilla/5.0 (windows nt 6.1) applewebkit/537.36 (khtml;&amp;_x001A_&amp;y(�_�z_x0010_^txl4l�v|�qa0�2�k�țtxl4l��|�qa0�2��'�_x0015__x0016__x0013_ _x0013_;&amp;_x001A_&amp;y(�_���*;&amp;_x001A_&amp;z;&gt;@���h�i�.`��_x0001_��f�wn�jfj �p]�_x001A_;&amp;_x001A_&amp;zi~b_x0017_b���h�i(�_x0002_��a�e��o�*;0] _x0018_�2_x0007_c-4e;0]\\\\\\\��� &lt;l;0]\\\\\\�*� &lt;l;0]l;0]ribedchildren;0]thon-35.pyc;1;119;126;13;13700014;13700109;13700109�;13700167;13700185;13700235;13700451;13700563;13700607;13700951;13701078;13701207;13701235;13701239;13701276;13701298;13701422;13701430;13701450;13701506;13701534;13701537;13701573;13701577;13701589;13701609;13701625;13701657;13701693;13701693�;13701749;13701825;13701901;13701905;13701909;13701945]];13701953;13701957;13701969;13702068;13702088;138;142961685;153;155;1578930052848000;1578930058554000;1578958057528;1578965581932;1578967688903;1578971301444;1578975962847;1578976564592;1579001247369;1579030649468;1579086317952;1ya5yrwelrso-yxib3ctz0mdjsqkh2uffmn2kfrmynlkfp2vhk5vxrjlyzc1nx1i8okgrxz4hh9fxnqqavexbjgszjfxng_3tikapcccza7s5nl0iiv528sipt3_n6smfvjyvnmz5gmbld86jsedcdqpnbowbtwaejdtwlwiwyazylw418myzkyijnl</t>
  </si>
  <si>
    <t>http://"[[],"mozilla/5.0 (windows nt 6.1) applewebkit/537.36 (khtml,&amp;_x001A_&amp;y(�_���*,&amp;_x001A_&amp;y(�_�z_x0010_^txl4l�v|�qa0�2�k�țtxl4l��|�qa0�2��'�_x0015__x0016__x0013_ _x0013_,&amp;_x001A_&amp;z;&gt;@���h�i�.`��_x0001_��f�wn�jfj �p]�_x001A_,&amp;_x001A_&amp;zi~b_x0017_b���h�i(�_x0002_��a�e��o�*,0] _x0018_�2_x0007_c-4e,0]\\\\\\\��� &lt;l,0]\\\\\\�*� &lt;l,0]l,0]ribedchildren,0]thon-35.pyc,1,119,126,13,13700014,13700109,13700109�,13700167,13700185,13700235,13700451,13700563,13700607,13700951,13701078,13701207,13701235,13701239,13701276,13701298,13701422,13701430,13701450,13701506,13701534,13701537,13701573,13701577,13701589,13701609,13701625,13701657,13701693,13701693�,13701693�,13701749,13701825,13701901,13701905,13701909,13701945]],13701953,13701957,13701969,13702068,13702088,138,142961685,153,155,1578930052848000,1578930058554000,1578958057528,1578965581932,1578967688903,1578971301444,1578975962847,1578976564592,1579001247369,1579030649468,1579086317952,1ya5yrwelrso-yxib3ctz0mdjsqkh2uffmn2kfrmynlkfp2vhk5vxrjlyzc1nx1i8okgrxz4hh9fxnqqavexbjgszjfxng_3tikapcccza7s5nl0iiv528sipt3_n6smfvjyvnmz5gmbld86jsedcdqpnbowbtwaejdtwlwiwy</t>
  </si>
  <si>
    <t>01/15/2020 11:31:23</t>
  </si>
  <si>
    <t>"[[];"mozilla/5.0 (windows nt 6.1) applewebkit/537.36 (khtml;0;0.371;0.371];0.668;0.9718172983479106];0];0] = \\;0] _x0018_�2_x0007_c-4e;0]10r;0]62];0]8;0]\\\\\\\�x� &lt;l;0]l;0]ll;0]ribedchildren;0]thon-35.pyc;0]� \\;1;108;1123.3250000223052;1125.6949999951757;1126.459999999497;119.82000002171844;11c5m9ycfufsc7krihjn5d9wg8jcyqlqk;12.854];122.2049999923911;127;13;135.4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1424105;142961685;143;145;1451495;1451614;149;154;157.48999998322688;1578930052848000;1578930058554000;1578943006467;1578945715328;15789568534</t>
  </si>
  <si>
    <t>http://"[[],"mozilla/5.0 (windows nt 6.1) applewebkit/537.36 (khtml,0,0.371,0.371],0.668,0.9718172983479106],0],0] = \\,0] _x0018_�2_x0007_c-4e,0]10r,0]62],0]8,0]\\\\\\\�x� &lt;l,0]l,0]ll,0]ribedchildren,0]thon-35.pyc,0]� \\,1,108,1123.3250000223052,1125.6949999951757,1126.459999999497,119.82000002171844,11c5m9ycfufsc7krihjn5d9wg8jcyqlqk,12.854],122.2049999923911,127,13,135.4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1424105,142961685,143,145,1451495,1451614,149,154,157.48999998322688,1578930052848000,1578930058554000,1578943006467,1578945715328,1578</t>
  </si>
  <si>
    <t>"[[];"mozilla/5.0 (windows nt 6.1) applewebkit/537.36 (khtml;0;0.371;0.371];0.668;0.9718172983479106];0];0] = \\;0] _x0018_�2_x0007_c-4e;0]10r;0]62];0]8;0]\\\\\\\�x� &lt;l;0]l;0]ll;0]ribedchildren;0]thon-35.pyc;0]� \\;1;100.42000000248663;1006.8650000030175;106.97500000242144;108;1123.3250000223052;1125.6949999951757;1126.459999999497;1127.005000016652;119.82000002171844;11c5m9ycfufsc7krihjn5d9wg8jcyqlqk;12.854];122.2049999923911;1237.7350000024308;1238.710000005085;127;1295.4500000050757;13;13.58;134.57500000367872;135.4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t>
  </si>
  <si>
    <t>http://"[[],"mozilla/5.0 (windows nt 6.1) applewebkit/537.36 (khtml,0,0.371,0.371],0.668,0.9718172983479106],0],0] = \\,0] _x0018_�2_x0007_c-4e,0]10r,0]62],0]8,0]\\\\\\\�x� &lt;l,0]l,0]ll,0]ribedchildren,0]thon-35.pyc,0]� \\,1,100.42000000248663,1006.8650000030175,106.97500000242144,108,1123.3250000223052,1125.6949999951757,1126.459999999497,1127.005000016652,119.82000002171844,11c5m9ycfufsc7krihjn5d9wg8jcyqlqk,12.854],122.2049999923911,1237.7350000024308,1238.710000005085,127,1295.4500000050757,13,13.58,134.57500000367872,135.4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t>
  </si>
  <si>
    <t>"[[];"mozilla/5.0 (windows nt 6.1) applewebkit/537.36 (khtml;0;0.371;0.371];0.668;0.9718172983479106];0];0] = \\;0] _x0018_�2_x0007_c-4e;0]10r;0]62];0]8;0]\\\\\\\�x� &lt;l;0]l;0]ll;0]ribedchildren;0]thon-35.pyc;0]� \\;1;100.42000000248663;1006.8650000030175;106.97500000242144;108;112.31999998562969;1123.3250000223052;1125.6949999951757;1126.459999999497;1127.005000016652;119.82000002171844;11c5m9ycfufsc7krihjn5d9wg8jcyqlqk;12.854];122.2049999923911;1237.7350000024308;1238.710000005085;127;1295.4500000050757;13;13.58;134.57500000367872;135.4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t>
  </si>
  <si>
    <t>http://"[[],"mozilla/5.0 (windows nt 6.1) applewebkit/537.36 (khtml,0,0.371,0.371],0.668,0.9718172983479106],0],0] = \\,0] _x0018_�2_x0007_c-4e,0]10r,0]62],0]8,0]\\\\\\\�x� &lt;l,0]l,0]ll,0]ribedchildren,0]thon-35.pyc,0]� \\,1,100.42000000248663,1006.8650000030175,106.97500000242144,108,112.31999998562969,1123.3250000223052,1125.6949999951757,1126.459999999497,1127.005000016652,119.82000002171844,11c5m9ycfufsc7krihjn5d9wg8jcyqlqk,12.854],122.2049999923911,1237.7350000024308,1238.710000005085,127,1295.4500000050757,13,13.58,134.57500000367872,135.4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t>
  </si>
  <si>
    <t>01/15/2020 11:31:24</t>
  </si>
  <si>
    <t>01/15/2020 11:31:25</t>
  </si>
  <si>
    <t>01/15/2020 11:31:40</t>
  </si>
  <si>
    <t>"[[],"mozilla/5.0 (windows nt 6.1) applewebkit/537.36 (khtml,&amp;_x001A_&amp;y(�_���*,&amp;_x001A_&amp;y(�_�z_x0010_^txl4l�v|�qa0�2�k�țtxl4l��|�qa0�2��'�_x0015__x0016__x0013_ _x0013_,&amp;_x001A_&amp;z;&gt;@���h�i�.`��_x0001_��f�wn�jfj �p]�_x001A_,&amp;_x001A_&amp;zi~b_x0017_b���h�i(�_x0002_��a�e��o�*,0] _x0018_�2_x0007_c-4e,0]\\\\\\\��� &lt;l,0]\\\\\\�*� &lt;l,0]l,0]ribedchildren,0]thon-35.pyc,1,119,126,13,13700014,13700109,13700109�,13700167,13700185,13700235,13700451,13700563,13700607,13700951,13701078,13701207,13701235,13701239,13701276,13701298,13701422,13701430,13701450,13701506,13701534,13701537,13701573,13701577,13701589,13701609,13701625,13701657,13701693,13701693�,13701693�,13701749,13701825,13701901,13701905,13701909,13701945]],13701953,13701957,13701969,13702068,13702088,138,142961685,153,155,1578930052848000,1578930058554000,1578958057528,1578965581932,1578967688903,1578971301444,1578975962847,1578976564592,1579001247369,1579030649468,1579086317952,1ya5yrwelrso-yxib3ctz0mdjsqkh2uffmn2kfrmynlkfp2vhk5vxrjlyzc1nx1i8okgrxz4hh9fxnqqavexbjgszjfxng_3tikapcccza7s5nl0iiv528sipt3_n6smfvjyvnmz5gmbld86jsedcdqpnbowbtwaejdtwlwiwyazylw41</t>
  </si>
  <si>
    <t>01/15/2020 11:31:56</t>
  </si>
  <si>
    <t>"mozilla/5.0 (windows nt 6.1) applewebkit/537.36 (khtml;0];0]0":;0]7 �_x0007_�� �r;0]:0};0]\;0]\\\\\\\';: &lt;l;0]\\\\\\\�ɧ_x000F_&lt;l;0]ackages\tornado\platform\interface.py;0]als;0]l;0]ll;0]u�{� �_x0007_�� �r;0]�\\;0]�m�/;1;13;13700014;13700109;13700185;13700451;13700951;13701207;13701298;13701422;13701430;13701450;13701506;13701537;13701573;13701577;13701625;13701657;13701693;13701693�;13701749;13701825;13701901;13701905;13701957;13701969;13702068;13702088;142961685;148;157;1578930052848000;1578930058554000;1578945414334;1578946016325;1578946317323;1578946618318;1578947521367;1578947822457;1578948424526;1578948725551;1578950230689;1578950531715;1578974457711;1578977166567;1578977467562;1578978671552;1578978972545;1578979273544;1578979574537;1578979875535;1578980176534;1578980477528;1578980778522;1578983788486;1578984089484;1579004693676;1579012821382;158;162;163;164;165;166;167;168;169;17;179;180;1ya5yrwelrso-yxib3ctz0mdjsqkh2uffmn2kfrmynlkfp2vhk5vxrjlyzc1nx1i8okgrxz4hh9fxnqqavexbjgszjfxng_3tikapcccza7s5nl0iiv528sipt3_n6smfvjyvn</t>
  </si>
  <si>
    <t>"mozilla/5.0 (windows nt 6.1) applewebkit/537.36 (khtml,0],0]0":,0]7 �_x0007_�� �r,0]:0},0]\,0]\\\\\\\';: &lt;l,0]\\\\\\\�ɧ_x000F_&lt;l,0]ackages\tornado\platform\interface.py,0]als,0]l,0]ll,0]u�{� �_x0007_�� �r,0]�m�/,0]�\\,1,13,13700014,13700109,13700185,13700451,13700951,13701207,13701298,13701422,13701430,13701450,13701506,13701537,13701573,13701577,13701625,13701657,13701693,13701693�,13701693�,13701749,13701825,13701901,13701905,13701957,13701969,13702068,13702088,142961685,148,157,1578930052848000,1578930058554000,1578945414334,1578946016325,1578946317323,1578946618318,1578947521367,1578947822457,1578948424526,1578948725551,1578950230689,1578950531715,1578974457711,1578977166567,1578977467562,1578978671552,1578978972545,1578979273544,1578979574537,1578979875535,1578980176534,1578980477528,1578980778522,1578983788486,1578984089484,1579004693676,1579012821382,158,162,163,164,165,166,167,168,169,17,179,180,1ya5yrwelrso-yxib3ctz0mdjsqkh2uffmn2kfrmynlkfp2vhk5vxrjlyzc1nx1i8okgrxz4hh9fxnqqavexbjgszjfxng_3tikapcccza7s5nl0iiv528sipt3_</t>
  </si>
  <si>
    <t>01/15/2020 11:27:55</t>
  </si>
  <si>
    <t>01/15/2020 11:27:56</t>
  </si>
  <si>
    <t>https://excel.officeapps.live.com/afhs/cloudpolicysettings.ashx?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zy3ymmyyjlmltqwzwqtmdawmc01ntlilwq5ymm3nda0zmrmnyj9.ct</t>
  </si>
  <si>
    <t>https://excel.officeapps.live.com/afhs/applicationfeaturehelperhandler.ashx?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zy3ymmyyjlmltqwzwqtmdawmc01ntlilwq5ymm3nda</t>
  </si>
  <si>
    <t>01/15/2020 11:27:58</t>
  </si>
  <si>
    <t>01/15/2020 11:28:02</t>
  </si>
  <si>
    <t>01/15/2020 11:28:15</t>
  </si>
  <si>
    <t>01/15/2020 11:28:16</t>
  </si>
  <si>
    <t>https://excel.officeapps.live.com/log?format=json&amp;hasfast=true&amp;authuser=0</t>
  </si>
  <si>
    <t>01/15/2020 11:28:20</t>
  </si>
  <si>
    <t>01/15/2020 11:28:24</t>
  </si>
  <si>
    <t>https://excel.officeapps.live.com/x/_layouts/addinservicehandler.ashx?action=getaddins&amp;app=excel&amp;catalog=privatecatalog&amp;clientcode=wac_excel&amp;clientversion=16.0.0.0&amp;corr=a9dfa99a-f61c-5b93-97fc-396be6fe2fda&amp;wopisrc=https://algarnet-my.sharepoint.com/personal/josiascdsj_algartech_com/_vti_bin/wopi.ashx/files/69aca668fc0a42819068a83011a1d846&amp;access_token=eyj0exaioijkv1qilcjhbgcioijsuzi1niising1dci6inhybfqwsup4mlzcvejfevfmdgtfofy2zkhwzyj9.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t>
  </si>
  <si>
    <t>01/15/2020 11:28:28</t>
  </si>
  <si>
    <t>01/15/2020 11:28:29</t>
  </si>
  <si>
    <t>01/15/2020 11:28:32</t>
  </si>
  <si>
    <t>01/15/2020 11:28:33</t>
  </si>
  <si>
    <t>01/15/2020 11:28:36</t>
  </si>
  <si>
    <t>01/15/2020 11:29:02</t>
  </si>
  <si>
    <t>01/15/2020 11:30:02</t>
  </si>
  <si>
    <t>01/15/2020 11:33:16</t>
  </si>
  <si>
    <t>3891b82c-eb11-4a3d-86d4-72472241f049.tmp</t>
  </si>
  <si>
    <t>\\acsfs\profiles$\lorraynevam\Downloads\3891b82c-eb11-4a3d-86d4-72472241f049.tmp</t>
  </si>
  <si>
    <t>01/15/2020 11:31:41</t>
  </si>
  <si>
    <t>01/15/2020 11:31:44</t>
  </si>
  <si>
    <t>01/15/2020 11:32:13</t>
  </si>
  <si>
    <t>01/15/2020 11:32:25</t>
  </si>
  <si>
    <t>01/15/2020 11:32:44</t>
  </si>
  <si>
    <t>01/15/2020 11:32:50</t>
  </si>
  <si>
    <t>01/15/2020 11:33:17</t>
  </si>
  <si>
    <t>01/15/2020 11:33:21</t>
  </si>
  <si>
    <t>01/15/2020 11:33:28</t>
  </si>
  <si>
    <t>01/15/2020 11:34:02</t>
  </si>
  <si>
    <t>01/15/2020 11:34:06</t>
  </si>
  <si>
    <t>01/15/2020 11:35:48</t>
  </si>
  <si>
    <t>01/15/2020 11:34:51</t>
  </si>
  <si>
    <t>01/15/2020 11:35:11</t>
  </si>
  <si>
    <t>mail.google.com/sync/u/0/i/s?hl=pt-BR&amp;c=444</t>
  </si>
  <si>
    <t>01/15/2020 11:32:58</t>
  </si>
  <si>
    <t>01/15/2020 11:37:48</t>
  </si>
  <si>
    <t>01/15/2020 11:33:13</t>
  </si>
  <si>
    <t>01/15/2020 11:34:41</t>
  </si>
  <si>
    <t>01/15/2020 11:34:43</t>
  </si>
  <si>
    <t>01/15/2020 11:32:59</t>
  </si>
  <si>
    <t>https://andrelpsa@algartech.com,joaogvc@algartech.com,leonardoao@algartech.com,marianadjc@algartech.com,maristelavodq@bv.algartech.com,paulacn@algartech.com,ricardodfm@algartech.com.br,taysdss@algartech.com,viniciussg@algartech.com</t>
  </si>
  <si>
    <t>01/15/2020 11:33:38</t>
  </si>
  <si>
    <t>01/15/2020 11:38:48</t>
  </si>
  <si>
    <t>160e6e9d-d979-4000-a043-7636c76b3b7a.tmp</t>
  </si>
  <si>
    <t>\\acsfs\profiles$\Flaviojmm\Downloads\160e6e9d-d979-4000-a043-7636c76b3b7a.tmp</t>
  </si>
  <si>
    <t>01/15/2020 11:35:02</t>
  </si>
  <si>
    <t>ab476b54-3609-49c0-b0ad-cf3f2e35378f.tmp</t>
  </si>
  <si>
    <t>\\acsfs\profiles$\anafsb\Downloads\ab476b54-3609-49c0-b0ad-cf3f2e35378f.tmp</t>
  </si>
  <si>
    <t>7d399546-3614-4c91-bbf1-4080ee90371d.tmp</t>
  </si>
  <si>
    <t>\\acsfs\profiles$\vivianealda\Downloads\7d399546-3614-4c91-bbf1-4080ee90371d.tmp</t>
  </si>
  <si>
    <t>01/15/2020 11:34:23</t>
  </si>
  <si>
    <t>01/15/2020 11:39:48</t>
  </si>
  <si>
    <t>01/15/2020 11:34:44</t>
  </si>
  <si>
    <t>01/15/2020 11:34:52</t>
  </si>
  <si>
    <t>01/15/2020 11:36:01</t>
  </si>
  <si>
    <t>01/15/2020 11:40:48</t>
  </si>
  <si>
    <t>01/15/2020 11:39:20</t>
  </si>
  <si>
    <t>Leandro Morais Santos_1_6777824526247989928_1_32.wav</t>
  </si>
  <si>
    <t>\\acsfs\Deptos\EDUCACAO EMPRESARIAL\FERNANDA MONIT\Fernanda\MONITORIA JANEIRO\Ligação para MUTANT segundo ciclo janeiro\Leandro Morais Santos_1_6777824526247989928_1_32.wav</t>
  </si>
  <si>
    <t>01/15/2020 11:38:09</t>
  </si>
  <si>
    <t>mail.google.com/sync/u/0/i/s?hl=pt-BR&amp;c=455</t>
  </si>
  <si>
    <t>01/15/2020 11:38:24</t>
  </si>
  <si>
    <t>01/15/2020 11:38:38</t>
  </si>
  <si>
    <t>01/15/2020 11:38:45</t>
  </si>
  <si>
    <t>01/15/2020 11:38:55</t>
  </si>
  <si>
    <t>01/15/2020 11:43:48</t>
  </si>
  <si>
    <t>01/15/2020 11:42:20</t>
  </si>
  <si>
    <t>eab4fdeb-6a85-4f46-9e65-e0bbee05c614.tmp</t>
  </si>
  <si>
    <t>\\acsfs\profiles$\Flaviojmm\Downloads\eab4fdeb-6a85-4f46-9e65-e0bbee05c614.tmp</t>
  </si>
  <si>
    <t>01/15/2020 11:40:29</t>
  </si>
  <si>
    <t>01/15/2020 11:44:49</t>
  </si>
  <si>
    <t>0c358954-bd03-4950-8c6f-f840421fa644.tmp</t>
  </si>
  <si>
    <t>\\acsfs\profiles$\KARENDSR\Downloads\0c358954-bd03-4950-8c6f-f840421fa644.tmp</t>
  </si>
  <si>
    <t>01/15/2020 11:43:14</t>
  </si>
  <si>
    <t>http:///batch/drive/v2internal?%24ct=multipart%2Fmixed%3B%20boundary%3D%22%3D%3D%3D%3D%3Dk8z7sr1w14dw%3D%3D%3D%3D%3D%22&amp;key=AIzaSyAy9VVXHSpS2IJpptzYtGbLP3-3_l0aBk4</t>
  </si>
  <si>
    <t>http://"mozilla/5.0 (windows nt 6.1) applewebkit/537.36 (khtml,0]als,0]l,1,13,13700014,13700109,13700185,13700451,13700951,13701207,13701298,13701422,13701430,13701450,13701506,13701537,13701573,13701577,13701625,13701657,13701693,13701749,13701825,13701901,13701905,13701957,13701969,13702068,13702088,142961685,1578930052848000,1578930058554000,1578992819204,1578993120155,1579004091620,1ya5yrwelrso-yxib3ctz0mdjsqkh2uffmn2kfrmynlkfp2vhk5vxrjlyzc1nx1i8okgrxz4hh9fxnqqavexbjgszjfxng_3tikapcccza7s5nl0iiv528sipt3_n6smfvjyvnmz5gmbld86jsedcdqpnbowbtwaejdtwlwiwyazylw418myzkyijnlherxkuhkwirbulept_hzs_xlk1gb_m_qcptbrvq-rrrwqfttkushdvq\",1ya5yrwelrso-yxib3ctz0mdjsqkh2uffmn2kfrmynlkfp2vhk5vxrjlyzc1nx1i8okgrxz4hh9fxnqqavexbjgszjfxng_3tikapcccza7s5nl0iiv528sipt3_n6smfvjyvnmz5gmbld86jsedcdqpnbowbtwaejdtwlwiwyazylw418myzkyijnlherxkuhkwirbwlept_jddse4aiz1ggcdd4mn150fdtjp551rwkfzytw\",1ya5yrwelrso-yxib3ctz0mdjsqkh2uffmn2kfrmynlkfp2vhk5vxrjlyzc1nx1i8okgrxz4hh9fxnqqavexbjgszjfxng_3tikapcccza7s5nl0iiv528sipt3_n6smfvjyvnmz5gmbld86j</t>
  </si>
  <si>
    <t>01/15/2020 11:43:15</t>
  </si>
  <si>
    <t>http:///batch/drive/v2internal?%24ct=multipart%2Fmixed%3B%20boundary%3D%22%3D%3D%3D%3D%3Dqisbyn5ega95%3D%3D%3D%3D%3D%22&amp;key=AIzaSyAy9VVXHSpS2IJpptzYtGbLP3-3_l0aBk4</t>
  </si>
  <si>
    <t>01/15/2020 11:43:16</t>
  </si>
  <si>
    <t>http:///batch/drive/v2internal?%24ct=multipart%2Fmixed%3B%20boundary%3D%22%3D%3D%3D%3D%3Da19mkdowt9kg%3D%3D%3D%3D%3D%22&amp;key=AIzaSyAy9VVXHSpS2IJpptzYtGbLP3-3_l0aBk4</t>
  </si>
  <si>
    <t>01/15/2020 11:43:22</t>
  </si>
  <si>
    <t>http:///batch/drive/v2internal?%24ct=multipart%2Fmixed%3B%20boundary%3D%22%3D%3D%3D%3D%3Dmv2zg3jki8p1%3D%3D%3D%3D%3D%22&amp;key=AIzaSyAy9VVXHSpS2IJpptzYtGbLP3-3_l0aBk4</t>
  </si>
  <si>
    <t>http://"mozilla/5.0 (windows nt 6.1) applewebkit/537.36 (khtml,0] �_x0003_�_x0006_(�?_x0007_�=�_x0006_9995,0]4003ll,0]als,0]l,0]mt �o� 99,0]�o� _x0001_,1,13,13700014,13700109�,13700185,13700951,13701207,13701298,13701422,13701450,13701537,13701573,13701577,13701625,13701749,13701825,13701901,13701957,13701969,13702068,13702088,142961685,1578930052848000,1578930058554000,1578931870901,1578939996203,1579010112146,1579032314914,1ya5yrwelrso-yxib3ctz0mdjsqkh2uffmn2kfrmynlkfp2vhk5vxrjlyzc1nx1i8okgrxz4hh9fxnqqavexbjgszjfxng_3tikapcccza7s5nl0iiv528sipt3_n6smfvjyvnmz5gmbld86jsedcdqpnbowbtwaejdtwlwiwyazylw418myzkyijnlherxkuhkwirbileptskyg4wekuhek9tooeg74kdzvfxqdw-qnhuqxjg\",266,322,327,34,352,5701393,7,[[13701418,[],[]]],adfn-ct7ciskssyu-68afh9xg7xv2c6f8dx_seofhsqerkx2bhpqslb3crfufkpjjmcd4mgjscrt,ancestorhasaugmentedpermissions,atuima2v-l-r4mlrttnejldjmmcmtjqqdb_eo8phe2_wqj_y1ojumr1iabvw2ppblwocree42tuodgonxc9zyipd_xfoznijlgzojvolpn9psmrvvcomrzpgslf_e8bk\",atuima2v-l-r4mlrttnejldjmmcmtjqqdb_eo8phe2_wqj_y1ojumr1iabvw2ppblwocree42tuodgonxc9zyrfd_xfp</t>
  </si>
  <si>
    <t>01/15/2020 11:43:23</t>
  </si>
  <si>
    <t>http:///batch/drive/v2internal?%24ct=multipart%2Fmixed%3B%20boundary%3D%22%3D%3D%3D%3D%3Da7aswclzvaeg%3D%3D%3D%3D%3D%22&amp;key=AIzaSyAy9VVXHSpS2IJpptzYtGbLP3-3_l0aBk4</t>
  </si>
  <si>
    <t>01/15/2020 11:43:34</t>
  </si>
  <si>
    <t>http:///batch/drive/v2internal?%24ct=multipart%2Fmixed%3B%20boundary%3D%22%3D%3D%3D%3D%3Dy23jzde7k3ui%3D%3D%3D%3D%3D%22&amp;key=AIzaSyAy9VVXHSpS2IJpptzYtGbLP3-3_l0aBk4</t>
  </si>
  <si>
    <t>01/15/2020 11:43:35</t>
  </si>
  <si>
    <t>http:///batch/drive/v2internal?%24ct=multipart%2Fmixed%3B%20boundary%3D%22%3D%3D%3D%3D%3Dlykcddu59apq%3D%3D%3D%3D%3D%22&amp;key=AIzaSyAy9VVXHSpS2IJpptzYtGbLP3-3_l0aBk4</t>
  </si>
  <si>
    <t>01/15/2020 11:43:53</t>
  </si>
  <si>
    <t>http:///batch/drive/v2internal?%24ct=multipart%2Fmixed%3B%20boundary%3D%22%3D%3D%3D%3D%3D8j219250yvgm%3D%3D%3D%3D%3D%22&amp;key=AIzaSyAy9VVXHSpS2IJpptzYtGbLP3-3_l0aBk4</t>
  </si>
  <si>
    <t>"mozilla/5.0 (windows nt 6.1) applewebkit/537.36 (khtml;0]:0}:0})�� 66;0]ackages\tornado\platform\interface.py;0]als;0]l;0]ll;1;13;13/01/2020;13700014;13700109;13700185;13700451;13700951;13701207;13701298;13701422;13701430;13701450;13701506;13701537;13701573;13701577;13701625;13701657;13701693;13701749;13701825;13701901;13701905;13701957;13701969;13702068;13702088;142961685;1578930052848000;1578930058554000;1578931268841;1578958659580;1578988003061;1578996732112;1578997334102;1579011617271;193;1ya5yrwelrso-yxib3ctz0mdjsqkh2uffmn2kfrmynlkfp2vhk5vxrjlyzc1nx1i8okgrxz4hh9fxnqqavexbjgszjfxng_3tikapcccza7s5nl0iiv528sipt3_n6smfvjyvnmz5gmbld86jsedcdqpnbowbtwaejdtwlwiwyazylw418myzkyijnlherxkuhkwiradlept6s2wwy3irlvxilsn2tmtreu5sjcyzesw5wrmka\";1ya5yrwelrso-yxib3ctz0mdjsqkh2uffmn2kfrmynlkfp2vhk5vxrjlyzc1nx1i8okgrxz4hh9fxnqqavexbjgszjfxng_3tikapcccza7s5nl0iiv528sipt3_n6smfvjyvnmz5gmbld86jsedcdqpnbowbtwaejdtwlwiwyazylw418myzkyijnlherxkuhkwirb8leptlasz0q5gsq45bqhdpg08al-wyi5qw80da9lewq\";1ya5yrwelrso-yxib3ctz0mdjsqkh2uffmn</t>
  </si>
  <si>
    <t>http://"mozilla/5.0 (windows nt 6.1) applewebkit/537.36 (khtml,0]:0}:0})�� 66,0]ackages\tornado\platform\interface.py,0]als,0]l,0]ll,1,13,13/01/2020,13700014,13700109,13700185,13700451,13700951,13701207,13701298,13701422,13701430,13701450,13701506,13701537,13701573,13701577,13701625,13701657,13701693,13701749,13701825,13701901,13701905,13701957,13701969,13702068,13702088,142961685,1578930052848000,1578930058554000,1578931268841,1578958659580,1578988003061,1578996732112,1578997334102,1579011617271,193,1ya5yrwelrso-yxib3ctz0mdjsqkh2uffmn2kfrmynlkfp2vhk5vxrjlyzc1nx1i8okgrxz4hh9fxnqqavexbjgszjfxng_3tikapcccza7s5nl0iiv528sipt3_n6smfvjyvnmz5gmbld86jsedcdqpnbowbtwaejdtwlwiwyazylw418myzkyijnlherxkuhkwiradlept6s2wwy3irlvxilsn2tmtreu5sjcyzesw5wrmka\",1ya5yrwelrso-yxib3ctz0mdjsqkh2uffmn2kfrmynlkfp2vhk5vxrjlyzc1nx1i8okgrxz4hh9fxnqqavexbjgszjfxng_3tikapcccza7s5nl0iiv528sipt3_n6smfvjyvnmz5gmbld86jsedcdqpnbowbtwaejdtwlwiwyazylw418myzkyijnlherxkuhkwirb8leptlasz0q5gsq45bqhdpg08al-wyi5qw80da9lewq\",1ya5yrwelrso-yxib3ctz0mdjsqk</t>
  </si>
  <si>
    <t>01/15/2020 11:43:54</t>
  </si>
  <si>
    <t>http:///batch/drive/v2internal?%24ct=multipart%2Fmixed%3B%20boundary%3D%22%3D%3D%3D%3D%3D5qkkv0zfrrh3%3D%3D%3D%3D%3D%22&amp;key=AIzaSyAy9VVXHSpS2IJpptzYtGbLP3-3_l0aBk4</t>
  </si>
  <si>
    <t>01/15/2020 11:40:23</t>
  </si>
  <si>
    <t>lu103321fz63f.tmp</t>
  </si>
  <si>
    <t>\\acsfs\profiles$\BRUNAAR\Numero\lu103321fz63f.tmp</t>
  </si>
  <si>
    <t>01/15/2020 11:39:56</t>
  </si>
  <si>
    <t>d8a81040-42f1-4ea3-a991-25b647ff51ee.tmp</t>
  </si>
  <si>
    <t>\\acsfs\profiles$\ROZENCAM\Downloads\d8a81040-42f1-4ea3-a991-25b647ff51ee.tmp</t>
  </si>
  <si>
    <t>01/15/2020 11:41:49</t>
  </si>
  <si>
    <t>01/15/2020 11:45:48</t>
  </si>
  <si>
    <t>01/15/2020 11:41:56</t>
  </si>
  <si>
    <t>mail.google.com/sync/u/0/i/s?hl=pt-BR&amp;c=499</t>
  </si>
  <si>
    <t>01/15/2020 11:42:13</t>
  </si>
  <si>
    <t>01/15/2020 11:42:17</t>
  </si>
  <si>
    <t>mail.google.com/sync/u/0/i/s?hl=pt-BR&amp;c=504</t>
  </si>
  <si>
    <t>01/15/2020 11:42:36</t>
  </si>
  <si>
    <t>01/15/2020 11:42:56</t>
  </si>
  <si>
    <t>01/15/2020 11:43:01</t>
  </si>
  <si>
    <t>01/15/2020 11:44:00</t>
  </si>
  <si>
    <t>01/15/2020 11:44:22</t>
  </si>
  <si>
    <t>01/15/2020 11:44:39</t>
  </si>
  <si>
    <t>01/15/2020 11:44:45</t>
  </si>
  <si>
    <t>01/15/2020 11:45:09</t>
  </si>
  <si>
    <t>01/15/2020 11:45:18</t>
  </si>
  <si>
    <t>\\acsfs\DEPTOS\EDUCACAO EMPRESARIAL\2 - Operações\0 - BV\1 - TREINADORES\Luiz Fernando\</t>
  </si>
  <si>
    <t>\\acsfs\DEPTOS\EDUCACAO EMPRESARIAL\2 - Operações\0 - BV\1 - TREINADORES\Luiz Fernando\BVFLIX\Thumbs.db</t>
  </si>
  <si>
    <t>01/15/2020 11:43:28</t>
  </si>
  <si>
    <t>01/15/2020 11:48:48</t>
  </si>
  <si>
    <t>30206818-73b1-4d59-a710-ab234c7a7f89.tmp</t>
  </si>
  <si>
    <t>\\acsfs\profiles$\wenderbnm\Downloads\30206818-73b1-4d59-a710-ab234c7a7f89.tmp</t>
  </si>
  <si>
    <t>01/15/2020 11:47:58</t>
  </si>
  <si>
    <t>01/15/2020 11:49:48</t>
  </si>
  <si>
    <t>3c4dde94-04ab-4b52-8cf8-eda224ad108b.tmp</t>
  </si>
  <si>
    <t>\\acsfs\profiles$\gabrielaff\Downloads\3c4dde94-04ab-4b52-8cf8-eda224ad108b.tmp</t>
  </si>
  <si>
    <t>http:///batch/drive/v2internal?%24ct=multipart%2Fmixed%3B%20boundary%3D%22%3D%3D%3D%3D%3Dugp0z4v8sgu2%3D%3D%3D%3D%3D%22&amp;key=AIzaSyAy9VVXHSpS2IJpptzYtGbLP3-3_l0aBk4</t>
  </si>
  <si>
    <t>"[[];"mozilla/5.0 (windows nt 6.1) applewebkit/537.36 (khtml;0]gc606;0]ll;0]ribedchildren;1;13;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30052848000;1578930058554000;1578932171927;1578941200313;1578941501336;1579030649468;347;38;39;5701393;8;8202193];8202316;936;["mozilla/5.0 (windows nt 6.1) applewebkit/537.36 (khtml;["pt-br"]]]&amp;token=ac4w5vhljczanhxnqi1woyx0avs9x8dipw:1578930052842&amp;buildlabel=drive.web-frontend_20200101.00_p4]]";[8202524;[[13701418;[];[]]"];[]]];[null;adfn-ct7ciskssyu-68afh9xg7xv2c6f8dx_seofhsqerkx2bhpqslb3crfufkpjjmcd4mgjscrt;ancestorhasaugmentedpermissions;andrelpsa@algartech.com;atuima2v-l-r4mlrttnejldjmmcmtjqqdb_eo8phe2_wqj_y1ojumr1iabvw2ppblwocree42tuodgonxc9zyh_d_x</t>
  </si>
  <si>
    <t>http://"[[],"mozilla/5.0 (windows nt 6.1) applewebkit/537.36 (khtml,0]gc606,0]ll,0]ribedchildren,1,13,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30052848000,1578930058554000,1578932171927,1578941200313,1578941501336,1579030649468,347,38,39,5701393,8,8202193],8202316,936,["mozilla/5.0 (windows nt 6.1) applewebkit/537.36 (khtml,["pt-br"]]]&amp;token=ac4w5vhljczanhxnqi1woyx0avs9x8dipw:1578930052842&amp;buildlabel=drive.web-frontend_20200101.00_p4]]",[8202524,[[13701418,[],[]]"],[]]],[null,adfn-ct7ciskssyu-68afh9xg7xv2c6f8dx_seofhsqerkx2bhpqslb3crfufkpjjmcd4mgjscrt,ancestorhasaugmentedpermissions,andrelpsa@algartech.com,atuima2v-l-r4mlrttnejldjmmcmtjqqdb_eo8phe2_wqj_y1ojumr1iabvw2ppblwocree42tuodgonxc9</t>
  </si>
  <si>
    <t>01/15/2020 11:44:50</t>
  </si>
  <si>
    <t>http:///batch/drive/v2internal?%24ct=multipart%2Fmixed%3B%20boundary%3D%22%3D%3D%3D%3D%3Djv5b89dms5m2%3D%3D%3D%3D%3D%22&amp;key=AIzaSyAy9VVXHSpS2IJpptzYtGbLP3-3_l0aBk4</t>
  </si>
  <si>
    <t>01/15/2020 11:46:22</t>
  </si>
  <si>
    <t>http:///batch/drive/v2internal?%24ct=multipart%2Fmixed%3B%20boundary%3D%22%3D%3D%3D%3D%3Dq9s2y9difuc7%3D%3D%3D%3D%3D%22&amp;key=AIzaSyAy9VVXHSpS2IJpptzYtGbLP3-3_l0aBk4</t>
  </si>
  <si>
    <t>0]l;13/01/2020;142961685;1578934579132;16;[];[]]];ancestorhasaugmentedpermissions;atuima2v-l-r4mlrttnejldjmmcmtjqqdb_eo8phe2_wqj_y1ojumr1iabvw2ppblwocree42tuodgonxc9zyn_d_xfphgrxhjqekmcli1-m1tn045hfoxl9rezb4tt0\";containsunsubscribedchildren;displayname;domain;emailaddress;false;file(kind;fileid;filesize;hasthumbnail;hasvisitorpermissions;id;id);items(deleted;ken;kind;lastmodifyinguser(kind;lastviewedbymedate;modifiedbymedate;modifieddate;null;ontainsunsubscribedchildren;owners(kind;per;permissionid;picture;shared;sharedwithmedate;thumbnailversion;title;true]";userpermission(role);workspaceids;</t>
  </si>
  <si>
    <t>http://0]l,13/01/2020,142961685,1578934579132,16,[],[]]],ancestorhasaugmentedpermissions,atuima2v-l-r4mlrttnejldjmmcmtjqqdb_eo8phe2_wqj_y1ojumr1iabvw2ppblwocree42tuodgonxc9zyn_d_xfphgrxhjqekmcli1-m1tn045hfoxl9rezb4tt0\",containsunsubscribedchildren,displayname,domain,emailaddress,false,file(kind,fileid,filesize,hasthumbnail,hasvisitorpermissions,id,id),items(deleted,ken,kind,lastmodifyinguser(kind,lastviewedbymedate,modifiedbymedate,modifieddate,null,ontainsunsubscribedchildren,owners(kind,per,permissionid,picture,shared,sharedwithmedate,thumbnailversion,title,true]",userpermission(role),workspaceids</t>
  </si>
  <si>
    <t>01/15/2020 11:46:23</t>
  </si>
  <si>
    <t>http:///batch/drive/v2internal?%24ct=multipart%2Fmixed%3B%20boundary%3D%22%3D%3D%3D%3D%3Daerx2z9glqwj%3D%3D%3D%3D%3D%22&amp;key=AIzaSyAy9VVXHSpS2IJpptzYtGbLP3-3_l0aBk4</t>
  </si>
  <si>
    <t>01/15/2020 11:46:24</t>
  </si>
  <si>
    <t>http:///batch/drive/v2internal?%24ct=multipart%2Fmixed%3B%20boundary%3D%22%3D%3D%3D%3D%3Dfyad3lt88rf7%3D%3D%3D%3D%3D%22&amp;key=AIzaSyAy9VVXHSpS2IJpptzYtGbLP3-3_l0aBk4</t>
  </si>
  <si>
    <t>01/15/2020 11:48:36</t>
  </si>
  <si>
    <t>http:///batch/drive/v2internal?%24ct=multipart%2Fmixed%3B%20boundary%3D%22%3D%3D%3D%3D%3Deurxqda4moc6%3D%3D%3D%3D%3D%22&amp;key=AIzaSyAy9VVXHSpS2IJpptzYtGbLP3-3_l0aBk4</t>
  </si>
  <si>
    <t>01/15/2020 11:48:37</t>
  </si>
  <si>
    <t>http:///batch/drive/v2internal?%24ct=multipart%2Fmixed%3B%20boundary%3D%22%3D%3D%3D%3D%3Dh4z4z9aurrnx%3D%3D%3D%3D%3D%22&amp;key=AIzaSyAy9VVXHSpS2IJpptzYtGbLP3-3_l0aBk4</t>
  </si>
  <si>
    <t>01/15/2020 11:48:51</t>
  </si>
  <si>
    <t>"mozilla/5.0 (windows nt 6.1) applewebkit/537.36 (khtml;0;0]4003ll;0]:0}:0})�� 66;0]l;1;10;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8932773978;1579010413173;17;1ya5yrwelrso-yxib3ctz0mdjsqkh2uffmn2kfrmynlkfp2vhk5vxrjlyzc1nx1i8okgrxz4hh9fxnqqavexbjgszjfxng_3tikapcccza7s5nl0iiv528sipt3_n6smfvjyvnmz5gmbld86jsedcdqpnbowbtwaejdtwlwiwyazylw418myzkyijnlherxkuhkwirbjlepto_djldn08dfaund-n0qfk8wr4qxtcvxvv5frog\";267;4;4100];5701393;6.1;79;["mozilla/5.0 (windows nt 6.1) applewebkit/537.36 (khtml;[1;[[13701418;[[n</t>
  </si>
  <si>
    <t>"mozilla/5.0 (windows nt 6.1) applewebkit/537.36 (khtml,0,0]4003ll,0]:0}:0})�� 66,0]l,1,10,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8932773978,1579010413173,17,1ya5yrwelrso-yxib3ctz0mdjsqkh2uffmn2kfrmynlkfp2vhk5vxrjlyzc1nx1i8okgrxz4hh9fxnqqavexbjgszjfxng_3tikapcccza7s5nl0iiv528sipt3_n6smfvjyvnmz5gmbld86jsedcdqpnbowbtwaejdtwlwiwyazylw418myzkyijnlherxkuhkwirbjlepto_djldn08dfaund-n0qfk8wr4qxtcvxvv5frog\",267,4,4100],5701393,6.1,79,["mozilla/5.0 (windows nt 6.1) applewebkit/537.36 (khtml,[1,[[13701418,[[n</t>
  </si>
  <si>
    <t>01/15/2020 11:48:20</t>
  </si>
  <si>
    <t>01/15/2020 11:48:21</t>
  </si>
  <si>
    <t>lu10756ou0yf.tmp</t>
  </si>
  <si>
    <t>\\acsfs\profiles$\dhiulliananads\My Documents\lu10756ou0yf.tmp</t>
  </si>
  <si>
    <t>\\acsfs\profiles$\dhiulliananads\My Documents\lu10756ou0yf.tmp\</t>
  </si>
  <si>
    <t>\\acsfs\profiles$\dhiulliananads\My Documents\lu10756ou0yf.tmp\META-INF\</t>
  </si>
  <si>
    <t>\\acsfs\profiles$\dhiulliananads\My Documents\lu10756ou0yf.tmp\Thumbnails\</t>
  </si>
  <si>
    <t>01/15/2020 11:47:09</t>
  </si>
  <si>
    <t>01/15/2020 11:50:48</t>
  </si>
  <si>
    <t>alyny.txt</t>
  </si>
  <si>
    <t>\\acsfs\profiles$\ALYNYA\My Documents\alyny.txt</t>
  </si>
  <si>
    <t>01/15/2020 11:45:32</t>
  </si>
  <si>
    <t>01/15/2020 11:45:37</t>
  </si>
  <si>
    <t>01/15/2020 11:45:41</t>
  </si>
  <si>
    <t>01/15/2020 11:45:50</t>
  </si>
  <si>
    <t>01/15/2020 11:46:05</t>
  </si>
  <si>
    <t>mail.google.com/sync/u/0/i/s?hl=pt-BR&amp;c=535</t>
  </si>
  <si>
    <t>01/15/2020 11:46:11</t>
  </si>
  <si>
    <t>01/15/2020 11:45:52</t>
  </si>
  <si>
    <t>\\acsfs\DEPTOS\EDUCACAO EMPRESARIAL\2 - Operações\0 - BV\1 - TREINADORES\Haruna\halloween\</t>
  </si>
  <si>
    <t>\\acsfs\DEPTOS\EDUCACAO EMPRESARIAL\2 - Operações\0 - BV\1 - TREINADORES\Haruna\halloween\Thumbs.db</t>
  </si>
  <si>
    <t>01/15/2020 11:45:53</t>
  </si>
  <si>
    <t>\\acsfs\DEPTOS\EDUCACAO EMPRESARIAL\2 - Operações\0 - BV\1 - TREINADORES\Haruna\pilulas do conhecimento\</t>
  </si>
  <si>
    <t>\\acsfs\DEPTOS\EDUCACAO EMPRESARIAL\2 - Operações\0 - BV\1 - TREINADORES\Haruna\pilulas do conhecimento\Thumbs.db</t>
  </si>
  <si>
    <t>01/15/2020 11:47:27</t>
  </si>
  <si>
    <t>\\acsfs\DEPTOS\EDUCACAO EMPRESARIAL\2 - Operações\0 - BV\1 - TREINADORES\Haruna\Skill LOCALIZAÇÃO DE Pagamento\</t>
  </si>
  <si>
    <t>\\acsfs\DEPTOS\EDUCACAO EMPRESARIAL\2 - Operações\0 - BV\1 - TREINADORES\Haruna\Skill LOCALIZAÇÃO DE Pagamento\Thumbs.db</t>
  </si>
  <si>
    <t>01/15/2020 11:48:10</t>
  </si>
  <si>
    <t>01/15/2020 11:48:15</t>
  </si>
  <si>
    <t>01/15/2020 11:48:18</t>
  </si>
  <si>
    <t>01/15/2020 11:48:31</t>
  </si>
  <si>
    <t>mail.google.com/sync/u/0/i/s?hl=pt-BR&amp;c=595</t>
  </si>
  <si>
    <t>01/15/2020 11:48:55</t>
  </si>
  <si>
    <t>01/15/2020 11:48:59</t>
  </si>
  <si>
    <t>01/15/2020 11:49:55</t>
  </si>
  <si>
    <t>01/15/2020 11:50:35</t>
  </si>
  <si>
    <t>mail.google.com/sync/u/0/i/s?hl=pt-BR&amp;c=606</t>
  </si>
  <si>
    <t>01/15/2020 11:50:38</t>
  </si>
  <si>
    <t>01/15/2020 11:50:32</t>
  </si>
  <si>
    <t>01/15/2020 11:52:48</t>
  </si>
  <si>
    <t>01/15/2020 11:49:01</t>
  </si>
  <si>
    <t>01/15/2020 11:49:16</t>
  </si>
  <si>
    <t>01/15/2020 11:50:13</t>
  </si>
  <si>
    <t>01/15/2020 11:54:48</t>
  </si>
  <si>
    <t>01/15/2020 11:49:13</t>
  </si>
  <si>
    <t>0]578941s�� 90;0]l;142961685;1579009209061;1ya5yrwelrso-yxib3ctz0mdjsqkh2uffmn2kfrmynlkfp2vhk5vxrjlyzc1nx1i8okgrxz4hh9fxnqqavexbjgszjfxng_3tikapcccza7s5nl0iiv528sipt3_n6smfvjyvnmz5gmbld86jsedcdqpnbowbtwaejdtwlwiwyazylw418myzkyijnlherxkuhkwirbfleptkl70-xcv3hftlbbjjxtoi_o17yeczh0kurrxgw\";263;[];[]]];false;i_o17yeczh0kurrxgw\";null;true]";</t>
  </si>
  <si>
    <t>0]578941s�� 90,0]l,142961685,1579009209061,1ya5yrwelrso-yxib3ctz0mdjsqkh2uffmn2kfrmynlkfp2vhk5vxrjlyzc1nx1i8okgrxz4hh9fxnqqavexbjgszjfxng_3tikapcccza7s5nl0iiv528sipt3_n6smfvjyvnmz5gmbld86jsedcdqpnbowbtwaejdtwlwiwyazylw418myzkyijnlherxkuhkwirbfleptkl70-xcv3hftlbbjjxtoi_o17yeczh0kurrxgw\",263,[],[]]],false,i_o17yeczh0kurrxgw\",null,true]"</t>
  </si>
  <si>
    <t>01/15/2020 11:49:33</t>
  </si>
  <si>
    <t>01/15/2020 11:49:56</t>
  </si>
  <si>
    <t>01/15/2020 11:50:16</t>
  </si>
  <si>
    <t>01/15/2020 11:50:39</t>
  </si>
  <si>
    <t>01/15/2020 11:51:02</t>
  </si>
  <si>
    <t>mail.google.com/sync/u/0/i/s?hl=pt-BR&amp;c=513</t>
  </si>
  <si>
    <t>01/15/2020 11:51:05</t>
  </si>
  <si>
    <t>01/15/2020 11:53:02</t>
  </si>
  <si>
    <t>01/15/2020 11:53:09</t>
  </si>
  <si>
    <t>0]l;13/01/2020;142961685;1578934579132;1579099948195000]]];16;[];[]]];ancestorhasaugmentedpermissions;atuima2v-l-r4mlrttnejldjmmcmtjqqdb_eo8phe2_wqj_y1ojumr1iabvw2ppblwocree42tuodgonxc9zyn_d_xfphgrxhjqekmcli1-m1tn045hfoxl9rezb4tt0\";b9/i2ikalgbcgki0ezlqoyf5wikfsotntk5otm2nda3ndu3ndq1nzywmaolcp/ vcq9iecixqew48yp8ncg/4r ogw5ndczmtg5odk4mdm;containsunsubscribedchildren;displayname;domain;emailaddress;false;file(kind;fileid;filesize;gw5ndczmtg5odk4mdmri6pttu9o21oycw==";hasthumbnail;hasvisitorpermissions;id;id);items(deleted;ken;kind;lastmodifyinguser(kind;lastviewedbymedate;modifiedbymedate;modifieddate;null;ontainsunsubscribedchildren;owners(kind;per;permissionid;picture;shared;sharedwithmedate;thumbnailversion;title;true]";userpermission(role);workspaceids;</t>
  </si>
  <si>
    <t>0]l,13/01/2020,142961685,1578934579132,1579099948195000]]],16,[],[]]],ancestorhasaugmentedpermissions,atuima2v-l-r4mlrttnejldjmmcmtjqqdb_eo8phe2_wqj_y1ojumr1iabvw2ppblwocree42tuodgonxc9zyn_d_xfphgrxhjqekmcli1-m1tn045hfoxl9rezb4tt0\",b9/i2ikalgbcgki0ezlqoyf5wikfsotntk5otm2nda3ndu3ndq1nzywmaolcp/ vcq9iecixqew48yp8ncg/4r ogw5ndczmtg5odk4mdm,containsunsubscribedchildren,displayname,domain,emailaddress,false,file(kind,fileid,filesize,gw5ndczmtg5odk4mdmri6pttu9o21oycw==",hasthumbnail,hasvisitorpermissions,id,id),items(deleted,ken,kind,lastmodifyinguser(kind,lastviewedbymedate,modifiedbymedate,modifieddate,null,ontainsunsubscribedchildren,owners(kind,per,permissionid,picture,shared,sharedwithmedate,thumbnailversion,title,true]",userpermission(role),workspaceids</t>
  </si>
  <si>
    <t>01/15/2020 11:53:36</t>
  </si>
  <si>
    <t>http:///batch/drive/v2internal?%24ct=multipart%2Fmixed%3B%20boundary%3D%22%3D%3D%3D%3D%3D3a8rlhcv0ng%3D%3D%3D%3D%3D%22&amp;key=AIzaSyAy9VVXHSpS2IJpptzYtGbLP3-3_l0aBk4</t>
  </si>
  <si>
    <t>http://0]l,13/01/2020,142961685,1578934579132,1579099948195000]]],16,[],[]]],ancestorhasaugmentedpermissions,atuima2v-l-r4mlrttnejldjmmcmtjqqdb_eo8phe2_wqj_y1ojumr1iabvw2ppblwocree42tuodgonxc9zyn_d_xfphgrxhjqekmcli1-m1tn045hfoxl9rezb4tt0\",b9/i2ikalgbcgki0ezlqoyf5wikfsotntk5otm2nda3ndu3ndq1nzywmaolcp/ vcq9iecixqew48yp8ncg/4r ogw5ndczmtg5odk4mdm,containsunsubscribedchildren,displayname,domain,emailaddress,false,file(kind,fileid,filesize,gw5ndczmtg5odk4mdmri6pttu9o21oycw==",hasthumbnail,hasvisitorpermissions,id,id),items(deleted,ken,kind,lastmodifyinguser(kind,lastviewedbymedate,modifiedbymedate,modifieddate,null,ontainsunsubscribedchildren,owners(kind,per,permissionid,picture,shared,sharedwithmedate,thumbnailversion,title,true]",userpermission(role),workspaceids</t>
  </si>
  <si>
    <t>01/15/2020 11:53:37</t>
  </si>
  <si>
    <t>http:///batch/drive/v2internal?%24ct=multipart%2Fmixed%3B%20boundary%3D%22%3D%3D%3D%3D%3D5tguj4pxrfib%3D%3D%3D%3D%3D%22&amp;key=AIzaSyAy9VVXHSpS2IJpptzYtGbLP3-3_l0aBk4</t>
  </si>
  <si>
    <t>0]l;13/01/2020;142961685;1578934579132;1579099948195000]]];16;6839a9_u x-goog-authuser: 0 --=====5tguj4pxrfib=====-- &gt;(0)};[];[]]];ancestorhasaugmentedpermissions;atuima2v-l-r4mlrttnejldjmmcmtjqqdb_eo8phe2_wqj_y1ojumr1iabvw2ppblwocree42tuodgonxc9zyn_d_xfphgrxhjqekmcli1-m1tn045hfoxl9rezb4tt0\";b9/i2ikalgbcgki0ezlqoyf5wikfsotntk5otm2nda3ndu3ndq1nzywmaolcp/ vcq9iecixqew48yp8ncg/4r ogw5ndczmtg5odk4mdm;containsunsubscribedchildren;displayname;domain;emailaddress;false;file(kind;fileid;filesize;gw5ndczmtg5odk4mdmri6pttu9o21oycw==";hasthumbnail;hasvisitorpermissions;id;id);items(deleted;ken;kind;lastmodifyinguser(kind;lastviewedbymedate;modifiedbymedate;modifieddate;null;ontainsunsubscribedchildren;owners(kind;per;permissionid;picture;shared;sharedwithmedate;thumbnailversion;title;true]";userpermission(role);workspaceids;</t>
  </si>
  <si>
    <t>http://0]l,13/01/2020,142961685,1578934579132,1579099948195000]]],16,6839a9_u x-goog-authuser: 0 --=====5tguj4pxrfib=====-- &gt;(0)},[],[]]],ancestorhasaugmentedpermissions,atuima2v-l-r4mlrttnejldjmmcmtjqqdb_eo8phe2_wqj_y1ojumr1iabvw2ppblwocree42tuodgonxc9zyn_d_xfphgrxhjqekmcli1-m1tn045hfoxl9rezb4tt0\",b9/i2ikalgbcgki0ezlqoyf5wikfsotntk5otm2nda3ndu3ndq1nzywmaolcp/ vcq9iecixqew48yp8ncg/4r ogw5ndczmtg5odk4mdm,containsunsubscribedchildren,displayname,domain,emailaddress,false,file(kind,fileid,filesize,gw5ndczmtg5odk4mdmri6pttu9o21oycw==",hasthumbnail,hasvisitorpermissions,id,id),items(deleted,ken,kind,lastmodifyinguser(kind,lastviewedbymedate,modifiedbymedate,modifieddate,null,ontainsunsubscribedchildren,owners(kind,per,permissionid,picture,shared,sharedwithmedate,thumbnailversion,title,true]",userpermission(role),workspaceids</t>
  </si>
  <si>
    <t>01/15/2020 11:55:48</t>
  </si>
  <si>
    <t>01/15/2020 11:54:22</t>
  </si>
  <si>
    <t>Monitorias online.xlsx</t>
  </si>
  <si>
    <t>\\acsfs\DEPTOS\EDUCACAO EMPRESARIAL\2 - Operações\0 - BV\1 - TREINADORES\Luiz Fernando\Monitorias online.xlsx</t>
  </si>
  <si>
    <t>01/15/2020 11:50:55</t>
  </si>
  <si>
    <t>01/15/2020 11:50:59</t>
  </si>
  <si>
    <t>01/15/2020 11:56:48</t>
  </si>
  <si>
    <t>01/15/2020 11:53:01</t>
  </si>
  <si>
    <t>01/15/2020 11:53:08</t>
  </si>
  <si>
    <t>01/15/2020 11:53:13</t>
  </si>
  <si>
    <t>01/15/2020 11:53:14</t>
  </si>
  <si>
    <t>01/15/2020 11:53:18</t>
  </si>
  <si>
    <t>01/15/2020 11:53:21</t>
  </si>
  <si>
    <t>01/15/2020 11:53:26</t>
  </si>
  <si>
    <t>01/15/2020 11:53:30</t>
  </si>
  <si>
    <t>01/15/2020 11:53:53</t>
  </si>
  <si>
    <t>01/15/2020 11:53:58</t>
  </si>
  <si>
    <t>01/15/2020 11:54:23</t>
  </si>
  <si>
    <t>01/15/2020 11:54:30</t>
  </si>
  <si>
    <t>01/15/2020 11:54:55</t>
  </si>
  <si>
    <t>01/15/2020 11:55:08</t>
  </si>
  <si>
    <t>01/15/2020 11:53:40</t>
  </si>
  <si>
    <t>a245e059-257f-434d-b5dc-4589692ccd00.tmp</t>
  </si>
  <si>
    <t>\\acsfs\profiles$\geovannasm\Downloads\a245e059-257f-434d-b5dc-4589692ccd00.tmp</t>
  </si>
  <si>
    <t>01/15/2020 11:51:49</t>
  </si>
  <si>
    <t>01/15/2020 11:57:48</t>
  </si>
  <si>
    <t>01/15/2020 11:51:59</t>
  </si>
  <si>
    <t>01/15/2020 11:52:15</t>
  </si>
  <si>
    <t>01/15/2020 11:55:29</t>
  </si>
  <si>
    <t>cb7a05a8-b356-43ae-aab9-035aea075b6e.tmp</t>
  </si>
  <si>
    <t>\\acsfs\profiles$\adelvinsonle\Downloads\cb7a05a8-b356-43ae-aab9-035aea075b6e.tmp</t>
  </si>
  <si>
    <t>01/15/2020 11:53:45</t>
  </si>
  <si>
    <t>ec1c6eb4-fa04-4518-87f2-d102f83683fa.tmp</t>
  </si>
  <si>
    <t>\\acsfs\profiles$\THYAGOSP\Downloads\ec1c6eb4-fa04-4518-87f2-d102f83683fa.tmp</t>
  </si>
  <si>
    <t>01/15/2020 11:56:10</t>
  </si>
  <si>
    <t>f80fa07b-5298-4a1c-b46a-4e11e45ff0fe.tmp</t>
  </si>
  <si>
    <t>\\acsfs\profiles$\isabellegtds\Downloads\f80fa07b-5298-4a1c-b46a-4e11e45ff0fe.tmp</t>
  </si>
  <si>
    <t>01/15/2020 11:57:05</t>
  </si>
  <si>
    <t>01/15/2020 11:57:09</t>
  </si>
  <si>
    <t>01/15/2020 11:58:48</t>
  </si>
  <si>
    <t>01/15/2020 11:57:26</t>
  </si>
  <si>
    <t>0ccc24d5-ab86-4a1a-a5cc-105b052f729a.tmp</t>
  </si>
  <si>
    <t>\\acsfs\profiles$\henriquehmdo\Downloads\0ccc24d5-ab86-4a1a-a5cc-105b052f729a.tmp</t>
  </si>
  <si>
    <t>01/15/2020 11:55:18</t>
  </si>
  <si>
    <t>01/15/2020 11:59:49</t>
  </si>
  <si>
    <t>1146b9d8-d5a1-463e-bd60-462008d2f1cb.tmp</t>
  </si>
  <si>
    <t>\\acsfs\profiles$\KARENDSR\Downloads\1146b9d8-d5a1-463e-bd60-462008d2f1cb.tmp</t>
  </si>
  <si>
    <t>01/15/2020 11:54:45</t>
  </si>
  <si>
    <t>01/15/2020 11:54:49</t>
  </si>
  <si>
    <t>01/15/2020 11:54:52</t>
  </si>
  <si>
    <t>01/15/2020 11:54:58</t>
  </si>
  <si>
    <t>01/15/2020 11:55:02</t>
  </si>
  <si>
    <t>01/15/2020 11:55:35</t>
  </si>
  <si>
    <t>_x0002_�_x0019_�\]�$�e[�a_x0004_�mw���1_x0004_j4&gt;g��&gt;_x0008_����~�j�_x0012_�i_x001D_;"mozilla/5.0 (windows nt 6.1) applewebkit/537.36 (khtml;0] _x0018_�2_x0007_c-4e;0] �o� 99;0]ackages\tornado\platform\interface.py;0]l;0]ll;0]m1 ];1;124;125;13;13700014;13700109;13700167;13700185;13700451;13700883;13700946;13700951;13701078;13701207;13701214;13701239;13701262;13701298;13701418;13701422;13701430;13701450;13701486;13701506;13701510;13701537;13701573;13701577;13701609;13701625;13701653;13701657;13701693;13701693�;13701709;13701749;13701825;13701901;13701905;13701909;13701957;13701969;13702064;13702068;13702088;142961685;15;1578915882896000;1578915886959000;1578930052848000;1578930058554000;1578934278142;1578953843159;1578967086911;1578967387907;1579080918516;298;299;313;378;380;489;4repet0scaaaa4liaaaajmqf2kz44sg1npvhrp5ya-eah9mzpvg6kl9izriwjk97h6v_kcjh4sw2rf_itsulvo-3l6-wytsybqsmi4xv23fkeay8qmocdpcm6u6mkhgpg1ycp4mktrb_yi4ruhaswq2li4w3ybymavyxxvltnranpmk;5701393;80;[[13701418;[[13701573;[];[]]];adfn-ct7ciskssyu-68afh9xg7xv2c6f8dx_seofhsqerkx2bhpqslb3crfufkpjjmcd4mgj</t>
  </si>
  <si>
    <t>_x0002_�_x0019_�\]�$�e[�a_x0004_�mw���1_x0004_j4&gt;g��&gt;_x0008_����~�j�_x0012_�i_x001D_,"mozilla/5.0 (windows nt 6.1) applewebkit/537.36 (khtml,0] _x0018_�2_x0007_c-4e,0] �o� 99,0]ackages\tornado\platform\interface.py,0]l,0]ll,0]m1 ],1,124,125,13,13700014,13700109,13700167,13700185,13700451,13700883,13700946,13700951,13701078,13701207,13701214,13701239,13701262,13701298,13701418,13701422,13701430,13701450,13701486,13701506,13701510,13701537,13701573,13701577,13701609,13701625,13701653,13701657,13701693,13701693�,13701709,13701749,13701825,13701901,13701905,13701909,13701957,13701969,13702064,13702068,13702088,142961685,15,1578915882896000,1578915886959000,1578930052848000,1578930058554000,1578934278142,1578953843159,1578967086911,1578967387907,1579080918516,298,299,313,378,380,489,4repet0scaaaa4liaaaajmqf2kz44sg1npvhrp5ya-eah9mzpvg6kl9izriwjk97h6v_kcjh4sw2rf_itsulvo-3l6-wytsybqsmi4xv23fkeay8qmocdpcm6u6mkhgpg1ycp4mktrb_yi4ruhaswq2li4w3ybymavyxxvltnranpmk,5701393,80,[[13701418,[[13701573,[],[]]],adfn-ct7ciskssyu-68afh9xg7xv2c6f8dx_seofhsqerkx2bhpqslb3crfufkpjjmcd4mgj</t>
  </si>
  <si>
    <t>01/15/2020 11:55:39</t>
  </si>
  <si>
    <t>01/15/2020 11:55:44</t>
  </si>
  <si>
    <t>mail.google.com/sync/u/0/i/s?hl=pt-BR&amp;c=540</t>
  </si>
  <si>
    <t>01/15/2020 11:56:16</t>
  </si>
  <si>
    <t>mail.google.com/sync/u/0/i/s?hl=pt-BR&amp;c=542</t>
  </si>
  <si>
    <t>01/15/2020 11:56:21</t>
  </si>
  <si>
    <t>01/15/2020 11:56:28</t>
  </si>
  <si>
    <t>01/15/2020 11:56:35</t>
  </si>
  <si>
    <t>01/15/2020 11:58:38</t>
  </si>
  <si>
    <t>"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dfn-ct7ciskssyu-68afh9xg7xv2c6f8dx_seofhsqerkx2bhpqslb3crfufkpjjmcd4mgjscrt;alinedsdi@algartech.com;eivihpy39ubolmwn_tv0dulmvvvaumoqm1yahm2btwwn1gfxo0i2ldsyrmtc0s24p_ylydw7r0kcp9zrqof_2cpezk4wzkbkpilq4mn3otkryc5fpr7z99ozy3mof9eauhp4k7mjxgqntjdpj6mixvyvafv_bov-gzziu2j5ho4--ddnw7kowdlxcwbvz0las0obvsffchpclln_yajqcpna8e2yjkslqjfybdiqteq5kzpcwpzjvhpvnh2ju1pfk6eslnd8iygellc-jr1qpuvu0yf5-kyumycej8iu\";eivihpy39ubolmwn_tv0dulmvvvaumoqm1yahm2btwwn1gfxo0i2ldsyrmtc0s24p_ylydw7r0kcp9</t>
  </si>
  <si>
    <t>"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dfn-ct7ciskssyu-68afh9xg7xv2c6f8dx_seofhsqerkx2bhpqslb3crfufkpjjmcd4mgjscrt,alinedsdi@algartech.com,eivihpy39ubolmwn_tv0dulmvvvaumoqm1yahm2btwwn1gfxo0i2ldsyrmtc0s24p_ylydw7r0kcp9zrqof_2cpezk4wzkbkpilq4mn3otkryc5fpr7z99ozy3mof9eauhp4k7mjxgqntjdpj6mixvyvafv_bov-gzziu2j5ho4--ddnw7kowdlxcwbvz0las0obvsffchpclln_yajqcpna8e2yjkslqjfybdiqteq5kzpcwpzjvhpvnh2ju1pfk6eslnd8iygellc-jr1qpuvu0yf5-kyumycej8iu\",eivihpy39ubolmwn_tv0dulmvvvaumoqm1yahm2btwwn1gfxo0i2ldsyrmtc0s24p_ylydw7r0kcp9</t>
  </si>
  <si>
    <t>01/15/2020 11:58:42</t>
  </si>
  <si>
    <t>mail.google.com/sync/u/0/i/s?hl=pt-BR&amp;c=556</t>
  </si>
  <si>
    <t>01/15/2020 11:58:46</t>
  </si>
  <si>
    <t>01/15/2020 11:58:49</t>
  </si>
  <si>
    <t>01/15/2020 11:58:56</t>
  </si>
  <si>
    <t>01/15/2020 11:55:27</t>
  </si>
  <si>
    <t>mail.google.com/mail/u/0/jserror?script=https://mail.google.com/mail/u/0/#inbox&amp;error=class$obf_1009: [/sync/u/0/i/bv] me: unsupported http status: 503&amp;line=not available&amp;txz=p</t>
  </si>
  <si>
    <t>01/15/2020 11:55:57</t>
  </si>
  <si>
    <t>mail.google.com/mail/u/0/jserror?script=https://mail.google.com/mail/u/0/#inbox&amp;error=class$obf_1009: [/sync/u/0/el2] me: unsupported http status: 503&amp;line=not available&amp;txz=p</t>
  </si>
  <si>
    <t>01/15/2020 11:56:58</t>
  </si>
  <si>
    <t>01/15/2020 11:58:59</t>
  </si>
  <si>
    <t>01/15/2020 11:56:25</t>
  </si>
  <si>
    <t>01/15/2020 12:00:48</t>
  </si>
  <si>
    <t>d7ff94a5-75aa-46f0-81d5-eb01030f1cec.tmp</t>
  </si>
  <si>
    <t>\\acsfs\profiles$\esterasg\Downloads\d7ff94a5-75aa-46f0-81d5-eb01030f1cec.tmp</t>
  </si>
  <si>
    <t>01/15/2020 11:58:33</t>
  </si>
  <si>
    <t>01/15/2020 11:58:53</t>
  </si>
  <si>
    <t>01/15/2020 11:56:05</t>
  </si>
  <si>
    <t>01/15/2020 11:56:06</t>
  </si>
  <si>
    <t>01/15/2020 12:01:48</t>
  </si>
  <si>
    <t>01/15/2020 11:56:31</t>
  </si>
  <si>
    <t>01/15/2020 11:58:02</t>
  </si>
  <si>
    <t>01/15/2020 11:58:15</t>
  </si>
  <si>
    <t>01/15/2020 11:58:40</t>
  </si>
  <si>
    <t>01/15/2020 11:58:44</t>
  </si>
  <si>
    <t>01/15/2020 11:58:50</t>
  </si>
  <si>
    <t>01/15/2020 11:59:31</t>
  </si>
  <si>
    <t>01/15/2020 11:59:39</t>
  </si>
  <si>
    <t>65225300-101a-4950-b3c3-12db424f9755.tmp</t>
  </si>
  <si>
    <t>\\acsfs\profiles$\joselrb\Downloads\65225300-101a-4950-b3c3-12db424f9755.tmp</t>
  </si>
  <si>
    <t>01/15/2020 12:00:51</t>
  </si>
  <si>
    <t>a42c4f43-af21-4779-92ed-f10b040b0eea.tmp</t>
  </si>
  <si>
    <t>\\acsfs\profiles$\geovannasm\Downloads\a42c4f43-af21-4779-92ed-f10b040b0eea.tmp</t>
  </si>
  <si>
    <t>01/15/2020 11:59:52</t>
  </si>
  <si>
    <t>01/15/2020 12:02:48</t>
  </si>
  <si>
    <t>01/15/2020 12:00:05</t>
  </si>
  <si>
    <t>01/15/2020 12:00:07</t>
  </si>
  <si>
    <t>01/15/2020 11:59:59</t>
  </si>
  <si>
    <t>71f106cf-7100-4fe0-a560-411789507765.tmp</t>
  </si>
  <si>
    <t>\\acsfs\profiles$\victoriaksr\Downloads\71f106cf-7100-4fe0-a560-411789507765.tmp</t>
  </si>
  <si>
    <t>01/15/2020 11:59:00</t>
  </si>
  <si>
    <t>01/15/2020 12:04:48</t>
  </si>
  <si>
    <t>"mozilla/5.0 (windows nt 6.1) applewebkit/537.36 (khtml,0]:0}:0})�� 66,0]ackages\tornado\platform\interface.py,0]als,0]l,0]ll,1,13,13/01/2020,13700014,13700109,13700185,13700451,13700951,13701207,13701298,13701422,13701430,13701450,13701506,13701537,13701573,13701577,13701625,13701657,13701693,13701749,13701825,13701901,13701905,13701957,13701969,13702068,13702088,142961685,1578930052848000,1578930058554000,1578931268841,1578958659580,1578988003061,1578996732112,1578997334102,1579011617271,193,1ya5yrwelrso-yxib3ctz0mdjsqkh2uffmn2kfrmynlkfp2vhk5vxrjlyzc1nx1i8okgrxz4hh9fxnqqavexbjgszjfxng_3tikapcccza7s5nl0iiv528sipt3_n6smfvjyvnmz5gmbld86jsedcdqpnbowbtwaejdtwlwiwyazylw418myzkyijnlherxkuhkwiradlept6s2wwy3irlvxilsn2tmtreu5sjcyzesw5wrmka\",1ya5yrwelrso-yxib3ctz0mdjsqkh2uffmn2kfrmynlkfp2vhk5vxrjlyzc1nx1i8okgrxz4hh9fxnqqavexbjgszjfxng_3tikapcccza7s5nl0iiv528sipt3_n6smfvjyvnmz5gmbld86jsedcdqpnbowbtwaejdtwlwiwyazylw418myzkyijnlherxkuhkwirb8leptlasz0q5gsq45bqhdpg08al-wyi5qw80da9lewq\",1ya5yrwelrso-yxib3ctz0mdjsqkh2uffmn</t>
  </si>
  <si>
    <t>01/15/2020 11:59:11</t>
  </si>
  <si>
    <t>01/15/2020 11:59:34</t>
  </si>
  <si>
    <t>li;"[[];"languagecode":"pt-br";"mozilla/5.0 (windows nt 6.1) applewebkit/537.36 (khtml;"requesttype":"background_request";"scenariotype;"timezone":"-03:00";-nh5e6j8pm8_oiulf29weexdvni822bcs7bug\";0]0};0]385;0]:0}lt\sc;0]\\\\\\_x0012_�y &lt;l;0]als;0]l;0]ll;0]ribedchildren;0]t\��* py;1;103;106;120;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961685;1578930052848000;1578930058554000;1578930967785;1578954445213;1578960765991;1578961668980;1578965882926;1578988605113;1578993421153;1578993722150;1578994926132;1578996130121;1579000946294;1579028674002;1</t>
  </si>
  <si>
    <t>li,"[[],"languagecode":"pt-br","mozilla/5.0 (windows nt 6.1) applewebkit/537.36 (khtml,"requesttype":"background_request","scenariotype,"timezone":"-03:00",-nh5e6j8pm8_oiulf29weexdvni822bcs7bug\",0]0},0]385,0]:0}lt\sc,0]\\\\\\_x0012_�y &lt;l,0]als,0]l,0]ll,0]ribedchildren,0]t\��* py,1,103,106,120,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961685,1578930052848000,1578930058554000,1578930967785,1578954445213,1578960765991,1578961668980,1578965882926,1578988605113,1578993421153,1578993722150,1578994926132,1578996130121,1579000946294,1579028674002,1</t>
  </si>
  <si>
    <t>01/15/2020 11:59:38</t>
  </si>
  <si>
    <t>01/15/2020 11:59:55</t>
  </si>
  <si>
    <t>mail.google.com/sync/u/0/i/s?hl=pt-BR&amp;c=575</t>
  </si>
  <si>
    <t>01/15/2020 12:00:04</t>
  </si>
  <si>
    <t>01/15/2020 12:00:34</t>
  </si>
  <si>
    <t>01/15/2020 12:00:36</t>
  </si>
  <si>
    <t>01/15/2020 12:00:39</t>
  </si>
  <si>
    <t>"[[];"mozilla/5.0 (windows nt 6.1) applewebkit/537.36 (khtml;0;0];0] _x0018_�2_x0007_c-4e;0]:0};0]\\\\\\\_�o &lt;l;0]\\\\\\\��1 &lt;l;0]\\\\\\l|{ &lt;l;0]\\\\\\} � \\;0]\\��� &lt;l;0]ackages\tornado\platform\interface.py;0]als;0]ersion\&gt;\(ds��� 1.;0]l;0]ll;0]ribedchildren;1;107;121;13;135;135�_x0004_;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961685;147;151;1578930052848000;1578930058554000;1578942404414;1578946919315;1578952338029;1578959261631;1578961969976;1578966183923;1578970398365;1578974156685;1578975360790;1578978370554;1578987702036;1578991615377;1579004994697</t>
  </si>
  <si>
    <t>"[[],"mozilla/5.0 (windows nt 6.1) applewebkit/537.36 (khtml,0,0],0] _x0018_�2_x0007_c-4e,0]:0},0]\\\\\\\_�o &lt;l,0]\\\\\\\��1 &lt;l,0]\\\\\\l|{ &lt;l,0]\\\\\\} � \\,0]\\��� &lt;l,0]ackages\tornado\platform\interface.py,0]als,0]ersion\&gt;\(ds��� 1.,0]l,0]ll,0]ribedchildren,1,107,121,13,135,135�_x0004_,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961685,147,151,1578930052848000,1578930058554000,1578942404414,1578946919315,1578952338029,1578959261631,1578961969976,1578966183923,1578970398365,1578974156685,1578975360790,1578978370554,1578987702036,1578991615377,1579004994697</t>
  </si>
  <si>
    <t>01/15/2020 12:02:06</t>
  </si>
  <si>
    <t>01/15/2020 12:02:09</t>
  </si>
  <si>
    <t>http:///batch/drive/v2internal?%24ct=multipart%2Fmixed%3B%20boundary%3D%22%3D%3D%3D%3D%3Dl1doufml2twf%3D%3D%3D%3D%3D%22&amp;key=AIzaSyAy9VVXHSpS2IJpptzYtGbLP3-3_l0aBk4</t>
  </si>
  <si>
    <t>"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dfn-ct7ciskssyu-68afh9xg7xv2c6f8dx_seofhsqerkx2bhpqslb3crfufkpjjmcd4mgjscrt;alinedsdi@algartech.com;ancestorhasaugmentedpermissions;containsunsubscribedchildren;displayname;domain;eivihpy39ubolmwn_tv0dulmvvvaumoqm1yahm2btwwn1gfxo0i2ldsyrmtc0s24p_ylydw7r0kcp9zrqof_2cpezk4wzkbkpilq4mn3otkryc5fpr7z99ozy3mof9eauhp4k7mjxgqntjdpj6mixvyvafv_bov-gzziu2j5ho4--ddnw7kowdlxcwbvz0las0obvsffchpclln_yajqcpna8e2yjkslqjfybdiqteq5kzpcwpzjvhpvnh2ju1pfk6eslnd8iygellc-jr1qpuvu0yf5-kyumycej8iu\</t>
  </si>
  <si>
    <t>http://"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dfn-ct7ciskssyu-68afh9xg7xv2c6f8dx_seofhsqerkx2bhpqslb3crfufkpjjmcd4mgjscrt,alinedsdi@algartech.com,ancestorhasaugmentedpermissions,containsunsubscribedchildren,displayname,domain,eivihpy39ubolmwn_tv0dulmvvvaumoqm1yahm2btwwn1gfxo0i2ldsyrmtc0s24p_ylydw7r0kcp9zrqof_2cpezk4wzkbkpilq4mn3otkryc5fpr7z99ozy3mof9eauhp4k7mjxgqntjdpj6mixvyvafv_bov-gzziu2j5ho4--ddnw7kowdlxcwbvz0las0obvsffchpclln_yajqcpna8e2yjkslqjfybdiqteq5kzpcwpzjvhpvnh2ju1pfk6eslnd8iygellc-jr1qpuvu0yf5-kyumy</t>
  </si>
  <si>
    <t>01/15/2020 12:02:18</t>
  </si>
  <si>
    <t>http:///batch/drive/v2internal?%24ct=multipart%2Fmixed%3B%20boundary%3D%22%3D%3D%3D%3D%3Duhuckouocaf6%3D%3D%3D%3D%3D%22&amp;key=AIzaSyAy9VVXHSpS2IJpptzYtGbLP3-3_l0aBk4</t>
  </si>
  <si>
    <t>01/15/2020 12:01:00</t>
  </si>
  <si>
    <t>01/15/2020 12:03:01</t>
  </si>
  <si>
    <t>01/15/2020 12:02:19</t>
  </si>
  <si>
    <t>01/15/2020 12:02:20</t>
  </si>
  <si>
    <t>http:///batch/drive/v2internal?%24ct=multipart%2Fmixed%3B%20boundary%3D%22%3D%3D%3D%3D%3Dx3uyx0w2cvf2%3D%3D%3D%3D%3D%22&amp;key=AIzaSyAy9VVXHSpS2IJpptzYtGbLP3-3_l0aBk4</t>
  </si>
  <si>
    <t>"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dfn-ct7ciskssyu-68afh9xg7xv2c6f8dx_seofhsqerkx2bhpqslb3crfufkpjjmcd4mgjscrt;alinedsdi@algartech.com;ancestorhasaugmentedpermissions;containsunsubscribedchildren;dis;displayname;domain;eivihpy39ubolmwn_tv0dulmvvvaumoqm1yahm2btwwn1gfxo0i2ldsyrmtc0s24p_ylydw7r0kcp9zrqof_2cpezk4wzkbkpilq4mn3otkryc5fpr7z99ozy3mof9eauhp4k7mjxgqntjdpj6mixvyvafv_bov-gzziu2j5ho4--ddnw7kowdlxcwbvz0las0obvsffchpclln_yajqcpna8e2yjkslqjfybdiqteq5kzpcwpzjvhpvnh2ju1pfk6eslnd8iygellc-jr1qpuvu0yf5-kyumycej</t>
  </si>
  <si>
    <t>http://"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dfn-ct7ciskssyu-68afh9xg7xv2c6f8dx_seofhsqerkx2bhpqslb3crfufkpjjmcd4mgjscrt,alinedsdi@algartech.com,ancestorhasaugmentedpermissions,containsunsubscribedchildren,dis,displayname,domain,eivihpy39ubolmwn_tv0dulmvvvaumoqm1yahm2btwwn1gfxo0i2ldsyrmtc0s24p_ylydw7r0kcp9zrqof_2cpezk4wzkbkpilq4mn3otkryc5fpr7z99ozy3mof9eauhp4k7mjxgqntjdpj6mixvyvafv_bov-gzziu2j5ho4--ddnw7kowdlxcwbvz0las0obvsffchpclln_yajqcpna8e2yjkslqjfybdiqteq5kzpcwpzjvhpvnh2ju1pfk6eslnd8iygellc-jr1qpuvu0yf5-k</t>
  </si>
  <si>
    <t>01/15/2020 12:02:21</t>
  </si>
  <si>
    <t>"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ctionitems;adfn-ct7ciskssyu-68afh9xg7xv2c6f8dx_seofhsqerkx2bhpqslb3crfufkpjjmcd4mgjscrt;alinedsdi@algartech.com;ancestorhasaugmentedpermissions;canaddchildren;cancopy;candelete;candownload;canedit;canmoveitemoutofteamdrive;canmoveitemwithinteamdrive;canmoveteamdriveitem);canread;canreadteamdrive;canremovechildren;canrename;canshare;cantrash;cantrashchildren;canuntrash;capabilities(canmoveitemintoteamdrive;containsunsubscribedchildren;contentrestrictions(readonly);copyable;</t>
  </si>
  <si>
    <t>http://"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ctionitems,adfn-ct7ciskssyu-68afh9xg7xv2c6f8dx_seofhsqerkx2bhpqslb3crfufkpjjmcd4mgjscrt,alinedsdi@algartech.com,ancestorhasaugmentedpermissions,canaddchildren,cancopy,candelete,candownload,canedit,canmoveitemoutofteamdrive,canmoveitemwithinteamdrive,canmoveteamdriveitem),canread,canreadteamdrive,canremovechildren,canrename,canshare,cantrash,cantrashchildren,canuntrash,capabilities(canmoveitemintoteamdrive,containsunsubscribedchildren,contentrestrictions(readonly),co</t>
  </si>
  <si>
    <t>01/15/2020 12:02:22</t>
  </si>
  <si>
    <t>01/15/2020 12:02:23</t>
  </si>
  <si>
    <t>"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ctionitems;adfn-ct7ciskssyu-68afh9xg7xv2c6f8dx_seofhsqerkx2bhpqslb3crfufkpjjmcd4mgjscrt;alinedsdi@algartech.com;ancestorhasaugmentedpermissions;canaddchildren;cancopy;candelete;candownload;canedit;canmoveitemoutofteamdrive;canmoveitemwithinteamdrive;canmoveteamdriveitem);canread;canreadteamdrive;canremovechildren;canrename;canshare;cant;cantrash;cantrashchildren;canuntrash;capabilities(canmoveitemintoteamdrive;containsunsubscribedchildren;contentrestrictions(readonly);copy</t>
  </si>
  <si>
    <t>http://"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ctionitems,adfn-ct7ciskssyu-68afh9xg7xv2c6f8dx_seofhsqerkx2bhpqslb3crfufkpjjmcd4mgjscrt,alinedsdi@algartech.com,ancestorhasaugmentedpermissions,canaddchildren,cancopy,candelete,candownload,canedit,canmoveitemoutofteamdrive,canmoveitemwithinteamdrive,canmoveteamdriveitem),canread,canreadteamdrive,canremovechildren,canrename,canshare,cant,cantrash,cantrashchildren,canuntrash,capabilities(canmoveitemintoteamdrive,containsunsubscribedchildren,contentrestrictions(readonl</t>
  </si>
  <si>
    <t>01/15/2020 12:02:24</t>
  </si>
  <si>
    <t>01/15/2020 12:02:29</t>
  </si>
  <si>
    <t>http:///batch/drive/v2internal?%24ct=multipart%2Fmixed%3B%20boundary%3D%22%3D%3D%3D%3D%3D8wlivku3tl1d%3D%3D%3D%3D%3D%22&amp;key=AIzaSyAy9VVXHSpS2IJpptzYtGbLP3-3_l0aBk4</t>
  </si>
  <si>
    <t>"[[];"mozilla/5.0 (windows nt 6.1) applewebkit/537.36 (khtml;&amp;_x001A_&amp;y(�_�z_x0010_^txl4l�v|�qa0�2�k�țtxl4l��|�qa0�2��'�_x0015__x0016__x0013_ _x0013_;&amp;_x001A_&amp;y(�_���*;&amp;_x001A_&amp;z;&gt;@���h�i�.`��_x0001_��f�wn�jfj �p]�_x001A_;&amp;_x001A_&amp;zi~b_x0017_b���h�i(�_x0002_��a�e��o�*;0] _x0018_�2_x0007_c-4e;0]\\\\\\\��� &lt;l;0]\\\\\\�*� &lt;l;0]l;0]ribedchildren;0]thon-35.pyc;1;119;126;13;130841638;13700014;13700109;13700109�;13700167;13700185;13700235;13700451;13700563;13700607;13700951;13701078;13701207;13701235;13701239;13701276;13701298;13701422;13701430;13701450;13701506;13701534;13701537;13701573;13701577;13701589;13701609;13701625;13701657;13701693;13701693�;13701749;13701825;13701901;13701905;13701909;13701945]];13701953;13701957;13701969;13702068;13702088;138;142961685;153;155;1578930052848000;1578930058554000;1578958057528;1578965581932;1578967688903;1578971301444;1578975962847;1578976564592;1579001247369;1579030649468;1579086317952;1579100530082;1ya5yrwelrso-yxib3ctz0mdjsqkh2uffmn2kfrmynlkfp2vhk5vxrjlyzc1nx1i8okgrxz4hh9fxnqqavexbjgszjfxng_3tikapcccza7s5nl0iiv528sipt3_n6smfvjyvnmz5gmbld86jsedcdqpnbowbtwaejd</t>
  </si>
  <si>
    <t>http://"[[],"mozilla/5.0 (windows nt 6.1) applewebkit/537.36 (khtml,&amp;_x001A_&amp;y(�_���*,&amp;_x001A_&amp;y(�_�z_x0010_^txl4l�v|�qa0�2�k�țtxl4l��|�qa0�2��'�_x0015__x0016__x0013_ _x0013_,&amp;_x001A_&amp;z;&gt;@���h�i�.`��_x0001_��f�wn�jfj �p]�_x001A_,&amp;_x001A_&amp;zi~b_x0017_b���h�i(�_x0002_��a�e��o�*,0] _x0018_�2_x0007_c-4e,0]\\\\\\\��� &lt;l,0]\\\\\\�*� &lt;l,0]l,0]ribedchildren,0]thon-35.pyc,1,119,126,13,130841638,13700014,13700109,13700109�,13700167,13700185,13700235,13700451,13700563,13700607,13700951,13701078,13701207,13701235,13701239,13701276,13701298,13701422,13701430,13701450,13701506,13701534,13701537,13701573,13701577,13701589,13701609,13701625,13701657,13701693,13701693�,13701693�,13701749,13701825,13701901,13701905,13701909,13701945]],13701953,13701957,13701969,13702068,13702088,138,142961685,153,155,1578930052848000,1578930058554000,1578958057528,1578965581932,1578967688903,1578971301444,1578975962847,1578976564592,1579001247369,1579030649468,1579086317952,1579100530082,1ya5yrwelrso-yxib3ctz0mdjsqkh2uffmn2kfrmynlkfp2vhk5vxrjlyzc1nx1i8okgrxz4hh9fxnqqavexbjgszjfxng_3tikapcccza7s5nl0iiv528sipt3_n6smfvjyvnmz5gmbld86js</t>
  </si>
  <si>
    <t>01/15/2020 12:02:30</t>
  </si>
  <si>
    <t>http:///batch/drive/v2internal?%24ct=multipart%2Fmixed%3B%20boundary%3D%22%3D%3D%3D%3D%3Do1zezciopijl%3D%3D%3D%3D%3D%22&amp;key=AIzaSyAy9VVXHSpS2IJpptzYtGbLP3-3_l0aBk4</t>
  </si>
  <si>
    <t>01/15/2020 12:02:31</t>
  </si>
  <si>
    <t>01/15/2020 12:03:12</t>
  </si>
  <si>
    <t>"mozilla/5.0 (windows nt 6.1) applewebkit/537.36 (khtml;0;0.272;0.306;0.312;0.332;0.341;0.365;0.371;0.371];0.385;0.525;0.534];0.554;0.561;0.616];0.62];0.653];0.668;0.675];0.683];0.908];0.928;0.941];0.964];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ueiroz&lt;</t>
  </si>
  <si>
    <t>http://"mozilla/5.0 (windows nt 6.1) applewebkit/537.36 (khtml,0,0.272,0.306,0.312,0.332,0.341,0.365,0.371,0.371],0.385,0.525,0.534],0.554,0.561,0.616],0.62],0.653],0.668,0.675],0.683],0.908],0.928,0.941],0.964],00&lt;/td&gt;&lt;td style=\"border-top: none; border-left: none;\"&gt;incentivo - operaÇÃo bv financeira&lt;/td&gt;&lt;/tr&gt;&lt;tr style=\"height: 11.25pt;\"&gt;&lt;td height=\"15\" style=\"height: 11.25pt; border-top: none;\"&gt;100706&lt;/td&gt;&lt;td style=\"border-top: none; border-left: none;\"&gt;kamilla batista moraes&lt;/td&gt;&lt;td style=\"border-top: none; border-left: none;\"&gt;maristela vitoria oliveira de queiroz&lt;/td&gt;&lt;td style=\"border-top: none; border-left: none;\"&gt;r$ 40,00&lt;/td&gt;&lt;td style=\"border-top: none; border-left: none;\"&gt;incentivo - operaÇÃo bv financeira&lt;/td&gt;&lt;/tr&gt;&lt;tr style=\"height: 11.25pt;\"&gt;&lt;td height=\"15\" style=\"height: 11.25pt; border-top: none;\"&gt;100874&lt;/td&gt;&lt;td style=\"border-top: none; border-left: none;\"&gt;priscila ellen dos santos soares&lt;/td&gt;&lt;td style=\"border-top: none; border-left: none;\"&gt;maristela vitoria oliveira de q</t>
  </si>
  <si>
    <t>01/15/2020 12:01:53</t>
  </si>
  <si>
    <t>"[[];"[\"1578938069213\";"mozilla/5.0 (windows nt 6.1; win64; x64) applewebkit/537.36 (khtml;0\;0]0];0]l;0]�nk�c��m�(��k��hy���t緳�?�]�l�'���ʱ�k�3'&amp;_x0019_rq�l]y~x��y�`��_x0001_(=� �����-o��}_x001E_o� e_x0016_^ ~q��[j�t��_`�_x000E_��ö_x0001_;1;13;13700109;13700167;13700235;13700951;13701078;13701207;13701214;13701235;13701239;13701458;13701486;13701506;13701510;13701534;13701573;13701577;13701613;13701625;13701653;13701693;13701709;13701901;13701949;13701969;15;1578938074214;1578938589213;1578940723092000;1578940727411000;1578943136570;16;1\;25;285089911;4129063919656596672\;6929;7057;708385187;7332;7416;7433;7443;7462;7495;7500;7512;7567;7582;7634;7637;7];8200010;8202123;8202124;8202125;8202126;8202193;8202316;8202323;8202463;8202511;8202514;8202524;8202578;8202720];9;[1;[7591;[[13701450;[[null;[];[]];[]]"];[]]];[null;\"[[null;];adfn-cukavp_gzvgyovd4ezxa34ayzzyr-p2q7lkzwbbb3upbycht4niuwjbx-5yqdis7nlddfhi;false;false];fq2hjgod7i0d9g";gmail_fe_191205.12_p5\\\;iwagbqyq5_cmqlzbanwpacqolgbymbrky1hyw9wzwbrqebiph8iqz-_-nea8ajk3cl1u6dhazrweuy4acpn1lbx</t>
  </si>
  <si>
    <t>"[[],"[\"1578938069213\","mozilla/5.0 (windows nt 6.1; win64; x64) applewebkit/537.36 (khtml,0\,0]0],0]l,0]�nk�c��m�(��k��hy���t緳�?�]�l�'���ʱ�k�3'&amp;_x0019_rq�l]y~x��y�`��_x0001_(=� �����-o��}_x001E_o� e_x0016_^ ~q��[j�t��_`�_x000E_��ö_x0001_,1,13,13700109,13700167,13700235,13700951,13701078,13701207,13701214,13701235,13701239,13701458,13701486,13701506,13701510,13701534,13701573,13701577,13701613,13701625,13701653,13701693,13701709,13701901,13701949,13701969,15,1578938074214,1578938589213,1578940723092000,1578940727411000,1578943136570,16,1\,25,285089911,4129063919656596672\,6929,7057,708385187,7332,7416,7433,7443,7462,7495,7500,7512,7567,7582,7634,7637,7],8200010,8202123,8202124,8202125,8202126,8202193,8202316,8202323,8202463,8202511,8202514,8202524,8202578,8202720],9,[1,[7591,[[13701450,[[null,[],[]],[]]"],[]]],[null,\"[[null,],adfn-cukavp_gzvgyovd4ezxa34ayzzyr-p2q7lkzwbbb3upbycht4niuwjbx-5yqdis7nlddfhi,false,false],fq2hjgod7i0d9g",gmail_fe_191205.12_p5\\\,iwagbqyq5_cmqlzbanwpacqolgbymbrky1hyw9wzwbrqebiph8iqz-_-nea8ajk3cl1u6dhazrweuy4acpn1lbx</t>
  </si>
  <si>
    <t>01/15/2020 12:02:10</t>
  </si>
  <si>
    <t>01/15/2020 12:02:26</t>
  </si>
  <si>
    <t>01/15/2020 12:03:18</t>
  </si>
  <si>
    <t>01/15/2020 12:03:49</t>
  </si>
  <si>
    <t>01/15/2020 12:04:06</t>
  </si>
  <si>
    <t>01/15/2020 12:04:16</t>
  </si>
  <si>
    <t>01/15/2020 12:04:19</t>
  </si>
  <si>
    <t>01/15/2020 12:05:49</t>
  </si>
  <si>
    <t>01/15/2020 12:01:21</t>
  </si>
  <si>
    <t>01/15/2020 12:06:48</t>
  </si>
  <si>
    <t>01/15/2020 12:01:38</t>
  </si>
  <si>
    <t>01/15/2020 12:02:32</t>
  </si>
  <si>
    <t>01/15/2020 12:03:13</t>
  </si>
  <si>
    <t>01/15/2020 12:03:34</t>
  </si>
  <si>
    <t>01/15/2020 12:03:42</t>
  </si>
  <si>
    <t>mail.google.com/sync/u/0/i/s?hl=pt-BR&amp;c=696</t>
  </si>
  <si>
    <t>01/15/2020 12:05:16</t>
  </si>
  <si>
    <t>01/15/2020 12:05:29</t>
  </si>
  <si>
    <t>01/15/2020 12:05:33</t>
  </si>
  <si>
    <t>01/15/2020 12:03:17</t>
  </si>
  <si>
    <t>73e1916f-c146-4add-a06f-44d1d047f362.tmp</t>
  </si>
  <si>
    <t>\\acsfs\profiles$\joselrb\Downloads\73e1916f-c146-4add-a06f-44d1d047f362.tmp</t>
  </si>
  <si>
    <t>01/15/2020 12:05:19</t>
  </si>
  <si>
    <t>d15bda1d-ec5c-49e2-b99a-6e3bc3d4de5e.tmp</t>
  </si>
  <si>
    <t>\\acsfs\profiles$\joselrb\Downloads\d15bda1d-ec5c-49e2-b99a-6e3bc3d4de5e.tmp</t>
  </si>
  <si>
    <t>01/15/2020 12:05:39</t>
  </si>
  <si>
    <t>7e7f5a10-4214-44fe-9534-305cc76391de.tmp</t>
  </si>
  <si>
    <t>\\acsfs\profiles$\geovannasm\Downloads\7e7f5a10-4214-44fe-9534-305cc76391de.tmp</t>
  </si>
  <si>
    <t>01/15/2020 12:01:56</t>
  </si>
  <si>
    <t>01/15/2020 12:07:48</t>
  </si>
  <si>
    <t>01/15/2020 12:05:10</t>
  </si>
  <si>
    <t>01/15/2020 12:06:00</t>
  </si>
  <si>
    <t>01/15/2020 12:06:03</t>
  </si>
  <si>
    <t>01/15/2020 12:04:02</t>
  </si>
  <si>
    <t>95826b5e-1452-4d09-998e-799e8668d01c.tmp</t>
  </si>
  <si>
    <t>\\acsfs\profiles$\Angelicacldr\Downloads\95826b5e-1452-4d09-998e-799e8668d01c.tmp</t>
  </si>
  <si>
    <t>01/15/2020 12:04:32</t>
  </si>
  <si>
    <t>a3daf696-d86b-4014-a403-4ff4e4ba77a7.tmp</t>
  </si>
  <si>
    <t>\\acsfs\profiles$\Angelicacldr\Downloads\a3daf696-d86b-4014-a403-4ff4e4ba77a7.tmp</t>
  </si>
  <si>
    <t>01/15/2020 12:05:04</t>
  </si>
  <si>
    <t>bbc38f02-0e08-48bb-bb14-477bcd07449f.tmp</t>
  </si>
  <si>
    <t>\\acsfs\profiles$\ayalabfi\Downloads\bbc38f02-0e08-48bb-bb14-477bcd07449f.tmp</t>
  </si>
  <si>
    <t>01/15/2020 12:04:20</t>
  </si>
  <si>
    <t>01/15/2020 12:04:31</t>
  </si>
  <si>
    <t>01/15/2020 12:04:34</t>
  </si>
  <si>
    <t>01/15/2020 12:04:44</t>
  </si>
  <si>
    <t>01/15/2020 12:04:54</t>
  </si>
  <si>
    <t>7;fernandaab@algartech.com;larisacc@algartech.com;lilianls@algartech.com;marianerdo@algartech.com;suportebv@mutantbr.com;talmaiardo@algartech.com;tatiane.biassi@mutantbr.com;thiagordu@algartech.com;vitorgmp@algartech.com;</t>
  </si>
  <si>
    <t>7,fernandaab@algartech.com,larisacc@algartech.com,lilianls@algartech.com,marianerdo@algartech.com,suportebv@mutantbr.com,talmaiardo@algartech.com,tatiane.biassi@mutantbr.com,thiagordu@algartech.com,vitorgmp@algartech.com</t>
  </si>
  <si>
    <t>01/15/2020 12:04:56</t>
  </si>
  <si>
    <t>01/15/2020 12:02:57</t>
  </si>
  <si>
    <t>01/15/2020 12:08:49</t>
  </si>
  <si>
    <t>01/15/2020 12:05:02</t>
  </si>
  <si>
    <t>01/15/2020 12:09:48</t>
  </si>
  <si>
    <t>01/15/2020 12:06:02</t>
  </si>
  <si>
    <t>01/15/2020 12:07:03</t>
  </si>
  <si>
    <t>01/15/2020 12:09:04</t>
  </si>
  <si>
    <t>01/15/2020 12:05:23</t>
  </si>
  <si>
    <t>01/15/2020 12:05:27</t>
  </si>
  <si>
    <t>01/15/2020 12:05:36</t>
  </si>
  <si>
    <t>"[[],"mozilla/5.0 (windows nt 6.1) applewebkit/537.36 (khtml,&amp;_x001A_&amp;y(�_���*,&amp;_x001A_&amp;y(�_�z_x0010_^txl4l�v|�qa0�2�k�țtxl4l��|�qa0�2��'�_x0015__x0016__x0013_ _x0013_,&amp;_x001A_&amp;z;&gt;@���h�i�.`��_x0001_��f�wn�jfj �p]�_x001A_,&amp;_x001A_&amp;zi~b_x0017_b���h�i(�_x0002_��a�e��o�*,0] _x0018_�2_x0007_c-4e,0]\\\\\\\��� &lt;l,0]\\\\\\�*� &lt;l,0]l,0]ribedchildren,0]thon-35.pyc,1,119,126,13,130841638,13700014,13700109,13700109�,13700167,13700185,13700235,13700451,13700563,13700607,13700951,13701078,13701207,13701235,13701239,13701276,13701298,13701422,13701430,13701450,13701506,13701534,13701537,13701573,13701577,13701589,13701609,13701625,13701657,13701693,13701693�,13701693�,13701749,13701825,13701901,13701905,13701909,13701945]],13701953,13701957,13701969,13702068,13702088,138,142961685,153,155,1578930052848000,1578930058554000,1578958057528,1578965581932,1578967688903,1578971301444,1578975962847,1578976564592,1579001247369,1579030649468,1579086317952,1579100530082,1ya5yrwelrso-yxib3ctz0mdjsqkh2uffmn2kfrmynlkfp2vhk5vxrjlyzc1nx1i8okgrxz4hh9fxnqqavexbjgszjfxng_3tikapcccza7s5nl0iiv528sipt3_n6smfvjyvnmz5gmbld86jsedcdqpn</t>
  </si>
  <si>
    <t>01/15/2020 12:05:59</t>
  </si>
  <si>
    <t>01/15/2020 12:06:27</t>
  </si>
  <si>
    <t>"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ctionitems,adfn-ct7ciskssyu-68afh9xg7xv2c6f8dx_seofhsqerkx2bhpqslb3crfufkpjjmcd4mgjscrt,alinedsdi@algartech.com,ancestorhasaugmentedpermissions,canaddchildren,cancopy,candelete,candownload,canedit,canmoveitemoutofteamdrive,canmoveitemwithinteamdrive,canmoveteamdriveitem),canread,canreadteamdrive,canremovechildren,canrename,canshare,cant,cantrash,cantrashchildren,canuntrash,capabilities(canmoveitemintoteamdrive,containsunsubscribedchildren,contentrestrictions(readonly),copy</t>
  </si>
  <si>
    <t>01/15/2020 12:04:39</t>
  </si>
  <si>
    <t>01/15/2020 12:06:35</t>
  </si>
  <si>
    <t>01/15/2020 12:04:46</t>
  </si>
  <si>
    <t>01/15/2020 12:06:43</t>
  </si>
  <si>
    <t>01/15/2020 12:05:12</t>
  </si>
  <si>
    <t>01/15/2020 12:05:17</t>
  </si>
  <si>
    <t>01/15/2020 12:07:18</t>
  </si>
  <si>
    <t>01/15/2020 12:05:25</t>
  </si>
  <si>
    <t>01/15/2020 12:07:27</t>
  </si>
  <si>
    <t>01/15/2020 12:07:33</t>
  </si>
  <si>
    <t>01/15/2020 12:05:34</t>
  </si>
  <si>
    <t>01/15/2020 12:07:47</t>
  </si>
  <si>
    <t>_x0003_���_x001C_x�*x_x0006_��e`y_x000E_;"[[];"mozilla/5.0 (windows nt 6.1) applewebkit/537.36 (khtml;0;0];0]";0]22] �_x0003_�_x0006_(�?_x0007_�=�_x0006_9995;0]];0]l;0]ll;0]ribedchildren;0]}ls;1;1253;13;130841638;13700014;13700109;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539161\;1578915882896000;1578915886959000;1578923371630\;1578930052848000;1578930058554000;1578930666787;1578940598260;1579002887516;1579004392649;1579014326512;1579030649468;1579037922075\;1579037922677\;1579037932305;1579100829204;17;1]]";1ya5yrwelrso-yxib3ctz0mdjsqkh2uffmn2kfrmy</t>
  </si>
  <si>
    <t>_x0003_���_x001C_x�*x_x0006_��e`y_x000E_,"[[],"mozilla/5.0 (windows nt 6.1) applewebkit/537.36 (khtml,0,0],0]",0]22] �_x0003_�_x0006_(�?_x0007_�=�_x0006_9995,0]],0]l,0]ll,0]ribedchildren,0]}ls,1,1253,13,130841638,13700014,13700109,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539161\,1578915882896000,1578915886959000,1578923371630\,1578930052848000,1578930058554000,1578930666787,1578940598260,1579002887516,1579004392649,1579014326512,1579030649468,1579037922075\,1579037922677\,1579037932305,1579100829204,17,1]]",1ya5yrwelrso-yxib3ctz0mdjsqkh2uffmn2kfrmy</t>
  </si>
  <si>
    <t>01/15/2020 12:08:03</t>
  </si>
  <si>
    <t>01/15/2020 12:08:23</t>
  </si>
  <si>
    <t>mail.google.com/sync/u/0/i/s?hl=pt-BR&amp;c=636</t>
  </si>
  <si>
    <t>"[[],"mozilla/5.0 (windows nt 6.1) applewebkit/537.36 (khtml,0]gc606,0]ll,0]ribedchildren,1,13,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30052848000,1578930058554000,1578932171927,1578941200313,1578941501336,1579030649468,347,38,39,5701393,8,8202193],8202316,936,["mozilla/5.0 (windows nt 6.1) applewebkit/537.36 (khtml,["pt-br"]]]&amp;token=ac4w5vhljczanhxnqi1woyx0avs9x8dipw:1578930052842&amp;buildlabel=drive.web-frontend_20200101.00_p4]]",[8202524,[[13701418,[],[]]"],[]]],[null,adfn-ct7ciskssyu-68afh9xg7xv2c6f8dx_seofhsqerkx2bhpqslb3crfufkpjjmcd4mgjscrt,ancestorhasaugmentedpermissions,andrelpsa@algartech.com,atuima2v-l-r4mlrttnejldjmmcmtjqqdb_eo8phe2_wqj_y1ojumr1iabvw2ppblwocree42tuodgonxc9zyh_d_x</t>
  </si>
  <si>
    <t>01/15/2020 12:08:56</t>
  </si>
  <si>
    <t>01/15/2020 12:08:57</t>
  </si>
  <si>
    <t>01/15/2020 12:09:01</t>
  </si>
  <si>
    <t>01/15/2020 12:06:36</t>
  </si>
  <si>
    <t>01/15/2020 12:10:49</t>
  </si>
  <si>
    <t>LEONARDO COSTA BARROS_1_6777501798110408718_1_32.wav</t>
  </si>
  <si>
    <t>\\acsfs\Deptos\EDUCACAO EMPRESARIAL\FERNANDA MONIT\Fernanda\MONITORIA JANEIRO\Ligação para MUTANT segundo ciclo janeiro\LEONARDO COSTA BARROS_1_6777501798110408718_1_32.wav</t>
  </si>
  <si>
    <t>01/15/2020 12:11:48</t>
  </si>
  <si>
    <t>01/15/2020 12:06:07</t>
  </si>
  <si>
    <t>01/15/2020 12:06:13</t>
  </si>
  <si>
    <t>01/15/2020 12:06:25</t>
  </si>
  <si>
    <t>01/15/2020 12:06:26</t>
  </si>
  <si>
    <t>01/15/2020 12:06:58</t>
  </si>
  <si>
    <t>01/15/2020 12:07:16</t>
  </si>
  <si>
    <t>01/15/2020 12:08:22</t>
  </si>
  <si>
    <t>01/15/2020 12:08:31</t>
  </si>
  <si>
    <t>01/15/2020 12:09:12</t>
  </si>
  <si>
    <t>01/15/2020 12:09:14</t>
  </si>
  <si>
    <t>01/15/2020 12:08:19</t>
  </si>
  <si>
    <t>01/15/2020 12:13:48</t>
  </si>
  <si>
    <t>01/15/2020 12:08:20</t>
  </si>
  <si>
    <t>34-E6-D7-FC-BF-59</t>
  </si>
  <si>
    <t>VOTORANT-MB014</t>
  </si>
  <si>
    <t>\\acsfs\profiles$\esterasg\Contacts\</t>
  </si>
  <si>
    <t>ESTER APARECIDA SILVA GOULART (2055).contact</t>
  </si>
  <si>
    <t>\\acsfs\profiles$\esterasg\Contacts\ESTER APARECIDA SILVA GOULART (2055).contact</t>
  </si>
  <si>
    <t>01/15/2020 12:08:33</t>
  </si>
  <si>
    <t>\\acsfs\profiles$\esterasg\My Documents\My Videos\</t>
  </si>
  <si>
    <t>\\acsfs\profiles$\esterasg\My Documents\My Videos\desktop.ini</t>
  </si>
  <si>
    <t>\\acsfs\profiles$\esterasg\My Documents\My Pictures\</t>
  </si>
  <si>
    <t>\\acsfs\profiles$\esterasg\My Documents\My Pictures\desktop.ini</t>
  </si>
  <si>
    <t>01/15/2020 12:08:34</t>
  </si>
  <si>
    <t>\\acsfs\profiles$\esterasg\Contacts\desktop.ini</t>
  </si>
  <si>
    <t>\\acsfs\profiles$\esterasg\Favorites\</t>
  </si>
  <si>
    <t>\\acsfs\profiles$\esterasg\Favorites\desktop.ini</t>
  </si>
  <si>
    <t>01/15/2020 12:08:35</t>
  </si>
  <si>
    <t>\\acsfs\profiles$\esterasg\My Documents\My Music\</t>
  </si>
  <si>
    <t>\\acsfs\profiles$\esterasg\My Documents\My Music\desktop.ini</t>
  </si>
  <si>
    <t>01/15/2020 12:08:36</t>
  </si>
  <si>
    <t>\\acsfs\profiles$\esterasg\Searches\</t>
  </si>
  <si>
    <t>\\acsfs\profiles$\esterasg\Searches\desktop.ini</t>
  </si>
  <si>
    <t>\\acsfs\profiles$\esterasg\Downloads\desktop.ini</t>
  </si>
  <si>
    <t>01/15/2020 12:08:37</t>
  </si>
  <si>
    <t>\\acsfs\profiles$\esterasg\My Documents\</t>
  </si>
  <si>
    <t>\\acsfs\profiles$\esterasg\My Documents\desktop.ini</t>
  </si>
  <si>
    <t>01/15/2020 12:08:38</t>
  </si>
  <si>
    <t>\\acsfs\profiles$\esterasg\Saved Games\</t>
  </si>
  <si>
    <t>\\acsfs\profiles$\esterasg\Saved Games\desktop.ini</t>
  </si>
  <si>
    <t>\\acsfs\profiles$\esterasg\Favorites\Links for Brasil\</t>
  </si>
  <si>
    <t>\\acsfs\profiles$\esterasg\Favorites\Links for Brasil\desktop.ini</t>
  </si>
  <si>
    <t>\\acsfs\profiles$\esterasg\Favorites\Links for Brasil\Microsoft Brasil.url</t>
  </si>
  <si>
    <t>01/15/2020 12:08:50</t>
  </si>
  <si>
    <t>\\acsfs\profiles$\esterasg\Favorites\Links for Brasil\Windows Brasil.url</t>
  </si>
  <si>
    <t>\\acsfs\profiles$\esterasg\Favorites\Links for Brasil\MSN Brasil.url</t>
  </si>
  <si>
    <t>01/15/2020 12:11:07</t>
  </si>
  <si>
    <t>59a92d37-bf1b-4309-b492-bf7f660972f4.tmp</t>
  </si>
  <si>
    <t>\\acsfs\profiles$\esterasg\Downloads\59a92d37-bf1b-4309-b492-bf7f660972f4.tmp</t>
  </si>
  <si>
    <t>01/15/2020 12:11:56</t>
  </si>
  <si>
    <t>2a054546-f682-4822-817e-bf8f69277cd7.tmp</t>
  </si>
  <si>
    <t>\\acsfs\profiles$\esterasg\Downloads\2a054546-f682-4822-817e-bf8f69277cd7.tmp</t>
  </si>
  <si>
    <t>01/15/2020 12:08:27</t>
  </si>
  <si>
    <t>01/15/2020 12:08:58</t>
  </si>
  <si>
    <t>01/15/2020 12:09:03</t>
  </si>
  <si>
    <t>01/15/2020 12:09:21</t>
  </si>
  <si>
    <t>01/15/2020 12:09:34</t>
  </si>
  <si>
    <t>01/15/2020 12:09:41</t>
  </si>
  <si>
    <t>01/15/2020 12:09:44</t>
  </si>
  <si>
    <t>01/15/2020 12:12:05</t>
  </si>
  <si>
    <t>01/15/2020 12:14:48</t>
  </si>
  <si>
    <t>01/15/2020 12:12:07</t>
  </si>
  <si>
    <t>01/15/2020 12:12:24</t>
  </si>
  <si>
    <t>\\acsfs\profiles$\NATALIACSL\Novo Documento de Texto.txt</t>
  </si>
  <si>
    <t>01/15/2020 12:12:26</t>
  </si>
  <si>
    <t>01/15/2020 12:12:29</t>
  </si>
  <si>
    <t>01/15/2020 12:12:31</t>
  </si>
  <si>
    <t>01/15/2020 12:12:32</t>
  </si>
  <si>
    <t>01/15/2020 12:09:39</t>
  </si>
  <si>
    <t>"10":{"1":"cawqabgbigjwdcgaoaa";"10":{"1":394;"12":"157909972127125f4fbc9faa17ea0";"13":"pt-br";"14":"br";"14":"pt"};"14":"pt-br"};"17":{"1":["1579099743556";"2":"-03:00";"2":"1579100090343"};"2":"1579100090344"};"2":{"1":3;"2":{"1":394}};"21":"";"25":{"1":"1579099721271";"26":{"2":[{"1":{"1":"xdocx";"27":[{"1":{"1":"134";"3":"rai carlos duarte frias";"3":{"2":"1579100091057"}};"30":0}/rs=ahpooo-i9r7ibctuqfj0v-fphrkrs8aihq/cb=gapi.loaded_0";"4":"pr_10_0"}];"4":"pr_9_0"};"4":{"1":{"1":[{"1":"gdoc"}]}};"5":"msg-a:r1530722314700003390";"7":"cakqabgbigvwdc1cuigaoaa"};"7":"caoqabgbigjwdcgaoaa"};"8":{"2":1};"mozilla/5.0 (windows nt 6.1) applewebkit/537.36 (khtml;0;0];0] �_x0003_�_x0006_(�?_x0007_�=�_x0006_9995;0]4003ll;0]als;0]l;0]mt �o� 99;0]�o� _x0001_;1;12;13;137;13700014;13700109�;13700185;13700451;13700607;13700883;13700946;13700951;13700982;13701207;13701235;13701276;13701298;13701422;13701450;13701506;13701510;13701534;13701537;13701573;13701577;13701589;13701625;13701653;13701657;13701749;13701825;13701901;13701905;13701949;13701957;137</t>
  </si>
  <si>
    <t>"10":{"1":"cawqabgbigjwdcgaoaa","10":{"1":394,"12":"157909972127125f4fbc9faa17ea0","13":"pt-br","14":"br","14":"pt"},"14":"pt-br"},"17":{"1":["1579099743556","2":"-03:00","2":"1579100090343"},"2":"1579100090344"},"2":{"1":3,"2":{"1":394}},"21":"","25":{"1":"1579099721271","26":{"2":[{"1":{"1":"xdocx","27":[{"1":{"1":"134","3":"rai carlos duarte frias","3":{"2":"1579100091057"}},"30":0}/rs=ahpooo-i9r7ibctuqfj0v-fphrkrs8aihq/cb=gapi.loaded_0","4":"pr_10_0"}],"4":"pr_9_0"},"4":{"1":{"1":[{"1":"gdoc"}]}},"5":"msg-a:r1530722314700003390","7":"cakqabgbigvwdc1cuigaoaa"},"7":"caoqabgbigjwdcgaoaa"},"8":{"2":1},"mozilla/5.0 (windows nt 6.1) applewebkit/537.36 (khtml,0,0],0] �_x0003_�_x0006_(�?_x0007_�=�_x0006_9995,0]4003ll,0]als,0]l,0]mt �o� 99,0]�o� _x0001_,1,12,13,137,13700014,13700109�,13700185,13700451,13700607,13700883,13700946,13700951,13700982,13701207,13701235,13701276,13701298,13701422,13701450,13701506,13701510,13701534,13701537,13701573,13701577,13701589,13701625,13701653,13701657,13701749,13701825,13701901,13701905,13701949,13701957,137</t>
  </si>
  <si>
    <t>01/15/2020 12:09:45</t>
  </si>
  <si>
    <t>01/15/2020 12:09:53</t>
  </si>
  <si>
    <t>01/15/2020 12:10:10</t>
  </si>
  <si>
    <t>01/15/2020 12:10:25</t>
  </si>
  <si>
    <t>01/15/2020 12:10:29</t>
  </si>
  <si>
    <t>01/15/2020 12:10:33</t>
  </si>
  <si>
    <t>_x0012_�_x0016_��i�ue��pbԟ��_x0002_��tb_x0012_�_x0012_�¨�8��� �j��_x0013_��j� �_x0014_Ԍ�*!* ʈn�!*�*�q�2б'_x001A_w��Ԓ�$b;"mozilla/5.0 (windows nt 6.1) applewebkit/537.36 (khtml;0];0]";0]];1;1253;13;13700014;13700109;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9;13701953;13701957;13701969;13702064;13702068;13702087;13702088;1578915539161\;1578923371630\;1578930052848000;1578930058554000;1579037922075\;1579037922677\;1579037932305;1579098617448000;1579098618250000;17;1]]";5701393;82;[1;[4;[[13701418;[[4;[[null;[];[]]];[false;adfn-cs8f992cwemhbsbjpo7xkusakajyzgpkmu6nepe02v8izr4ztwrevntfa21yo6jjwsgkhkk;adfn-ct7ciskssyu-68afh9xg7xv2c6f8dx_seofhsqerkx2bhpqslb3crfufkpjjmcd4mgjscrt;</t>
  </si>
  <si>
    <t>_x0012_�_x0016_��i�ue��pbԟ��_x0002_��tb_x0012_�_x0012_�¨�8��� �j��_x0013_��j� �_x0014_Ԍ�*!* ʈn�!*�*�q�2б'_x001A_w��Ԓ�$b,"mozilla/5.0 (windows nt 6.1) applewebkit/537.36 (khtml,0],0]",0]],1,1253,13,13700014,13700109,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9,13701953,13701957,13701969,13702064,13702068,13702087,13702088,1578915539161\,1578923371630\,1578930052848000,1578930058554000,1579037922075\,1579037922677\,1579037932305,1579098617448000,1579098618250000,17,1]]",5701393,82,[1,[4,[[13701418,[[4,[[null,[],[]]],[false,adfn-cs8f992cwemhbsbjpo7xkusakajyzgpkmu6nepe02v8izr4ztwrevntfa21yo6jjwsgkhkk,adfn-ct7ciskssyu-68afh9xg7xv2c6f8dx_seofhsqerkx2bhpqslb3crfufkpjjmcd4mgjscrt,</t>
  </si>
  <si>
    <t>01/15/2020 12:11:21</t>
  </si>
  <si>
    <t>01/15/2020 12:11:25</t>
  </si>
  <si>
    <t>mail.google.com/sync/u/0/i/s?hl=pt-BR&amp;c=675</t>
  </si>
  <si>
    <t>01/15/2020 12:11:49</t>
  </si>
  <si>
    <t>01/15/2020 12:12:10</t>
  </si>
  <si>
    <t>01/15/2020 12:12:47</t>
  </si>
  <si>
    <t>01/15/2020 12:12:51</t>
  </si>
  <si>
    <t>01/15/2020 12:13:01</t>
  </si>
  <si>
    <t>01/15/2020 12:13:34</t>
  </si>
  <si>
    <t>01/15/2020 12:14:22</t>
  </si>
  <si>
    <t>01/15/2020 12:14:25</t>
  </si>
  <si>
    <t>01/15/2020 12:11:18</t>
  </si>
  <si>
    <t>01/15/2020 12:15:48</t>
  </si>
  <si>
    <t>01/15/2020 12:11:45</t>
  </si>
  <si>
    <t>01/15/2020 12:13:17</t>
  </si>
  <si>
    <t>01/15/2020 12:13:22</t>
  </si>
  <si>
    <t>01/15/2020 12:13:27</t>
  </si>
  <si>
    <t>01/15/2020 12:13:55</t>
  </si>
  <si>
    <t>01/15/2020 12:14:10</t>
  </si>
  <si>
    <t>01/15/2020 12:14:30</t>
  </si>
  <si>
    <t>01/15/2020 12:14:37</t>
  </si>
  <si>
    <t>01/15/2020 12:15:14</t>
  </si>
  <si>
    <t>01/15/2020 12:11:03</t>
  </si>
  <si>
    <t>01/15/2020 12:11:53</t>
  </si>
  <si>
    <t>01/15/2020 12:16:48</t>
  </si>
  <si>
    <t>01/15/2020 12:12:19</t>
  </si>
  <si>
    <t>01/15/2020 12:12:28</t>
  </si>
  <si>
    <t>mail.google.com/sync/u/0/i/s?hl=pt-BR&amp;c=745</t>
  </si>
  <si>
    <t>01/15/2020 12:12:35</t>
  </si>
  <si>
    <t>01/15/2020 12:12:46</t>
  </si>
  <si>
    <t>01/15/2020 12:12:58</t>
  </si>
  <si>
    <t>01/15/2020 12:14:40</t>
  </si>
  <si>
    <t>01/15/2020 12:14:54</t>
  </si>
  <si>
    <t>mail.google.com/sync/u/0/i/s?hl=pt-BR&amp;c=764</t>
  </si>
  <si>
    <t>01/15/2020 12:15:12</t>
  </si>
  <si>
    <t>mail.google.com/sync/u/0/i/s?hl=pt-BR&amp;c=766</t>
  </si>
  <si>
    <t>01/15/2020 12:15:33</t>
  </si>
  <si>
    <t>01/15/2020 12:15:50</t>
  </si>
  <si>
    <t>01/15/2020 12:17:48</t>
  </si>
  <si>
    <t>Não confirmado 104775.crdownload</t>
  </si>
  <si>
    <t>\\acsfs\Deptos\Operacao\Banco_Votorantim\Supervisao\Maristela\CRBV vendas\Desligamento\Não confirmado 104775.crdownload</t>
  </si>
  <si>
    <t>01/15/2020 12:13:45</t>
  </si>
  <si>
    <t>8d5b5878-0ff5-4d2a-87dd-786787678bd2.tmp</t>
  </si>
  <si>
    <t>\\acsfs\profiles$\ayalabfi\Downloads\8d5b5878-0ff5-4d2a-87dd-786787678bd2.tmp</t>
  </si>
  <si>
    <t>01/15/2020 12:15:25</t>
  </si>
  <si>
    <t>Não confirmado 596521.crdownload</t>
  </si>
  <si>
    <t>\\acsfs\Deptos\Operacao\Banco_Votorantim\Supervisao\Maristela\CRBV vendas\Desligamento\Não confirmado 596521.crdownload</t>
  </si>
  <si>
    <t>01/15/2020 12:15:51</t>
  </si>
  <si>
    <t>01/15/2020 12:18:49</t>
  </si>
  <si>
    <t>815cffc7-9191-4d06-8720-5d59ce2343f3.tmp</t>
  </si>
  <si>
    <t>\\acsfs\profiles$\gabrielsma\Downloads\815cffc7-9191-4d06-8720-5d59ce2343f3.tmp</t>
  </si>
  <si>
    <t>\\acsfs\profiles$\gabrielsma\Downloads\815cffc7-9191-4d06-8720-5d59ce2343f3.tmp\</t>
  </si>
  <si>
    <t>01/15/2020 12:14:53</t>
  </si>
  <si>
    <t>01/15/2020 12:19:48</t>
  </si>
  <si>
    <t>01/15/2020 12:14:35</t>
  </si>
  <si>
    <t>01/15/2020 12:20:49</t>
  </si>
  <si>
    <t>"[[],"mozilla/5.0 (windows nt 6.1) applewebkit/537.36 (khtml,0,0.371,0.371],0.668,0.9718172983479106],0],0] = \\,0] _x0018_�2_x0007_c-4e,0]10r,0]62],0]8,0]\\\\\\\�x� &lt;l,0]l,0]ll,0]ribedchildren,0]thon-35.pyc,0]� \\,1,100.42000000248663,1006.8650000030175,106.97500000242144,108,112.31999998562969,1123.3250000223052,1125.6949999951757,1126.459999999497,1127.005000016652,119.82000002171844,11c5m9ycfufsc7krihjn5d9wg8jcyqlqk,12.854],122.2049999923911,1237.7350000024308,1238.710000005085,127,1295.4500000050757,13,13.58,134.57500000367872,135.4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t>
  </si>
  <si>
    <t>01/15/2020 12:19:52</t>
  </si>
  <si>
    <t>01/15/2020 12:21:48</t>
  </si>
  <si>
    <t>e1065c9d-4f51-4d92-8788-8d5b1032a027.tmp</t>
  </si>
  <si>
    <t>\\acsfs\profiles$\gabriellalpr\Downloads\e1065c9d-4f51-4d92-8788-8d5b1032a027.tmp</t>
  </si>
  <si>
    <t>01/15/2020 12:16:17</t>
  </si>
  <si>
    <t>01/15/2020 12:16:24</t>
  </si>
  <si>
    <t>01/15/2020 12:19:32</t>
  </si>
  <si>
    <t>01/15/2020 12:19:41</t>
  </si>
  <si>
    <t>mail.google.com/sync/u/0/i/s?hl=pt-BR&amp;c=784</t>
  </si>
  <si>
    <t>01/15/2020 12:19:45</t>
  </si>
  <si>
    <t>mail.google.com/sync/u/0/i/s?hl=pt-BR&amp;c=786</t>
  </si>
  <si>
    <t>01/15/2020 12:20:09</t>
  </si>
  <si>
    <t>01/15/2020 12:20:30</t>
  </si>
  <si>
    <t>01/15/2020 12:17:19</t>
  </si>
  <si>
    <t>mail.google.com/sync/u/0/i/s?hl=pt-BR&amp;c=1163</t>
  </si>
  <si>
    <t>01/15/2020 12:17:22</t>
  </si>
  <si>
    <t>mail.google.com/sync/u/0/i/s?hl=pt-BR&amp;c=1165</t>
  </si>
  <si>
    <t>01/15/2020 12:18:39</t>
  </si>
  <si>
    <t>01/15/2020 12:18:58</t>
  </si>
  <si>
    <t>mail.google.com/sync/u/0/i/s?hl=pt-BR&amp;c=1172</t>
  </si>
  <si>
    <t>01/15/2020 12:20:02</t>
  </si>
  <si>
    <t>01/15/2020 12:22:49</t>
  </si>
  <si>
    <t>Advertência - Planilha Zerada.doc</t>
  </si>
  <si>
    <t>\\acsfs\Deptos\Operacao\Banco_Votorantim\Supervisao\Maristela\CRBV vendas\Desligamento\Advertência - Planilha Zerada.doc</t>
  </si>
  <si>
    <t>01/15/2020 12:23:42</t>
  </si>
  <si>
    <t>01/15/2020 12:24:49</t>
  </si>
  <si>
    <t>lu103321fz63j.tmp</t>
  </si>
  <si>
    <t>\\acsfs\profiles$\BRUNAAR\Numero\lu103321fz63j.tmp</t>
  </si>
  <si>
    <t>01/15/2020 12:24:12</t>
  </si>
  <si>
    <t>XLOG_marcosvnds_15012020_105555.log</t>
  </si>
  <si>
    <t>\\acsfs\profiles$\marcosvnds\My Documents\xworkcenter\logs\XLOG_marcosvnds_15012020_105555.log</t>
  </si>
  <si>
    <t>01/15/2020 12:25:21</t>
  </si>
  <si>
    <t>01/15/2020 12:25:48</t>
  </si>
  <si>
    <t>01/15/2020 12:22:59</t>
  </si>
  <si>
    <t>01/15/2020 12:26:49</t>
  </si>
  <si>
    <t>01/15/2020 12:23:11</t>
  </si>
  <si>
    <t>01/15/2020 12:24:23</t>
  </si>
  <si>
    <t>01/15/2020 12:24:31</t>
  </si>
  <si>
    <t>01/15/2020 12:25:05</t>
  </si>
  <si>
    <t>mail.google.com/sync/u/0/i/s?hl=pt-BR&amp;c=808</t>
  </si>
  <si>
    <t>01/15/2020 12:25:18</t>
  </si>
  <si>
    <t>01/15/2020 12:25:36</t>
  </si>
  <si>
    <t>mail.google.com/sync/u/0/i/s?hl=pt-BR&amp;c=813</t>
  </si>
  <si>
    <t>01/15/2020 12:25:44</t>
  </si>
  <si>
    <t>mail.google.com/sync/u/0/i/s?hl=pt-BR&amp;c=815</t>
  </si>
  <si>
    <t>01/15/2020 12:24:24</t>
  </si>
  <si>
    <t>01/15/2020 12:27:48</t>
  </si>
  <si>
    <t>\\acsfs\Deptos\Operacao\Banco_Votorantim\Supervisao\Maristela\CRBV vendas\Medidas aplicadas\Advertência - Planilha Zerada.doc</t>
  </si>
  <si>
    <t>01/15/2020 12:26:39</t>
  </si>
  <si>
    <t>01/15/2020 12:26:41</t>
  </si>
  <si>
    <t>lu12164xmeil.tmp</t>
  </si>
  <si>
    <t>\\acsfs\profiles$\victoriaksr\My Documents\lu12164xmeil.tmp</t>
  </si>
  <si>
    <t>01/15/2020 12:26:21</t>
  </si>
  <si>
    <t>01/15/2020 12:26:29</t>
  </si>
  <si>
    <t>01/15/2020 12:26:32</t>
  </si>
  <si>
    <t>lu372433al5.tmp</t>
  </si>
  <si>
    <t>\\acsfs\profiles$\ALEXANDREMM\lu372433al5.tmp</t>
  </si>
  <si>
    <t>\\acsfs\profiles$\ALEXANDREMM\lu372433al5.tmp\</t>
  </si>
  <si>
    <t>\\acsfs\profiles$\ALEXANDREMM\lu372433al5.tmp\META-INF\</t>
  </si>
  <si>
    <t>\\acsfs\profiles$\ALEXANDREMM\lu372433al5.tmp\Thumbnails\</t>
  </si>
  <si>
    <t>01/15/2020 12:26:34</t>
  </si>
  <si>
    <t>lu372433al9.tmp</t>
  </si>
  <si>
    <t>\\acsfs\profiles$\ALEXANDREMM\lu372433al9.tmp</t>
  </si>
  <si>
    <t>\\acsfs\profiles$\ALEXANDREMM\lu372433al9.tmp\</t>
  </si>
  <si>
    <t>\\acsfs\profiles$\ALEXANDREMM\lu372433al9.tmp\META-INF\</t>
  </si>
  <si>
    <t>\\acsfs\profiles$\ALEXANDREMM\lu372433al9.tmp\Thumbnails\</t>
  </si>
  <si>
    <t>01/15/2020 12:26:53</t>
  </si>
  <si>
    <t>lu372433ald.tmp</t>
  </si>
  <si>
    <t>\\acsfs\profiles$\ALEXANDREMM\lu372433ald.tmp</t>
  </si>
  <si>
    <t>\\acsfs\profiles$\ALEXANDREMM\lu372433ald.tmp\</t>
  </si>
  <si>
    <t>\\acsfs\profiles$\ALEXANDREMM\lu372433ald.tmp\META-INF\</t>
  </si>
  <si>
    <t>\\acsfs\profiles$\ALEXANDREMM\lu372433ald.tmp\Thumbnails\</t>
  </si>
  <si>
    <t>01/15/2020 12:25:12</t>
  </si>
  <si>
    <t>01/15/2020 12:28:49</t>
  </si>
  <si>
    <t>22/01/2020;</t>
  </si>
  <si>
    <t>01/15/2020 12:25:22</t>
  </si>
  <si>
    <t>01/15/2020 12:25:41</t>
  </si>
  <si>
    <t>mail.google.com/sync/u/0/i/s?hl=pt-BR&amp;c=206</t>
  </si>
  <si>
    <t>01/15/2020 12:26:47</t>
  </si>
  <si>
    <t>01/15/2020 12:26:59</t>
  </si>
  <si>
    <t>01/15/2020 12:27:29</t>
  </si>
  <si>
    <t>01/15/2020 12:27:42</t>
  </si>
  <si>
    <t>01/15/2020 12:24:45</t>
  </si>
  <si>
    <t>01/15/2020 12:25:35</t>
  </si>
  <si>
    <t>5b236ac2-dcc6-4157-951b-b41ee856fb8e.tmp</t>
  </si>
  <si>
    <t>\\acsfs\profiles$\gabrielsma\Downloads\5b236ac2-dcc6-4157-951b-b41ee856fb8e.tmp</t>
  </si>
  <si>
    <t>01/15/2020 12:25:50</t>
  </si>
  <si>
    <t>Não confirmado 878580.crdownload</t>
  </si>
  <si>
    <t>\\acsfs\ACS\Gabriel da Silva\Contemporânea\VENDAS\Não confirmado 878580.crdownload</t>
  </si>
  <si>
    <t>6ea40668-7dc3-474d-ab5f-3d42f1d0c053.tmp</t>
  </si>
  <si>
    <t>\\acsfs\profiles$\gabrielsma\Downloads\6ea40668-7dc3-474d-ab5f-3d42f1d0c053.tmp</t>
  </si>
  <si>
    <t>Não confirmado 668174.crdownload</t>
  </si>
  <si>
    <t>\\acsfs\ACS\Gabriel da Silva\Contemporânea\VENDAS\Não confirmado 668174.crdownload</t>
  </si>
  <si>
    <t>01/15/2020 12:26:04</t>
  </si>
  <si>
    <t>7e3c841e-73fe-44f3-95d5-5042caa68ef4.tmp</t>
  </si>
  <si>
    <t>\\acsfs\profiles$\gabrielsma\Downloads\7e3c841e-73fe-44f3-95d5-5042caa68ef4.tmp</t>
  </si>
  <si>
    <t>01/15/2020 12:26:09</t>
  </si>
  <si>
    <t>\\acsfs\ACS\Gabriel da Silva\Contemporânea\VENDAS\Q29udHJvbGxlci5BQ09NLVNvdUJWXzE-.ica.crdownload</t>
  </si>
  <si>
    <t>01/15/2020 12:26:36</t>
  </si>
  <si>
    <t>01/15/2020 12:26:46</t>
  </si>
  <si>
    <t>8cbce6c7-0ca0-431b-a5ce-2ec475ba7ae0.tmp</t>
  </si>
  <si>
    <t>\\acsfs\profiles$\gabrielsma\Downloads\8cbce6c7-0ca0-431b-a5ce-2ec475ba7ae0.tmp</t>
  </si>
  <si>
    <t>01/15/2020 12:26:50</t>
  </si>
  <si>
    <t>01/15/2020 12:26:56</t>
  </si>
  <si>
    <t>73405434-b031-4e43-9941-47f7e562afb3.tmp</t>
  </si>
  <si>
    <t>\\acsfs\profiles$\henriquehmdo\Downloads\73405434-b031-4e43-9941-47f7e562afb3.tmp</t>
  </si>
  <si>
    <t>01/15/2020 12:29:48</t>
  </si>
  <si>
    <t>01/15/2020 12:27:36</t>
  </si>
  <si>
    <t>01/15/2020 12:28:02</t>
  </si>
  <si>
    <t>mail.google.com/sync/u/0/i/s?hl=pt-BR&amp;c=309</t>
  </si>
  <si>
    <t>01/15/2020 12:27:05</t>
  </si>
  <si>
    <t>53bc2b6b-c04d-4388-aef1-d6f6bb36d496.tmp</t>
  </si>
  <si>
    <t>\\acsfs\profiles$\marcosvnds\Downloads\53bc2b6b-c04d-4388-aef1-d6f6bb36d496.tmp</t>
  </si>
  <si>
    <t>01/15/2020 12:28:17</t>
  </si>
  <si>
    <t>e8ef3489-6abd-4a47-8f54-bd07e136aae5.tmp</t>
  </si>
  <si>
    <t>\\acsfs\profiles$\marcosvnds\Downloads\e8ef3489-6abd-4a47-8f54-bd07e136aae5.tmp</t>
  </si>
  <si>
    <t>01/15/2020 12:28:48</t>
  </si>
  <si>
    <t>d939ad4f-b77c-4054-854b-fab1de037939.tmp</t>
  </si>
  <si>
    <t>\\acsfs\profiles$\marcosvnds\Downloads\d939ad4f-b77c-4054-854b-fab1de037939.tmp</t>
  </si>
  <si>
    <t>01/15/2020 12:28:10</t>
  </si>
  <si>
    <t>01/15/2020 12:30:48</t>
  </si>
  <si>
    <t>01/15/2020 12:27:14</t>
  </si>
  <si>
    <t>01/15/2020 12:31:48</t>
  </si>
  <si>
    <t>e91e63dc-a44d-4e57-9fa4-de2ddc6cb89b.tmp</t>
  </si>
  <si>
    <t>\\acsfs\profiles$\sarahbal\Downloads\e91e63dc-a44d-4e57-9fa4-de2ddc6cb89b.tmp</t>
  </si>
  <si>
    <t>01/15/2020 12:27:23</t>
  </si>
  <si>
    <t>6d404578-c75d-47b2-b6bd-394fcab65c0f.tmp</t>
  </si>
  <si>
    <t>\\acsfs\profiles$\sarahbal\Downloads\6d404578-c75d-47b2-b6bd-394fcab65c0f.tmp</t>
  </si>
  <si>
    <t>01/15/2020 12:27:34</t>
  </si>
  <si>
    <t>7e1dd9c2-0641-47ab-815f-738dfe4ab54c.tmp</t>
  </si>
  <si>
    <t>\\acsfs\profiles$\sarahbal\Downloads\7e1dd9c2-0641-47ab-815f-738dfe4ab54c.tmp</t>
  </si>
  <si>
    <t>01/15/2020 12:27:22</t>
  </si>
  <si>
    <t>01/15/2020 12:27:26</t>
  </si>
  <si>
    <t>01/15/2020 12:29:33</t>
  </si>
  <si>
    <t>01/15/2020 12:29:40</t>
  </si>
  <si>
    <t>01/15/2020 12:30:10</t>
  </si>
  <si>
    <t>01/15/2020 12:30:16</t>
  </si>
  <si>
    <t>01/15/2020 12:30:33</t>
  </si>
  <si>
    <t>01/15/2020 12:30:45</t>
  </si>
  <si>
    <t>01/15/2020 12:30:47</t>
  </si>
  <si>
    <t>01/15/2020 12:30:50</t>
  </si>
  <si>
    <t>01/15/2020 12:30:56</t>
  </si>
  <si>
    <t>lu61729jihu.tmp</t>
  </si>
  <si>
    <t>\\acsfs\profiles$\LUISPLS\My Documents\Nova pasta\lu61729jihu.tmp</t>
  </si>
  <si>
    <t>\\acsfs\profiles$\LUISPLS\My Documents\Nova pasta\lu61729jihu.tmp\</t>
  </si>
  <si>
    <t>\\acsfs\profiles$\LUISPLS\My Documents\Nova pasta\lu61729jihu.tmp\META-INF\</t>
  </si>
  <si>
    <t>\\acsfs\profiles$\LUISPLS\My Documents\Nova pasta\lu61729jihu.tmp\Thumbnails\</t>
  </si>
  <si>
    <t>01/15/2020 12:32:48</t>
  </si>
  <si>
    <t>https://udpmailboxap01/service/upload?fmt=extended,raw</t>
  </si>
  <si>
    <t>01/15/2020 12:29:00</t>
  </si>
  <si>
    <t>01/15/2020 12:31:59</t>
  </si>
  <si>
    <t>6b5457d7-995b-463b-86ac-abecdf0c96f7.tmp</t>
  </si>
  <si>
    <t>\\acsfs\profiles$\gabrielafs\Downloads\6b5457d7-995b-463b-86ac-abecdf0c96f7.tmp</t>
  </si>
  <si>
    <t>01/15/2020 12:31:11</t>
  </si>
  <si>
    <t>01/15/2020 12:33:48</t>
  </si>
  <si>
    <t>RELATORIO DE LOGIN - FINANCEIRA - 13-01 - Cópia.xlsm</t>
  </si>
  <si>
    <t>\\acsfs\DEPTOS\Operacao\PCP\5 - Comum\PLANEJAMENTO BV\14 - ACOMPANHAMENTO\1 - REPORT ACOMPANHAMENTO\2020\1 - JANEIRO\FINANCEIRA\Login Logout Financeira\RELATORIO DE LOGIN - FINANCEIRA - 13-01 - Cópia.xlsm</t>
  </si>
  <si>
    <t>01/15/2020 12:28:16</t>
  </si>
  <si>
    <t>01/15/2020 12:28:27</t>
  </si>
  <si>
    <t>01/15/2020 12:28:36</t>
  </si>
  <si>
    <t>01/15/2020 12:28:40</t>
  </si>
  <si>
    <t>01/15/2020 12:28:46</t>
  </si>
  <si>
    <t>01/15/2020 12:29:11</t>
  </si>
  <si>
    <t>01/15/2020 12:29:22</t>
  </si>
  <si>
    <t>01/15/2020 12:29:26</t>
  </si>
  <si>
    <t>01/15/2020 12:32:13</t>
  </si>
  <si>
    <t>01/15/2020 12:33:04</t>
  </si>
  <si>
    <t>01/15/2020 12:30:20</t>
  </si>
  <si>
    <t>eaa15b56-df0d-45a3-be6b-32fe23f57136.tmp</t>
  </si>
  <si>
    <t>\\acsfs\profiles$\henriquehmdo\Downloads\eaa15b56-df0d-45a3-be6b-32fe23f57136.tmp</t>
  </si>
  <si>
    <t>01/15/2020 12:33:38</t>
  </si>
  <si>
    <t>01/15/2020 12:34:47</t>
  </si>
  <si>
    <t>b569751f-c050-4c51-b8f8-5f5cb366265e.tmp</t>
  </si>
  <si>
    <t>\\acsfs\profiles$\leticiala\Downloads\b569751f-c050-4c51-b8f8-5f5cb366265e.tmp</t>
  </si>
  <si>
    <t>01/15/2020 12:30:01</t>
  </si>
  <si>
    <t>01/15/2020 12:35:48</t>
  </si>
  <si>
    <t>f7ac8f90-6a0e-446c-915e-82ddfcec0da3.tmp</t>
  </si>
  <si>
    <t>\\acsfs\profiles$\ALYNYA\Downloads\f7ac8f90-6a0e-446c-915e-82ddfcec0da3.tmp</t>
  </si>
  <si>
    <t>01/15/2020 12:31:34</t>
  </si>
  <si>
    <t>01/15/2020 12:36:48</t>
  </si>
  <si>
    <t>01/15/2020 12:31:55</t>
  </si>
  <si>
    <t>01/15/2020 12:32:17</t>
  </si>
  <si>
    <t>01/15/2020 12:32:26</t>
  </si>
  <si>
    <t>01/15/2020 12:32:38</t>
  </si>
  <si>
    <t>01/15/2020 12:33:02</t>
  </si>
  <si>
    <t>01/15/2020 12:34:31</t>
  </si>
  <si>
    <t>01/15/2020 12:34:49</t>
  </si>
  <si>
    <t>01/15/2020 12:34:55</t>
  </si>
  <si>
    <t>01/15/2020 12:34:57</t>
  </si>
  <si>
    <t>01/15/2020 12:35:27</t>
  </si>
  <si>
    <t>01/15/2020 12:32:55</t>
  </si>
  <si>
    <t>22d9b9b9-ff32-4bf1-a277-05e2c8f9cb3f.tmp</t>
  </si>
  <si>
    <t>\\acsfs\profiles$\LUISPLS\Downloads\22d9b9b9-ff32-4bf1-a277-05e2c8f9cb3f.tmp</t>
  </si>
  <si>
    <t>01/15/2020 12:34:10</t>
  </si>
  <si>
    <t>292a15bc-738c-4a91-ab87-623f457a80aa.tmp</t>
  </si>
  <si>
    <t>\\acsfs\profiles$\LUISPLS\Downloads\292a15bc-738c-4a91-ab87-623f457a80aa.tmp</t>
  </si>
  <si>
    <t>01/15/2020 12:35:39</t>
  </si>
  <si>
    <t>04104fda-d1b8-4bd8-9212-28eead0a892a.tmp</t>
  </si>
  <si>
    <t>\\acsfs\profiles$\LUISPLS\Downloads\04104fda-d1b8-4bd8-9212-28eead0a892a.tmp</t>
  </si>
  <si>
    <t>01/15/2020 12:38:48</t>
  </si>
  <si>
    <t>01/15/2020 12:33:14</t>
  </si>
  <si>
    <t>01/15/2020 12:34:22</t>
  </si>
  <si>
    <t>01/15/2020 12:34:54</t>
  </si>
  <si>
    <t>01/15/2020 12:35:02</t>
  </si>
  <si>
    <t>01/15/2020 12:35:12</t>
  </si>
  <si>
    <t>01/15/2020 12:35:29</t>
  </si>
  <si>
    <t>01/15/2020 12:35:36</t>
  </si>
  <si>
    <t>01/15/2020 12:38:49</t>
  </si>
  <si>
    <t>01/15/2020 12:39:48</t>
  </si>
  <si>
    <t>2f61a846-be70-486e-9744-ac440d08dffb.tmp</t>
  </si>
  <si>
    <t>\\acsfs\profiles$\gustavoab\Downloads\2f61a846-be70-486e-9744-ac440d08dffb.tmp</t>
  </si>
  <si>
    <t>01/14/2020 20:52:25</t>
  </si>
  <si>
    <t>01/15/2020 12:40:48</t>
  </si>
  <si>
    <t>01/14/2020 20:52:26</t>
  </si>
  <si>
    <t>lu10360m24m.tmp</t>
  </si>
  <si>
    <t>\\acsfs\profiles$\regisedsj\My Documents\lu10360m24m.tmp</t>
  </si>
  <si>
    <t>\\acsfs\profiles$\regisedsj\My Documents\lu10360m24m.tmp\</t>
  </si>
  <si>
    <t>\\acsfs\profiles$\regisedsj\My Documents\lu10360m24m.tmp\META-INF\</t>
  </si>
  <si>
    <t>\\acsfs\profiles$\regisedsj\My Documents\lu10360m24m.tmp\Thumbnails\</t>
  </si>
  <si>
    <t>01/15/2020 12:39:25</t>
  </si>
  <si>
    <t>01/15/2020 12:36:42</t>
  </si>
  <si>
    <t>01/15/2020 12:41:48</t>
  </si>
  <si>
    <t>01/15/2020 12:36:53</t>
  </si>
  <si>
    <t>01/15/2020 12:37:20</t>
  </si>
  <si>
    <t>01/15/2020 12:37:39</t>
  </si>
  <si>
    <t>01/15/2020 12:38:00</t>
  </si>
  <si>
    <t>01/15/2020 12:38:05</t>
  </si>
  <si>
    <t>01/15/2020 12:39:59</t>
  </si>
  <si>
    <t>73624176-d04d-4e88-aae8-52fe586855fd.tmp</t>
  </si>
  <si>
    <t>\\acsfs\profiles$\geovannasm\Downloads\73624176-d04d-4e88-aae8-52fe586855fd.tmp</t>
  </si>
  <si>
    <t>01/15/2020 12:36:58</t>
  </si>
  <si>
    <t>f2991b52-633f-442a-a8ca-d19842f18294.tmp</t>
  </si>
  <si>
    <t>\\acsfs\profiles$\geovannasm\Downloads\f2991b52-633f-442a-a8ca-d19842f18294.tmp</t>
  </si>
  <si>
    <t>01/15/2020 12:40:21</t>
  </si>
  <si>
    <t>01/15/2020 12:43:48</t>
  </si>
  <si>
    <t>01/15/2020 12:42:42</t>
  </si>
  <si>
    <t>01/15/2020 12:42:07</t>
  </si>
  <si>
    <t>01/15/2020 12:45:48</t>
  </si>
  <si>
    <t>"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ctionitems;adfn-ct7ciskssyu-68afh9xg7xv2c6f8dx_seofhsqerkx2bhpqslb3crfufkpjjmcd4mgjscrt;alinedsdi@algartech.com;ancestorhasaugmentedpermissions;andrelpsa@algartech.com;canaddchildren;cancopy;candelete;candownload;canedit;canmoveitemoutofteamdrive;canmoveitemwithinteamdrive;canmoveteamdriveitem);canread;canreadteamdrive;canremovechildren;canrename;canshare;cant;cantrash;cantrashchildren;canuntrash;capabilities(canmoveitemintoteamdrive;containsunsubscribedchildren;contentres</t>
  </si>
  <si>
    <t>"languagecode":"pt-br","mozilla/5.0 (windows nt 6.1) applewebkit/537.36 (khtml,"requesttype":"background_request","scenariotype,"timezone":"-03:00",0]\\\\\\��{_x0004_&lt;l,1,13,13700014,13700109,13700185,13700451,13700951,13701207,13701298,13701422,13701430,13701450,13701506,13701537,13701573,13701577,13701625,13701657,13701693,13701693�,13701749,13701825,13701901,13701905,13701957,13701969,13702068,13702088,142961685,1578930052848000,1578930058554000,1579019028080,286,287,289,290,339,5701393,=��htxo4kl�v�� � hy1�y&gt;yp"uqa�����]�l,[[13701418,[],[]]],actionitems,adfn-ct7ciskssyu-68afh9xg7xv2c6f8dx_seofhsqerkx2bhpqslb3crfufkpjjmcd4mgjscrt,alinedsdi@algartech.com,ancestorhasaugmentedpermissions,andrelpsa@algartech.com,canaddchildren,cancopy,candelete,candownload,canedit,canmoveitemoutofteamdrive,canmoveitemwithinteamdrive,canmoveteamdriveitem),canread,canreadteamdrive,canremovechildren,canrename,canshare,cant,cantrash,cantrashchildren,canuntrash,capabilities(canmoveitemintoteamdrive,containsunsubscribedchildren,contentres</t>
  </si>
  <si>
    <t>01/15/2020 12:42:14</t>
  </si>
  <si>
    <t>01/15/2020 12:42:26</t>
  </si>
  <si>
    <t>01/15/2020 12:42:27</t>
  </si>
  <si>
    <t>01/15/2020 12:42:56</t>
  </si>
  <si>
    <t>01/15/2020 12:43:00</t>
  </si>
  <si>
    <t>01/15/2020 12:43:23</t>
  </si>
  <si>
    <t>01/15/2020 12:43:45</t>
  </si>
  <si>
    <t>01/15/2020 12:43:49</t>
  </si>
  <si>
    <t>01/15/2020 12:44:13</t>
  </si>
  <si>
    <t>01/15/2020 12:44:21</t>
  </si>
  <si>
    <t>01/15/2020 12:44:33</t>
  </si>
  <si>
    <t>01/15/2020 12:44:49</t>
  </si>
  <si>
    <t>01/15/2020 12:41:53</t>
  </si>
  <si>
    <t>b72fc7e1-03c3-4442-a9a0-f40e544d2088.tmp</t>
  </si>
  <si>
    <t>\\acsfs\profiles$\regisedsj\Downloads\b72fc7e1-03c3-4442-a9a0-f40e544d2088.tmp</t>
  </si>
  <si>
    <t>01/15/2020 12:41:55</t>
  </si>
  <si>
    <t>f3c75b05-6bff-40ec-94d2-b8331be29a15.tmp</t>
  </si>
  <si>
    <t>\\acsfs\profiles$\regisedsj\Downloads\f3c75b05-6bff-40ec-94d2-b8331be29a15.tmp</t>
  </si>
  <si>
    <t>01/15/2020 12:42:50</t>
  </si>
  <si>
    <t>62695294-6723-49d3-98eb-62966abc546b.tmp</t>
  </si>
  <si>
    <t>\\acsfs\profiles$\regisedsj\Downloads\62695294-6723-49d3-98eb-62966abc546b.tmp</t>
  </si>
  <si>
    <t>01/15/2020 12:42:30</t>
  </si>
  <si>
    <t>01/15/2020 12:46:49</t>
  </si>
  <si>
    <t>01/15/2020 12:44:00</t>
  </si>
  <si>
    <t>01/15/2020 12:45:31</t>
  </si>
  <si>
    <t>01/15/2020 12:46:01</t>
  </si>
  <si>
    <t>01/15/2020 12:41:52</t>
  </si>
  <si>
    <t>01/15/2020 12:47:48</t>
  </si>
  <si>
    <t>da7371fc-d3a1-4257-961d-41503ca3ba6f.tmp</t>
  </si>
  <si>
    <t>\\acsfs\profiles$\adelvinsonle\Downloads\da7371fc-d3a1-4257-961d-41503ca3ba6f.tmp</t>
  </si>
  <si>
    <t>01/15/2020 12:44:17</t>
  </si>
  <si>
    <t>01/15/2020 12:48:48</t>
  </si>
  <si>
    <t>72dfee2c-0d64-4c8e-a142-a67d2f5b70d5.tmp</t>
  </si>
  <si>
    <t>\\acsfs\profiles$\gabrielsma\Downloads\72dfee2c-0d64-4c8e-a142-a67d2f5b70d5.tmp</t>
  </si>
  <si>
    <t>\\acsfs\profiles$\gabrielsma\Downloads\72dfee2c-0d64-4c8e-a142-a67d2f5b70d5.tmp\xl\charts\</t>
  </si>
  <si>
    <t>chart1.xml</t>
  </si>
  <si>
    <t>chart10.xml</t>
  </si>
  <si>
    <t>chart11.xml</t>
  </si>
  <si>
    <t>chart12.xml</t>
  </si>
  <si>
    <t>chart13.xml</t>
  </si>
  <si>
    <t>chart14.xml</t>
  </si>
  <si>
    <t>chart15.xml</t>
  </si>
  <si>
    <t>chart16.xml</t>
  </si>
  <si>
    <t>chart17.xml</t>
  </si>
  <si>
    <t>chart18.xml</t>
  </si>
  <si>
    <t>chart19.xml</t>
  </si>
  <si>
    <t>chart2.xml</t>
  </si>
  <si>
    <t>chart20.xml</t>
  </si>
  <si>
    <t>chart21.xml</t>
  </si>
  <si>
    <t>chart22.xml</t>
  </si>
  <si>
    <t>chart23.xml</t>
  </si>
  <si>
    <t>chart24.xml</t>
  </si>
  <si>
    <t>chart25.xml</t>
  </si>
  <si>
    <t>chart26.xml</t>
  </si>
  <si>
    <t>chart27.xml</t>
  </si>
  <si>
    <t>chart28.xml</t>
  </si>
  <si>
    <t>chart29.xml</t>
  </si>
  <si>
    <t>chart3.xml</t>
  </si>
  <si>
    <t>chart30.xml</t>
  </si>
  <si>
    <t>chart31.xml</t>
  </si>
  <si>
    <t>chart32.xml</t>
  </si>
  <si>
    <t>01/15/2020 12:44:18</t>
  </si>
  <si>
    <t>chart4.xml</t>
  </si>
  <si>
    <t>chart5.xml</t>
  </si>
  <si>
    <t>chart6.xml</t>
  </si>
  <si>
    <t>chart7.xml</t>
  </si>
  <si>
    <t>chart8.xml</t>
  </si>
  <si>
    <t>chart9.xml</t>
  </si>
  <si>
    <t>colors1.xml</t>
  </si>
  <si>
    <t>colors10.xml</t>
  </si>
  <si>
    <t>colors11.xml</t>
  </si>
  <si>
    <t>colors12.xml</t>
  </si>
  <si>
    <t>colors13.xml</t>
  </si>
  <si>
    <t>colors14.xml</t>
  </si>
  <si>
    <t>colors15.xml</t>
  </si>
  <si>
    <t>colors16.xml</t>
  </si>
  <si>
    <t>colors17.xml</t>
  </si>
  <si>
    <t>colors18.xml</t>
  </si>
  <si>
    <t>colors19.xml</t>
  </si>
  <si>
    <t>colors2.xml</t>
  </si>
  <si>
    <t>colors20.xml</t>
  </si>
  <si>
    <t>colors21.xml</t>
  </si>
  <si>
    <t>colors22.xml</t>
  </si>
  <si>
    <t>colors23.xml</t>
  </si>
  <si>
    <t>colors24.xml</t>
  </si>
  <si>
    <t>colors25.xml</t>
  </si>
  <si>
    <t>colors26.xml</t>
  </si>
  <si>
    <t>colors27.xml</t>
  </si>
  <si>
    <t>colors28.xml</t>
  </si>
  <si>
    <t>colors29.xml</t>
  </si>
  <si>
    <t>colors3.xml</t>
  </si>
  <si>
    <t>colors30.xml</t>
  </si>
  <si>
    <t>colors31.xml</t>
  </si>
  <si>
    <t>colors32.xml</t>
  </si>
  <si>
    <t>colors4.xml</t>
  </si>
  <si>
    <t>colors5.xml</t>
  </si>
  <si>
    <t>colors6.xml</t>
  </si>
  <si>
    <t>colors7.xml</t>
  </si>
  <si>
    <t>colors8.xml</t>
  </si>
  <si>
    <t>colors9.xml</t>
  </si>
  <si>
    <t>style1.xml</t>
  </si>
  <si>
    <t>style10.xml</t>
  </si>
  <si>
    <t>style11.xml</t>
  </si>
  <si>
    <t>style12.xml</t>
  </si>
  <si>
    <t>style13.xml</t>
  </si>
  <si>
    <t>style14.xml</t>
  </si>
  <si>
    <t>style15.xml</t>
  </si>
  <si>
    <t>style16.xml</t>
  </si>
  <si>
    <t>style17.xml</t>
  </si>
  <si>
    <t>style18.xml</t>
  </si>
  <si>
    <t>style19.xml</t>
  </si>
  <si>
    <t>style2.xml</t>
  </si>
  <si>
    <t>style20.xml</t>
  </si>
  <si>
    <t>style21.xml</t>
  </si>
  <si>
    <t>style22.xml</t>
  </si>
  <si>
    <t>style23.xml</t>
  </si>
  <si>
    <t>style24.xml</t>
  </si>
  <si>
    <t>style25.xml</t>
  </si>
  <si>
    <t>style26.xml</t>
  </si>
  <si>
    <t>style27.xml</t>
  </si>
  <si>
    <t>style28.xml</t>
  </si>
  <si>
    <t>style29.xml</t>
  </si>
  <si>
    <t>style3.xml</t>
  </si>
  <si>
    <t>style30.xml</t>
  </si>
  <si>
    <t>style31.xml</t>
  </si>
  <si>
    <t>style32.xml</t>
  </si>
  <si>
    <t>style4.xml</t>
  </si>
  <si>
    <t>style5.xml</t>
  </si>
  <si>
    <t>style6.xml</t>
  </si>
  <si>
    <t>style7.xml</t>
  </si>
  <si>
    <t>style8.xml</t>
  </si>
  <si>
    <t>style9.xml</t>
  </si>
  <si>
    <t>\\acsfs\profiles$\gabrielsma\Downloads\72dfee2c-0d64-4c8e-a142-a67d2f5b70d5.tmp\xl\charts\_rels\</t>
  </si>
  <si>
    <t>chart1.xml.rels</t>
  </si>
  <si>
    <t>chart10.xml.rels</t>
  </si>
  <si>
    <t>chart11.xml.rels</t>
  </si>
  <si>
    <t>chart12.xml.rels</t>
  </si>
  <si>
    <t>chart13.xml.rels</t>
  </si>
  <si>
    <t>chart14.xml.rels</t>
  </si>
  <si>
    <t>chart15.xml.rels</t>
  </si>
  <si>
    <t>chart16.xml.rels</t>
  </si>
  <si>
    <t>chart17.xml.rels</t>
  </si>
  <si>
    <t>chart18.xml.rels</t>
  </si>
  <si>
    <t>chart19.xml.rels</t>
  </si>
  <si>
    <t>chart2.xml.rels</t>
  </si>
  <si>
    <t>chart20.xml.rels</t>
  </si>
  <si>
    <t>chart21.xml.rels</t>
  </si>
  <si>
    <t>chart22.xml.rels</t>
  </si>
  <si>
    <t>chart23.xml.rels</t>
  </si>
  <si>
    <t>chart24.xml.rels</t>
  </si>
  <si>
    <t>chart25.xml.rels</t>
  </si>
  <si>
    <t>chart26.xml.rels</t>
  </si>
  <si>
    <t>chart27.xml.rels</t>
  </si>
  <si>
    <t>chart28.xml.rels</t>
  </si>
  <si>
    <t>chart29.xml.rels</t>
  </si>
  <si>
    <t>chart3.xml.rels</t>
  </si>
  <si>
    <t>chart30.xml.rels</t>
  </si>
  <si>
    <t>chart31.xml.rels</t>
  </si>
  <si>
    <t>chart32.xml.rels</t>
  </si>
  <si>
    <t>chart4.xml.rels</t>
  </si>
  <si>
    <t>chart5.xml.rels</t>
  </si>
  <si>
    <t>chart6.xml.rels</t>
  </si>
  <si>
    <t>chart7.xml.rels</t>
  </si>
  <si>
    <t>chart8.xml.rels</t>
  </si>
  <si>
    <t>chart9.xml.rels</t>
  </si>
  <si>
    <t>\\acsfs\profiles$\gabrielsma\Downloads\72dfee2c-0d64-4c8e-a142-a67d2f5b70d5.tmp\xl\drawings\</t>
  </si>
  <si>
    <t>drawing1.xml</t>
  </si>
  <si>
    <t>drawing10.xml</t>
  </si>
  <si>
    <t>drawing11.xml</t>
  </si>
  <si>
    <t>drawing12.xml</t>
  </si>
  <si>
    <t>drawing2.xml</t>
  </si>
  <si>
    <t>drawing3.xml</t>
  </si>
  <si>
    <t>drawing4.xml</t>
  </si>
  <si>
    <t>drawing5.xml</t>
  </si>
  <si>
    <t>drawing6.xml</t>
  </si>
  <si>
    <t>drawing7.xml</t>
  </si>
  <si>
    <t>drawing8.xml</t>
  </si>
  <si>
    <t>drawing9.xml</t>
  </si>
  <si>
    <t>vmlDrawing1.vml</t>
  </si>
  <si>
    <t>\\acsfs\profiles$\gabrielsma\Downloads\72dfee2c-0d64-4c8e-a142-a67d2f5b70d5.tmp\xl\drawings\_rels\</t>
  </si>
  <si>
    <t>drawing1.xml.rels</t>
  </si>
  <si>
    <t>drawing10.xml.rels</t>
  </si>
  <si>
    <t>drawing11.xml.rels</t>
  </si>
  <si>
    <t>drawing12.xml.rels</t>
  </si>
  <si>
    <t>drawing2.xml.rels</t>
  </si>
  <si>
    <t>drawing3.xml.rels</t>
  </si>
  <si>
    <t>drawing4.xml.rels</t>
  </si>
  <si>
    <t>drawing5.xml.rels</t>
  </si>
  <si>
    <t>drawing6.xml.rels</t>
  </si>
  <si>
    <t>drawing7.xml.rels</t>
  </si>
  <si>
    <t>drawing8.xml.rels</t>
  </si>
  <si>
    <t>drawing9.xml.rels</t>
  </si>
  <si>
    <t>\\acsfs\profiles$\gabrielsma\Downloads\72dfee2c-0d64-4c8e-a142-a67d2f5b70d5.tmp\xl\externalLinks\</t>
  </si>
  <si>
    <t>externalLink1.xml</t>
  </si>
  <si>
    <t>\\acsfs\profiles$\gabrielsma\Downloads\72dfee2c-0d64-4c8e-a142-a67d2f5b70d5.tmp\xl\media\</t>
  </si>
  <si>
    <t>image1.png</t>
  </si>
  <si>
    <t>image2.png</t>
  </si>
  <si>
    <t>image3.png</t>
  </si>
  <si>
    <t>\\acsfs\profiles$\gabrielsma\Downloads\72dfee2c-0d64-4c8e-a142-a67d2f5b70d5.tmp\xl\pivotCache\</t>
  </si>
  <si>
    <t>pivotCacheDefinition1.xml</t>
  </si>
  <si>
    <t>pivotCacheDefinition2.xml</t>
  </si>
  <si>
    <t>pivotCacheRecords1.xml</t>
  </si>
  <si>
    <t>\\acsfs\profiles$\gabrielsma\Downloads\72dfee2c-0d64-4c8e-a142-a67d2f5b70d5.tmp\xl\pivotTables\</t>
  </si>
  <si>
    <t>pivotTable1.xml</t>
  </si>
  <si>
    <t>pivotTable2.xml</t>
  </si>
  <si>
    <t>pivotTable3.xml</t>
  </si>
  <si>
    <t>pivotTable4.xml</t>
  </si>
  <si>
    <t>\\acsfs\profiles$\gabrielsma\Downloads\72dfee2c-0d64-4c8e-a142-a67d2f5b70d5.tmp\xl\pivotTables\_rels\</t>
  </si>
  <si>
    <t>pivotTable1.xml.rels</t>
  </si>
  <si>
    <t>pivotTable2.xml.rels</t>
  </si>
  <si>
    <t>pivotTable3.xml.rels</t>
  </si>
  <si>
    <t>pivotTable4.xml.rels</t>
  </si>
  <si>
    <t>\\acsfs\profiles$\gabrielsma\Downloads\72dfee2c-0d64-4c8e-a142-a67d2f5b70d5.tmp\xl\</t>
  </si>
  <si>
    <t>sharedStrings.xml</t>
  </si>
  <si>
    <t>\\acsfs\profiles$\gabrielsma\Downloads\72dfee2c-0d64-4c8e-a142-a67d2f5b70d5.tmp\xl\slicerCaches\</t>
  </si>
  <si>
    <t>slicerCache1.xml</t>
  </si>
  <si>
    <t>slicerCache2.xml</t>
  </si>
  <si>
    <t>slicerCache3.xml</t>
  </si>
  <si>
    <t>slicerCache4.xml</t>
  </si>
  <si>
    <t>slicerCache5.xml</t>
  </si>
  <si>
    <t>slicerCache6.xml</t>
  </si>
  <si>
    <t>slicerCache7.xml</t>
  </si>
  <si>
    <t>slicerCache8.xml</t>
  </si>
  <si>
    <t>\\acsfs\profiles$\gabrielsma\Downloads\72dfee2c-0d64-4c8e-a142-a67d2f5b70d5.tmp\xl\slicers\</t>
  </si>
  <si>
    <t>slicer1.xml</t>
  </si>
  <si>
    <t>slicer2.xml</t>
  </si>
  <si>
    <t>slicer3.xml</t>
  </si>
  <si>
    <t>\\acsfs\profiles$\gabrielsma\Downloads\72dfee2c-0d64-4c8e-a142-a67d2f5b70d5.tmp\xl\theme\</t>
  </si>
  <si>
    <t>theme1.xml</t>
  </si>
  <si>
    <t>workbook.xml</t>
  </si>
  <si>
    <t>\\acsfs\profiles$\gabrielsma\Downloads\72dfee2c-0d64-4c8e-a142-a67d2f5b70d5.tmp\xl\worksheets\</t>
  </si>
  <si>
    <t>sheet1.xml</t>
  </si>
  <si>
    <t>sheet10.xml</t>
  </si>
  <si>
    <t>sheet11.xml</t>
  </si>
  <si>
    <t>sheet12.xml</t>
  </si>
  <si>
    <t>sheet13.xml</t>
  </si>
  <si>
    <t>sheet14.xml</t>
  </si>
  <si>
    <t>sheet15.xml</t>
  </si>
  <si>
    <t>sheet16.xml</t>
  </si>
  <si>
    <t>sheet2.xml</t>
  </si>
  <si>
    <t>sheet3.xml</t>
  </si>
  <si>
    <t>sheet4.xml</t>
  </si>
  <si>
    <t>sheet5.xml</t>
  </si>
  <si>
    <t>sheet6.xml</t>
  </si>
  <si>
    <t>sheet7.xml</t>
  </si>
  <si>
    <t>sheet8.xml</t>
  </si>
  <si>
    <t>sheet9.xml</t>
  </si>
  <si>
    <t>\\acsfs\profiles$\gabrielsma\Downloads\72dfee2c-0d64-4c8e-a142-a67d2f5b70d5.tmp\xl\worksheets\_rels\</t>
  </si>
  <si>
    <t>sheet1.xml.rels</t>
  </si>
  <si>
    <t>sheet10.xml.rels</t>
  </si>
  <si>
    <t>sheet11.xml.rels</t>
  </si>
  <si>
    <t>sheet12.xml.rels</t>
  </si>
  <si>
    <t>sheet13.xml.rels</t>
  </si>
  <si>
    <t>sheet14.xml.rels</t>
  </si>
  <si>
    <t>sheet15.xml.rels</t>
  </si>
  <si>
    <t>sheet16.xml.rels</t>
  </si>
  <si>
    <t>sheet2.xml.rels</t>
  </si>
  <si>
    <t>sheet3.xml.rels</t>
  </si>
  <si>
    <t>sheet4.xml.rels</t>
  </si>
  <si>
    <t>sheet5.xml.rels</t>
  </si>
  <si>
    <t>sheet6.xml.rels</t>
  </si>
  <si>
    <t>sheet7.xml.rels</t>
  </si>
  <si>
    <t>sheet8.xml.rels</t>
  </si>
  <si>
    <t>sheet9.xml.rels</t>
  </si>
  <si>
    <t>\\acsfs\profiles$\gabrielsma\Downloads\72dfee2c-0d64-4c8e-a142-a67d2f5b70d5.tmp\xl\_rels\</t>
  </si>
  <si>
    <t>workbook.xml.rels</t>
  </si>
  <si>
    <t>\\acsfs\profiles$\gabrielsma\Downloads\72dfee2c-0d64-4c8e-a142-a67d2f5b70d5.tmp\</t>
  </si>
  <si>
    <t>[Content_Types].xml</t>
  </si>
  <si>
    <t>\\acsfs\profiles$\gabrielsma\Downloads\72dfee2c-0d64-4c8e-a142-a67d2f5b70d5.tmp\_rels\</t>
  </si>
  <si>
    <t>.rels</t>
  </si>
  <si>
    <t>01/15/2020 12:46:43</t>
  </si>
  <si>
    <t>f4aa241f-3f93-4a8a-b9d7-61b6833f29f8.tmp</t>
  </si>
  <si>
    <t>\\acsfs\profiles$\gabrielsma\Downloads\f4aa241f-3f93-4a8a-b9d7-61b6833f29f8.tmp</t>
  </si>
  <si>
    <t>01/15/2020 12:46:47</t>
  </si>
  <si>
    <t>Não confirmado 722052.crdownload</t>
  </si>
  <si>
    <t>\\acsfs\ACS\Gabriel da Silva\Contemporânea\Gen\Não confirmado 722052.crdownload</t>
  </si>
  <si>
    <t>01/15/2020 12:47:36</t>
  </si>
  <si>
    <t>5b398fdc-ba21-4ef0-abfd-41e1d60fb15f.tmp</t>
  </si>
  <si>
    <t>\\acsfs\profiles$\vivianealda\Downloads\5b398fdc-ba21-4ef0-abfd-41e1d60fb15f.tmp</t>
  </si>
  <si>
    <t>01/15/2020 12:46:39</t>
  </si>
  <si>
    <t>01/15/2020 12:49:48</t>
  </si>
  <si>
    <t>lu103321fz63n.tmp</t>
  </si>
  <si>
    <t>\\acsfs\profiles$\BRUNAAR\Numero\lu103321fz63n.tmp</t>
  </si>
  <si>
    <t>01/15/2020 12:45:13</t>
  </si>
  <si>
    <t>01/15/2020 12:50:48</t>
  </si>
  <si>
    <t>mail.google.com/sync/u/0/i/s?hl=pt-BR&amp;c=795</t>
  </si>
  <si>
    <t>01/15/2020 12:45:36</t>
  </si>
  <si>
    <t>01/15/2020 12:45:43</t>
  </si>
  <si>
    <t>01/15/2020 12:45:53</t>
  </si>
  <si>
    <t>01/15/2020 12:45:58</t>
  </si>
  <si>
    <t>01/15/2020 12:46:02</t>
  </si>
  <si>
    <t>01/15/2020 12:46:17</t>
  </si>
  <si>
    <t>01/15/2020 12:46:38</t>
  </si>
  <si>
    <t>mail.google.com/sync/u/0/i/s?hl=pt-BR&amp;c=811</t>
  </si>
  <si>
    <t>01/15/2020 12:47:00</t>
  </si>
  <si>
    <t>01/15/2020 12:47:37</t>
  </si>
  <si>
    <t>01/15/2020 12:48:06</t>
  </si>
  <si>
    <t>01/15/2020 12:48:25</t>
  </si>
  <si>
    <t>01/15/2020 12:48:36</t>
  </si>
  <si>
    <t>"[[];"languagecode":"pt-br";"mozilla/5.0 (windows nt 6.1) applewebkit/537.36 (khtml;"requesttype":"background_request";"scenariotype;"timezone":"-03:00";(�d_x0011_n_x001A_si��lp�ߓv���ׁqa�[_x0016_�_x001A_�;)�i~a�_x001A_���qa�u�4-g�?�_x0008_���h֙_x0012_�g�_x0015__x0016__x001A_)_x001F_�d��`_x0007_�a_x0015__x0016__x0012_w[���n�w-_ txg"լn�t�����w��֖�j� jɑ_x0016_*;0;0]:0}:0})�� 66;0]\\\\\\���_x0005_&lt;l;0]als;0]d;0]l;0]ll;0]ribedchildren;1;13;130841638;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9005295726;1579011918297;1579014927782;1579030649468;1579036516260;1579102635171;17;1ya5yrwelrso-yxib3ctz0mdjsqkh2uffmn2</t>
  </si>
  <si>
    <t>"[[],"languagecode":"pt-br","mozilla/5.0 (windows nt 6.1) applewebkit/537.36 (khtml,"requesttype":"background_request","scenariotype,"timezone":"-03:00",(�d_x0011_n_x001A_si��lp�ߓv���ׁqa�[_x0016_�_x001A_�,)�i~a�_x001A_���qa�u�4-g�?�_x0008_���h֙_x0012_�g�_x0015__x0016__x001A_)_x001F_�d��`_x0007_�a_x0015__x0016__x0012_w[���n�w-_ txg"լn�t�����w��֖�j� jɑ_x0016_*,0,0]:0}:0})�� 66,0]\\\\\\���_x0005_&lt;l,0]als,0]d,0]l,0]ll,0]ribedchildren,1,13,130841638,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9005295726,1579011918297,1579014927782,1579030649468,1579036516260,1579102635171,17,1ya5yrwelrso-yxib3ctz0mdjsqkh2uffmn2</t>
  </si>
  <si>
    <t>01/15/2020 12:48:58</t>
  </si>
  <si>
    <t>01/15/2020 12:49:30</t>
  </si>
  <si>
    <t>01/15/2020 12:49:44</t>
  </si>
  <si>
    <t>01/15/2020 12:49:54</t>
  </si>
  <si>
    <t>01/15/2020 12:49:02</t>
  </si>
  <si>
    <t>01/15/2020 12:51:48</t>
  </si>
  <si>
    <t>01/15/2020 12:49:32</t>
  </si>
  <si>
    <t>01/15/2020 12:50:02</t>
  </si>
  <si>
    <t>01/15/2020 12:48:03</t>
  </si>
  <si>
    <t>tacianamdr</t>
  </si>
  <si>
    <t>\\acsfs\Deptos\Operacao\Banco_Votorantim\Atendimento\tacianamdr\Documents\dbxwc\</t>
  </si>
  <si>
    <t>\\acsfs\Deptos\Operacao\Banco_Votorantim\Atendimento\tacianamdr\Documents\dbxwc\dbxwc.xwc</t>
  </si>
  <si>
    <t>01/15/2020 12:52:48</t>
  </si>
  <si>
    <t>01/15/2020 12:43:50</t>
  </si>
  <si>
    <t>lu403723sedlk.tmp</t>
  </si>
  <si>
    <t>\\acsfs\profiles$\ALYNYA\My Documents\lu403723sedlk.tmp</t>
  </si>
  <si>
    <t>\\acsfs\profiles$\ALYNYA\My Documents\lu403723sedlk.tmp\</t>
  </si>
  <si>
    <t>\\acsfs\profiles$\ALYNYA\My Documents\lu403723sedlk.tmp\META-INF\</t>
  </si>
  <si>
    <t>\\acsfs\profiles$\ALYNYA\My Documents\lu403723sedlk.tmp\Thumbnails\</t>
  </si>
  <si>
    <t>01/15/2020 12:49:50</t>
  </si>
  <si>
    <t>01/15/2020 12:53:49</t>
  </si>
  <si>
    <t>f9764a61-0fa5-4dbb-a928-c90c7e436ed6.tmp</t>
  </si>
  <si>
    <t>\\acsfs\profiles$\Flaviojmm\Downloads\f9764a61-0fa5-4dbb-a928-c90c7e436ed6.tmp</t>
  </si>
  <si>
    <t>01/15/2020 12:48:57</t>
  </si>
  <si>
    <t>01/15/2020 12:54:48</t>
  </si>
  <si>
    <t>01/15/2020 12:49:03</t>
  </si>
  <si>
    <t>01/15/2020 12:49:06</t>
  </si>
  <si>
    <t>01/15/2020 12:49:29</t>
  </si>
  <si>
    <t>01/15/2020 12:49:33</t>
  </si>
  <si>
    <t>01/15/2020 12:50:00</t>
  </si>
  <si>
    <t>01/15/2020 12:50:06</t>
  </si>
  <si>
    <t>01/15/2020 12:50:21</t>
  </si>
  <si>
    <t>01/15/2020 12:50:36</t>
  </si>
  <si>
    <t>01/15/2020 12:50:37</t>
  </si>
  <si>
    <t>01/15/2020 12:50:47</t>
  </si>
  <si>
    <t>01/15/2020 12:50:57</t>
  </si>
  <si>
    <t>01/15/2020 12:50:59</t>
  </si>
  <si>
    <t>01/15/2020 12:51:04</t>
  </si>
  <si>
    <t>01/15/2020 12:50:30</t>
  </si>
  <si>
    <t>01/15/2020 12:50:31</t>
  </si>
  <si>
    <t>lu103321fz63r.tmp</t>
  </si>
  <si>
    <t>\\acsfs\profiles$\BRUNAAR\Numero\lu103321fz63r.tmp</t>
  </si>
  <si>
    <t>01/15/2020 12:51:23</t>
  </si>
  <si>
    <t>01/15/2020 12:49:58</t>
  </si>
  <si>
    <t>01/15/2020 12:55:49</t>
  </si>
  <si>
    <t>mail.google.com/sync/u/0/i/s?hl=pt-BR&amp;c=839</t>
  </si>
  <si>
    <t>01/15/2020 12:50:14</t>
  </si>
  <si>
    <t>01/15/2020 12:50:19</t>
  </si>
  <si>
    <t>01/15/2020 12:50:44</t>
  </si>
  <si>
    <t>01/15/2020 12:50:49</t>
  </si>
  <si>
    <t>01/15/2020 12:51:06</t>
  </si>
  <si>
    <t>mail.google.com/sync/u/0/i/s?hl=pt-BR&amp;c=852</t>
  </si>
  <si>
    <t>01/15/2020 12:52:17</t>
  </si>
  <si>
    <t>01/15/2020 12:52:37</t>
  </si>
  <si>
    <t>01/15/2020 12:52:47</t>
  </si>
  <si>
    <t>"10":{"1":"cawqabgbigjwdcgaoaa";"10":{"1":394;"12":"157909972127125f4fbc9faa17ea0";"13":"pt-br";"14":"br";"14":"pt"};"14":"pt-br"};"17":{"1":["1579099743556";"2":"-03:00";"2":"1579100090343"};"2":"1579100090344"};"2":{"1":3;"2":{"1":394}};"21":"";"25":{"1":"1579099721271";"26":{"2":[{"1":{"1":"xdocx";"27":[{"1":{"1":"134";"3":"rai carlos duarte frias";"3":{"2":"1579100091057"}};"30":0}/rs=ahpooo-i9r7ibctuqfj0v-fphrkrs8aihq/cb=gapi.loaded_0";"4":"pr_10_0"}];"4":"pr_9_0"};"4":{"1":{"1":[{"1":"gdoc"}]}};"5":"msg-a:r1530722314700003390";"7":"cakqabgbigvwdc1cuigaoaa"};"7":"caoqabgbigjwdcgaoaa"};"8":{"2":1};"mozilla/5.0 (windows nt 6.1) applewebkit/537.36 (khtml;0;0];0] �_x0003_�_x0006_(�?_x0007_�=�_x0006_9995;0]4003ll;0]\\\\\\\��/ &lt;l;0]als;0]l;0]mt �o� 99;0]�o� _x0001_;1;10;12;13;130841638;137;13700014;13700109�;13700185;13700451;13700607;13700883;13700946;13700951;13700982;13701207;13701235;13701276;13701298;13701422;13701450;13701506;13701510;13701534;13701537;13701573;13701577;13701589;13701625;13701653;13701657;13701749;13701825;13701901;1</t>
  </si>
  <si>
    <t>"10":{"1":"cawqabgbigjwdcgaoaa","10":{"1":394,"12":"157909972127125f4fbc9faa17ea0","13":"pt-br","14":"br","14":"pt"},"14":"pt-br"},"17":{"1":["1579099743556","2":"-03:00","2":"1579100090343"},"2":"1579100090344"},"2":{"1":3,"2":{"1":394}},"21":"","25":{"1":"1579099721271","26":{"2":[{"1":{"1":"xdocx","27":[{"1":{"1":"134","3":"rai carlos duarte frias","3":{"2":"1579100091057"}},"30":0}/rs=ahpooo-i9r7ibctuqfj0v-fphrkrs8aihq/cb=gapi.loaded_0","4":"pr_10_0"}],"4":"pr_9_0"},"4":{"1":{"1":[{"1":"gdoc"}]}},"5":"msg-a:r1530722314700003390","7":"cakqabgbigvwdc1cuigaoaa"},"7":"caoqabgbigjwdcgaoaa"},"8":{"2":1},"mozilla/5.0 (windows nt 6.1) applewebkit/537.36 (khtml,0,0],0] �_x0003_�_x0006_(�?_x0007_�=�_x0006_9995,0]4003ll,0]\\\\\\\��/ &lt;l,0]als,0]l,0]mt �o� 99,0]�o� _x0001_,1,10,12,13,130841638,137,13700014,13700109�,13700185,13700451,13700607,13700883,13700946,13700951,13700982,13701207,13701235,13701276,13701298,13701422,13701450,13701506,13701510,13701534,13701537,13701573,13701577,13701589,13701625,13701653,13701657,13701749,13701825,13701901,1</t>
  </si>
  <si>
    <t>01/15/2020 12:53:04</t>
  </si>
  <si>
    <t>01/15/2020 12:51:56</t>
  </si>
  <si>
    <t>01/15/2020 12:53:17</t>
  </si>
  <si>
    <t>01/15/2020 12:51:05</t>
  </si>
  <si>
    <t>01/15/2020 12:56:48</t>
  </si>
  <si>
    <t>c:\users\robsonams\downloads\</t>
  </si>
  <si>
    <t>advertência - planilha zerada.doc</t>
  </si>
  <si>
    <t>01/15/2020 12:52:03</t>
  </si>
  <si>
    <t>01/15/2020 12:53:33</t>
  </si>
  <si>
    <t>01/15/2020 12:54:34</t>
  </si>
  <si>
    <t>01/15/2020 12:55:04</t>
  </si>
  <si>
    <t>01/15/2020 12:57:48</t>
  </si>
  <si>
    <t>ca34ec79-9353-435a-b2e3-3550d4780474.tmp</t>
  </si>
  <si>
    <t>\\acsfs\profiles$\ayalabfi\Downloads\ca34ec79-9353-435a-b2e3-3550d4780474.tmp</t>
  </si>
  <si>
    <t>01/15/2020 12:54:16</t>
  </si>
  <si>
    <t>b3568b25-a0cf-4bd5-b05b-30f2dd8d05e7.tmp</t>
  </si>
  <si>
    <t>\\acsfs\profiles$\laylaams\Downloads\b3568b25-a0cf-4bd5-b05b-30f2dd8d05e7.tmp</t>
  </si>
  <si>
    <t>01/15/2020 12:55:14</t>
  </si>
  <si>
    <t>51e56e0c-60f0-4981-af79-c2c6391e1714.tmp</t>
  </si>
  <si>
    <t>\\acsfs\profiles$\laylaams\Downloads\51e56e0c-60f0-4981-af79-c2c6391e1714.tmp</t>
  </si>
  <si>
    <t>01/15/2020 12:58:48</t>
  </si>
  <si>
    <t>01/15/2020 12:53:32</t>
  </si>
  <si>
    <t>bvcartes-supervisores@algarnet.onmicrosoft.com;joaogvc@algartech.com;leonardoao@algartech.com;marianadjc@algartech.com;paulacn@algartech.com;planejamentodeoperacoesetrafego@bv.com.br;raphaelmco@algartech.com.br;ricardodfm@algartech.com.br;robsonams@algartech.com;sofiamses@algartech.com;taysdss@algartech.com;viniciussg@algartech.com;</t>
  </si>
  <si>
    <t>bvcartes-supervisores@algarnet.onmicrosoft.com,joaogvc@algartech.com,leonardoao@algartech.com,marianadjc@algartech.com,paulacn@algartech.com,planejamentodeoperacoesetrafego@bv.com.br,raphaelmco@algartech.com.br,ricardodfm@algartech.com.br,robsonams@algartech.com,sofiamses@algartech.com,taysdss@algartech.com,viniciussg@algartech.com</t>
  </si>
  <si>
    <t>01/15/2020 12:55:11</t>
  </si>
  <si>
    <t>mail.google.com/sync/u/0/i/s?hl=pt-BR&amp;c=335</t>
  </si>
  <si>
    <t>100014299414656;joaogvc@algartech.com;leonardoao@algartech.com;paulacn@algartech.com;ricardodfm@algartech.com.br;robsonams@algartech.com;taysdss@algartech.com;viniciussg@algartech.com;</t>
  </si>
  <si>
    <t>100014299414656,joaogvc@algartech.com,leonardoao@algartech.com,paulacn@algartech.com,ricardodfm@algartech.com.br,robsonams@algartech.com,taysdss@algartech.com,viniciussg@algartech.com</t>
  </si>
  <si>
    <t>01/15/2020 12:55:26</t>
  </si>
  <si>
    <t>RELATORIO DE LOGIN - FINANCEIRA - 14-01.xlsm</t>
  </si>
  <si>
    <t>\\acsfs\DEPTOS\Operacao\PCP\5 - Comum\PLANEJAMENTO BV\14 - ACOMPANHAMENTO\1 - REPORT ACOMPANHAMENTO\2020\1 - JANEIRO\FINANCEIRA\Login Logout Financeira\RELATORIO DE LOGIN - FINANCEIRA - 14-01.xlsm</t>
  </si>
  <si>
    <t>01/15/2020 12:55:31</t>
  </si>
  <si>
    <t>01/15/2020 12:57:45</t>
  </si>
  <si>
    <t>01/15/2020 12:57:49</t>
  </si>
  <si>
    <t>01/15/2020 12:53:52</t>
  </si>
  <si>
    <t>01/15/2020 12:54:12</t>
  </si>
  <si>
    <t>01/15/2020 12:54:18</t>
  </si>
  <si>
    <t>01/15/2020 12:59:48</t>
  </si>
  <si>
    <t>31a54ceb-5d7b-4c92-8067-b26422279f2d.tmp</t>
  </si>
  <si>
    <t>\\acsfs\profiles$\gabrielaff\Downloads\31a54ceb-5d7b-4c92-8067-b26422279f2d.tmp</t>
  </si>
  <si>
    <t>01/15/2020 12:56:06</t>
  </si>
  <si>
    <t>b4eaee10-05c2-4c55-9470-563e9b2310e7.tmp</t>
  </si>
  <si>
    <t>\\acsfs\profiles$\felipetds\Downloads\b4eaee10-05c2-4c55-9470-563e9b2310e7.tmp</t>
  </si>
  <si>
    <t>01/15/2020 13:00:48</t>
  </si>
  <si>
    <t>01/15/2020 13:00:50</t>
  </si>
  <si>
    <t>01/15/2020 13:01:48</t>
  </si>
  <si>
    <t>\\acsfs\Deptos\Operacao\Banco_Votorantim\Supervisao\ROBSON ÁLVARES MEDEIROS\ROBSON\</t>
  </si>
  <si>
    <t>\\acsfs\Deptos\Operacao\Banco_Votorantim\Supervisao\ROBSON ÁLVARES MEDEIROS\ROBSON\Thumbs.db</t>
  </si>
  <si>
    <t>01/15/2020 12:57:05</t>
  </si>
  <si>
    <t>01/15/2020 12:57:35</t>
  </si>
  <si>
    <t>01/15/2020 12:58:05</t>
  </si>
  <si>
    <t>01/15/2020 12:58:35</t>
  </si>
  <si>
    <t>01/15/2020 12:59:05</t>
  </si>
  <si>
    <t>01/15/2020 12:58:27</t>
  </si>
  <si>
    <t>01/15/2020 12:59:15</t>
  </si>
  <si>
    <t>01/15/2020 12:59:16</t>
  </si>
  <si>
    <t>01/15/2020 12:56:50</t>
  </si>
  <si>
    <t>9dabd067-3ba0-40aa-b2da-708364211023.tmp</t>
  </si>
  <si>
    <t>\\acsfs\profiles$\LUISPLS\Downloads\9dabd067-3ba0-40aa-b2da-708364211023.tmp</t>
  </si>
  <si>
    <t>01/15/2020 13:03:48</t>
  </si>
  <si>
    <t>01/15/2020 12:58:02</t>
  </si>
  <si>
    <t>01/15/2020 12:58:10</t>
  </si>
  <si>
    <t>01/15/2020 12:58:22</t>
  </si>
  <si>
    <t>01/15/2020 12:58:39</t>
  </si>
  <si>
    <t>01/15/2020 12:58:41</t>
  </si>
  <si>
    <t>01/15/2020 12:58:58</t>
  </si>
  <si>
    <t>01/15/2020 12:59:09</t>
  </si>
  <si>
    <t>01/15/2020 12:59:31</t>
  </si>
  <si>
    <t>01/15/2020 12:59:53</t>
  </si>
  <si>
    <t>01/15/2020 13:00:10</t>
  </si>
  <si>
    <t>01/15/2020 13:00:57</t>
  </si>
  <si>
    <t>01/15/2020 13:03:40</t>
  </si>
  <si>
    <t>01/15/2020 13:04:48</t>
  </si>
  <si>
    <t>fa1ec632-9cb7-447f-b9b3-555cba5a60a5.tmp</t>
  </si>
  <si>
    <t>\\acsfs\profiles$\dhiulliananads\Downloads\fa1ec632-9cb7-447f-b9b3-555cba5a60a5.tmp</t>
  </si>
  <si>
    <t>01/15/2020 13:05:48</t>
  </si>
  <si>
    <t>01/15/2020 13:05:06</t>
  </si>
  <si>
    <t>1.txt</t>
  </si>
  <si>
    <t>\\acsfs\profiles$\katiahmdj\My Documents\1.txt</t>
  </si>
  <si>
    <t>01/15/2020 13:04:19</t>
  </si>
  <si>
    <t>01/15/2020 13:06:48</t>
  </si>
  <si>
    <t>01/15/2020 13:04:21</t>
  </si>
  <si>
    <t>01/15/2020 13:04:31</t>
  </si>
  <si>
    <t>mail.google.com/sync/u/0/i/s?hl=pt-BR&amp;c=1037</t>
  </si>
  <si>
    <t>gabrielsma@bv.algartech.com;</t>
  </si>
  <si>
    <t>gabrielsma@bv.algartech.com</t>
  </si>
  <si>
    <t>01/15/2020 13:04:39</t>
  </si>
  <si>
    <t>01/15/2020 13:05:14</t>
  </si>
  <si>
    <t>mail.google.com/sync/u/0/i/s?hl=pt-BR&amp;c=1042</t>
  </si>
  <si>
    <t>01/15/2020 13:05:28</t>
  </si>
  <si>
    <t>mail.google.com/sync/u/0/i/s?hl=pt-BR&amp;c=1044</t>
  </si>
  <si>
    <t>01/15/2020 13:05:33</t>
  </si>
  <si>
    <t>01/15/2020 13:05:52</t>
  </si>
  <si>
    <t>Acompanhamento de Qualidade_Novembro (1).xlsx</t>
  </si>
  <si>
    <t>01/15/2020 13:05:58</t>
  </si>
  <si>
    <t>mail.google.com/sync/u/0/i/fd?hl=pt-BR&amp;c=1043</t>
  </si>
  <si>
    <t>01/15/2020 13:01:06</t>
  </si>
  <si>
    <t>01/15/2020 13:04:07</t>
  </si>
  <si>
    <t>01/15/2020 13:05:08</t>
  </si>
  <si>
    <t>01/15/2020 13:05:38</t>
  </si>
  <si>
    <t>3dfa3233-2bdd-4828-8300-ed5f378ef1cc.tmp</t>
  </si>
  <si>
    <t>\\acsfs\profiles$\quindaizaagds\Downloads\3dfa3233-2bdd-4828-8300-ed5f378ef1cc.tmp</t>
  </si>
  <si>
    <t>01/15/2020 13:03:06</t>
  </si>
  <si>
    <t>759d6c1b-6767-460e-9583-6244aa01637c.tmp</t>
  </si>
  <si>
    <t>\\acsfs\profiles$\quindaizaagds\Downloads\759d6c1b-6767-460e-9583-6244aa01637c.tmp</t>
  </si>
  <si>
    <t>01/15/2020 13:03:07</t>
  </si>
  <si>
    <t>e4c73a5a-506e-46cf-9981-b995a92d0a8b.tmp</t>
  </si>
  <si>
    <t>\\acsfs\profiles$\quindaizaagds\Downloads\e4c73a5a-506e-46cf-9981-b995a92d0a8b.tmp</t>
  </si>
  <si>
    <t>01/15/2020 13:06:35</t>
  </si>
  <si>
    <t>01/15/2020 13:08:48</t>
  </si>
  <si>
    <t>01/15/2020 13:08:08</t>
  </si>
  <si>
    <t>04840cc7-14e5-4420-ae4f-1235ba9e6bf1.tmp</t>
  </si>
  <si>
    <t>\\acsfs\profiles$\claudiajca\Downloads\04840cc7-14e5-4420-ae4f-1235ba9e6bf1.tmp</t>
  </si>
  <si>
    <t>01/15/2020 13:05:35</t>
  </si>
  <si>
    <t>01/15/2020 13:09:48</t>
  </si>
  <si>
    <t>eb26a9b8-57ce-428e-8817-f9e9c98e66a1.tmp</t>
  </si>
  <si>
    <t>\\acsfs\profiles$\larissaad\Downloads\eb26a9b8-57ce-428e-8817-f9e9c98e66a1.tmp</t>
  </si>
  <si>
    <t>01/15/2020 13:07:11</t>
  </si>
  <si>
    <t>01/15/2020 13:07:12</t>
  </si>
  <si>
    <t>01/15/2020 13:07:13</t>
  </si>
  <si>
    <t>01/15/2020 13:07:14</t>
  </si>
  <si>
    <t>01/15/2020 13:07:15</t>
  </si>
  <si>
    <t>01/15/2020 13:07:16</t>
  </si>
  <si>
    <t>01/15/2020 13:07:17</t>
  </si>
  <si>
    <t>01/15/2020 13:07:18</t>
  </si>
  <si>
    <t>01/15/2020 13:07:19</t>
  </si>
  <si>
    <t>01/15/2020 13:07:20</t>
  </si>
  <si>
    <t>01/15/2020 13:07:21</t>
  </si>
  <si>
    <t>01/15/2020 13:07:22</t>
  </si>
  <si>
    <t>01/15/2020 13:07:23</t>
  </si>
  <si>
    <t>01/15/2020 13:07:24</t>
  </si>
  <si>
    <t>01/15/2020 13:07:25</t>
  </si>
  <si>
    <t>01/15/2020 13:07:26</t>
  </si>
  <si>
    <t>01/15/2020 13:07:27</t>
  </si>
  <si>
    <t>01/15/2020 13:07:28</t>
  </si>
  <si>
    <t>01/15/2020 13:10:48</t>
  </si>
  <si>
    <t>01/15/2020 13:08:45</t>
  </si>
  <si>
    <t>01/15/2020 13:07:36</t>
  </si>
  <si>
    <t>01/15/2020 13:11:48</t>
  </si>
  <si>
    <t>. Portal Top ..url</t>
  </si>
  <si>
    <t>\\acsfs\profiles$\milennyss\Favorites\. Portal Top ..url</t>
  </si>
  <si>
    <t>01/15/2020 13:12:16</t>
  </si>
  <si>
    <t>01/15/2020 13:13:48</t>
  </si>
  <si>
    <t>a7045190-3bd9-4aed-ab86-acee8913128f.tmp</t>
  </si>
  <si>
    <t>\\acsfs\profiles$\gabrielsma\Downloads\a7045190-3bd9-4aed-ab86-acee8913128f.tmp</t>
  </si>
  <si>
    <t>01/15/2020 13:12:21</t>
  </si>
  <si>
    <t>Não confirmado 618861.crdownload</t>
  </si>
  <si>
    <t>\\acsfs\ACS\Gabriel da Silva\Contemporânea\Gen\Não confirmado 618861.crdownload</t>
  </si>
  <si>
    <t>01/15/2020 13:12:31</t>
  </si>
  <si>
    <t>01/15/2020 13:14:48</t>
  </si>
  <si>
    <t>4fdfdde2-cbb5-43d4-8441-1ffbe06436e7.tmp</t>
  </si>
  <si>
    <t>\\acsfs\profiles$\mariagsg\Downloads\4fdfdde2-cbb5-43d4-8441-1ffbe06436e7.tmp</t>
  </si>
  <si>
    <t>01/15/2020 13:10:07</t>
  </si>
  <si>
    <t>01/15/2020 13:10:08</t>
  </si>
  <si>
    <t>lu10756ou0yl.tmp</t>
  </si>
  <si>
    <t>\\acsfs\profiles$\dhiulliananads\My Documents\lu10756ou0yl.tmp</t>
  </si>
  <si>
    <t>\\acsfs\profiles$\dhiulliananads\My Documents\lu10756ou0yl.tmp\</t>
  </si>
  <si>
    <t>\\acsfs\profiles$\dhiulliananads\My Documents\lu10756ou0yl.tmp\META-INF\</t>
  </si>
  <si>
    <t>\\acsfs\profiles$\dhiulliananads\My Documents\lu10756ou0yl.tmp\Thumbnails\</t>
  </si>
  <si>
    <t>01/15/2020 13:15:48</t>
  </si>
  <si>
    <t>01/15/2020 13:13:51</t>
  </si>
  <si>
    <t>01/15/2020 13:18:48</t>
  </si>
  <si>
    <t>https://bvcartes-supervisores@algarnet.onmicrosoft.com,joaogvc@algartech.com,leonardoao@algartech.com,marianadjc@algartech.com,paulacn@algartech.com,planejamentodeoperacoesetrafego@bv.com.br,raphaelmco@algartech.com.br,ricardodfm@algartech.com.br,robsonams@algartech.com,sofiamses@algartech.com,taysdss@algartech.com,viniciussg@algartech.com</t>
  </si>
  <si>
    <t>01/15/2020 13:17:32</t>
  </si>
  <si>
    <t>RELATORIO DE LOGIN - BV CARTÕES 13-01 - Cópia.xlsm</t>
  </si>
  <si>
    <t>\\acsfs\DEPTOS\Operacao\PCP\5 - Comum\PLANEJAMENTO BV\14 - ACOMPANHAMENTO\1 - REPORT ACOMPANHAMENTO\2020\1 - JANEIRO\CARTÕES\Login Logout Cartões\RELATORIO DE LOGIN - BV CARTÕES 13-01 - Cópia.xlsm</t>
  </si>
  <si>
    <t>01/15/2020 13:18:06</t>
  </si>
  <si>
    <t>01/15/2020 13:20:48</t>
  </si>
  <si>
    <t>http:///batch/drive/v2internal?%24ct=multipart%2Fmixed%3B%20boundary%3D%22%3D%3D%3D%3D%3D24oyg5jqf7u%3D%3D%3D%3D%3D%22&amp;key=AIzaSyAy9VVXHSpS2IJpptzYtGbLP3-3_l0aBk4</t>
  </si>
  <si>
    <t>"[[];"mozilla/5.0 (windows nt 6.1) applewebkit/537.36 (khtml;#bco-inspetoria@bancovotorantim.com.br;0]06;0]4003ll;0]\\\\\\k�� &lt;l;0]als;0]l;0]ribedchildren;0]��v_x0004_\\;1;13;130841638;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44;1578930052848000;1578930058554000;1578941802361;1578973107601;1579001683422;1579009510098;1579030649468;1579102033179;1579102334176;17;1ya5yrwelrso-yxib3ctz0mdjsqkh2uffmn2kfrmynlkfp2vhk5vxrjlyzc1nx1i8okgrxz4hh9fxnqqavexbjgszjfxng_3tikapcccza7s5nl0iiv528sipt3_n6smfvjyvnmz5gmbld86jsedcdqpnbowbtwaejdtwlwiwyazylw418myzkyijnl</t>
  </si>
  <si>
    <t>http://"[[],"mozilla/5.0 (windows nt 6.1) applewebkit/537.36 (khtml,#bco-inspetoria@bancovotorantim.com.br,0]06,0]4003ll,0]\\\\\\k�� &lt;l,0]als,0]l,0]ribedchildren,0]��v_x0004_\\,1,13,130841638,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44,1578930052848000,1578930058554000,1578941802361,1578973107601,1579001683422,1579009510098,1579030649468,1579102033179,1579102334176,17,1ya5yrwelrso-yxib3ctz0mdjsqkh2uffmn2kfrmynlkfp2vhk5vxrjlyzc1nx1i8okgrxz4hh9fxnqqavexbjgszjfxng_3tikapcccza7s5nl0iiv528sipt3_n6smfvjyvnmz5gmbld86jsedcdqpnbowbtwaejdtwlwiwyazylw418my</t>
  </si>
  <si>
    <t>01/15/2020 13:18:10</t>
  </si>
  <si>
    <t>http:///batch/drive/v2internal?%24ct=multipart%2Fmixed%3B%20boundary%3D%22%3D%3D%3D%3D%3Dde1jbq5ycj%3D%3D%3D%3D%3D%22&amp;key=AIzaSyAy9VVXHSpS2IJpptzYtGbLP3-3_l0aBk4</t>
  </si>
  <si>
    <t>01/15/2020 13:18:12</t>
  </si>
  <si>
    <t>http:///batch/drive/v2internal?%24ct=multipart%2Fmixed%3B%20boundary%3D%22%3D%3D%3D%3D%3D9uq6x7k8emmy%3D%3D%3D%3D%3D%22&amp;key=AIzaSyAy9VVXHSpS2IJpptzYtGbLP3-3_l0aBk4</t>
  </si>
  <si>
    <t>http:///batch/drive/v2internal?%24ct=multipart%2Fmixed%3B%20boundary%3D%22%3D%3D%3D%3D%3Dpvae9s2mp5k6%3D%3D%3D%3D%3D%22&amp;key=AIzaSyAy9VVXHSpS2IJpptzYtGbLP3-3_l0aBk4</t>
  </si>
  <si>
    <t>01/15/2020 13:18:26</t>
  </si>
  <si>
    <t>http:///batch/drive/v2internal?%24ct=multipart%2Fmixed%3B%20boundary%3D%22%3D%3D%3D%3D%3Do1uak1mm1iyo%3D%3D%3D%3D%3D%22&amp;key=AIzaSyAy9VVXHSpS2IJpptzYtGbLP3-3_l0aBk4</t>
  </si>
  <si>
    <t>http://_x0003_���_x001C_x�*x_x0006_��e`y_x000E_,"[[],"mozilla/5.0 (windows nt 6.1) applewebkit/537.36 (khtml,0,0],0]",0]22] �_x0003_�_x0006_(�?_x0007_�=�_x0006_9995,0]],0]l,0]ll,0]ribedchildren,0]}ls,1,1253,13,130841638,13700014,13700109,13700109�,13700167,13700185,13700235,13700451,13700563,13700607,13700883,13700946,13700951,13700982,13701078,13701139,13701207,13701214,13701235,13701235]],13701235]]],13701239,13701262,13701276,13701298,13701418,13701422,13701430,13701450,13701458,13701486,13701506,13701510,13701534,13701537,13701573,13701577,13701589,13701609,13701613,13701625,13701653,13701657,13701693,13701709,13701749,13701825,13701833,13701901,13701905,13701909,13701921,13701945,13701945]],13701945]]],13701949,13701953,13701957,13701969,13702064,13702068,13702088,142961685,1578915539161\,1578915882896000,1578915886959000,1578923371630\,1578930052848000,1578930058554000,1578930666787,1578940598260,1579002887516,1579004392649,1579014326512,1579030649468,1579037922075\,1579037922677\,1579037932305,1579100829204,17,1]]",1ya5yrwelrso-yxib3ctz0mdjsqkh2uffm</t>
  </si>
  <si>
    <t>http:///batch/drive/v2internal?%24ct=multipart%2Fmixed%3B%20boundary%3D%22%3D%3D%3D%3D%3Djgmyi7mtst4w%3D%3D%3D%3D%3D%22&amp;key=AIzaSyAy9VVXHSpS2IJpptzYtGbLP3-3_l0aBk4</t>
  </si>
  <si>
    <t>01/15/2020 13:18:40</t>
  </si>
  <si>
    <t>http:///batch/drive/v2internal?%24ct=multipart%2Fmixed%3B%20boundary%3D%22%3D%3D%3D%3D%3Dck5ecepvcz41%3D%3D%3D%3D%3D%22&amp;key=AIzaSyAy9VVXHSpS2IJpptzYtGbLP3-3_l0aBk4</t>
  </si>
  <si>
    <t>01/15/2020 13:18:41</t>
  </si>
  <si>
    <t>http:///batch/drive/v2internal?%24ct=multipart%2Fmixed%3B%20boundary%3D%22%3D%3D%3D%3D%3D7zlq4592pdv2%3D%3D%3D%3D%3D%22&amp;key=AIzaSyAy9VVXHSpS2IJpptzYtGbLP3-3_l0aBk4</t>
  </si>
  <si>
    <t>01/15/2020 13:19:46</t>
  </si>
  <si>
    <t>ancestorhasaugmentedpermissions;andrelpsa@algartech.com;containsunsubscribedchildren;displayname;domain;emailaddress;fabianacscg@algartech.com;file(kind;fileid;filesize;harunams@algartech.com;hasthumbnail;hasvisitorpermissions;id;id);items(deleted;items(kind;ken;kind;lastmodifyinguser(kind;lastviewedbymedate;mirianppb@algartech.com;modifiedbymedate;modifieddate;ontainsunsubscribedchildren;owners(kind;per;permission;permissionid;picture;shared;sharedwithmedate;talmaiardo@algartech.com;taysdss@algartech.com;thumbnailversion;title;userpermission(role);workspaceids;</t>
  </si>
  <si>
    <t>ancestorhasaugmentedpermissions,andrelpsa@algartech.com,containsunsubscribedchildren,displayname,domain,emailaddress,fabianacscg@algartech.com,file(kind,fileid,filesize,harunams@algartech.com,hasthumbnail,hasvisitorpermissions,id,id),items(deleted,items(kind,ken,kind,lastmodifyinguser(kind,lastviewedbymedate,mirianppb@algartech.com,modifiedbymedate,modifieddate,ontainsunsubscribedchildren,owners(kind,per,permission,permissionid,picture,shared,sharedwithmedate,talmaiardo@algartech.com,taysdss@algartech.com,thumbnailversion,title,userpermission(role),workspaceids</t>
  </si>
  <si>
    <t>01/15/2020 13:19:51</t>
  </si>
  <si>
    <t>01/15/2020 13:19:59</t>
  </si>
  <si>
    <t>http:///batch/drive/v2internal?%24ct=multipart%2Fmixed%3B%20boundary%3D%22%3D%3D%3D%3D%3D3efb1gjpoy7c%3D%3D%3D%3D%3D%22&amp;key=AIzaSyAy9VVXHSpS2IJpptzYtGbLP3-3_l0aBk4</t>
  </si>
  <si>
    <t>http://"mozilla/5.0 (windows nt 6.1) applewebkit/537.36 (khtml,0,0]4003ll,0]:0}:0})�� 66,0]l,1,10,13,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709,13701749,13701825,13701833,13701901,13701905,13701909,13701921,13701945]],13701945]]],13701949,13701953,13701957,13701969,13702064,13702068,13702088,142961685,1578930052848000,1578930058554000,1578932773978,1579010413173,17,1ya5yrwelrso-yxib3ctz0mdjsqkh2uffmn2kfrmynlkfp2vhk5vxrjlyzc1nx1i8okgrxz4hh9fxnqqavexbjgszjfxng_3tikapcccza7s5nl0iiv528sipt3_n6smfvjyvnmz5gmbld86jsedcdqpnbowbtwaejdtwlwiwyazylw418myzkyijnlherxkuhkwirbjlepto_djldn08dfaund-n0qfk8wr4qxtcvxvv5frog\",267,4,4100],5701393,6.1,79,["mozilla/5.0 (windows nt 6.1) applewebkit/537.36 (khtml,[1,[[13701</t>
  </si>
  <si>
    <t>01/15/2020 13:20:00</t>
  </si>
  <si>
    <t>http:///batch/drive/v2internal?%24ct=multipart%2Fmixed%3B%20boundary%3D%22%3D%3D%3D%3D%3Dcaqdlx5y6sjm%3D%3D%3D%3D%3D%22&amp;key=AIzaSyAy9VVXHSpS2IJpptzYtGbLP3-3_l0aBk4</t>
  </si>
  <si>
    <t>01/15/2020 13:20:46</t>
  </si>
  <si>
    <t>01/15/2020 13:21:49</t>
  </si>
  <si>
    <t>01/15/2020 13:21:21</t>
  </si>
  <si>
    <t>Novas Anotações.txt</t>
  </si>
  <si>
    <t>\\acsfs\profiles$\jonathanwap\Novas Anotações.txt</t>
  </si>
  <si>
    <t>01/15/2020 13:21:16</t>
  </si>
  <si>
    <t>01/15/2020 13:22:48</t>
  </si>
  <si>
    <t>01/15/2020 13:24:48</t>
  </si>
  <si>
    <t>01/15/2020 13:24:20</t>
  </si>
  <si>
    <t>01/15/2020 13:24:21</t>
  </si>
  <si>
    <t>01/15/2020 13:24:22</t>
  </si>
  <si>
    <t>01/15/2020 13:24:23</t>
  </si>
  <si>
    <t>01/15/2020 13:24:24</t>
  </si>
  <si>
    <t>01/15/2020 13:24:29</t>
  </si>
  <si>
    <t>01/15/2020 13:24:31</t>
  </si>
  <si>
    <t>01/15/2020 13:24:32</t>
  </si>
  <si>
    <t>01/15/2020 13:22:53</t>
  </si>
  <si>
    <t>e4a3edec-ca8a-4708-87fa-314716003122.tmp</t>
  </si>
  <si>
    <t>\\acsfs\profiles$\felipetds\Downloads\e4a3edec-ca8a-4708-87fa-314716003122.tmp</t>
  </si>
  <si>
    <t>01/15/2020 13:25:48</t>
  </si>
  <si>
    <t>"mozilla/5.0 (windows nt 6.1) applewebkit/537.36 (khtml;0]_x0001_ml;1;12;13;13700014;13700109;13700185;13700451;13700951;13701207;13701298;13701422;13701430;13701450;13701506;13701537;13701573;13701577;13701625;13701657;13701693;13701749;13701825;13701901;13701905;13701957;13701969;13702068;13702088;142961685;1578930052848000;1578930058554000;1578933375029;5701393;[[13701418;[];[]]];adfn-ct7ciskssyu-68afh9xg7xv2c6f8dx_seofhsqerkx2bhpqslb3crfufkpjjmcd4mgjscrt;andrelpsa@algartech.com;atuima2v-l-r4mlrttnejldjmmcmtjqqdb_eo8phe2_wqj_y1ojumr1iabvw2ppblwocree42tuodgonxc9zyg_d_xfmczfydcj19wasowu2czwzo34dk_awsnncoxru\";fabianacscg@algartech.com;false;false];fu-jjgodysoi_w";gbvŢ_x001C_���{_x001C_x�g�?`�ǻq_x001C_t��msyn���_x000E_�`�ݻqglz/e�#n�ߣɡ`��^m�/�w_x001E_y1۟?\�8;gbvŢ_x001C_���{_x001C_x�i�?`��;gbvŢ_x001C_���{_x001C_x�n�?`��;harunams@algartech.com;ken=ac4w5vhljczanhxnqi1woyx0avs9x8dipw:1578930052842&amp;buildlabel=drive.web-frontend_20200101.00_p4�_x001C_(͇ )gl������_x0006_�-��y�@e�����_x000E_����f�/��}�����o]&lt;!���s�7�1e�_x0015__x001C_;�u� �x_x001F_��}g��ϊ_x001B_=���[{-紗��:}vh�~x[��&lt;�p��g?_x001E_5���_x0017_�ɟ'_x0019_�#��Ã�o1_x0007_��ڟ��d}����</t>
  </si>
  <si>
    <t>"mozilla/5.0 (windows nt 6.1) applewebkit/537.36 (khtml,0]_x0001_ml,1,12,13,13700014,13700109,13700185,13700451,13700951,13701207,13701298,13701422,13701430,13701450,13701506,13701537,13701573,13701577,13701625,13701657,13701693,13701749,13701825,13701901,13701905,13701957,13701969,13702068,13702088,142961685,1578930052848000,1578930058554000,1578933375029,5701393,[[13701418,[],[]]],adfn-ct7ciskssyu-68afh9xg7xv2c6f8dx_seofhsqerkx2bhpqslb3crfufkpjjmcd4mgjscrt,andrelpsa@algartech.com,atuima2v-l-r4mlrttnejldjmmcmtjqqdb_eo8phe2_wqj_y1ojumr1iabvw2ppblwocree42tuodgonxc9zyg_d_xfmczfydcj19wasowu2czwzo34dk_awsnncoxru\",fabianacscg@algartech.com,false,false],fu-jjgodysoi_w",gbvŢ_x001C_���{_x001C_x�g�?`�ǻq_x001C_t��msyn���_x000E_�`�ݻqglz/e�#n�ߣɡ`��^m�/�w_x001E_y1۟?\�8,gbvŢ_x001C_���{_x001C_x�i�?`��,gbvŢ_x001C_���{_x001C_x�n�?`��,harunams@algartech.com,ken=ac4w5vhljczanhxnqi1woyx0avs9x8dipw:1578930052842&amp;buildlabel=drive.web-frontend_20200101.00_p4�_x001C_(͇ )gl������_x0006_�-��y�@e�����_x000E_����f�/��}�����o]&lt;!���s�7�1e�_x0015__x001C_;�u� �x_x001F_��}g��ϊ_x001B_=���[{-紗��:}vh�~x[��&lt;�p��g?_x001E_5���_x0017_�ɟ'_x0019_�#��Ã�o1_x0007_��ڟ��d}����</t>
  </si>
  <si>
    <t>01/15/2020 13:20:55</t>
  </si>
  <si>
    <t>0]3701909��/ &lt;l;142961685;1578942705440;43;[];[]]];andrelpsa@algartech.com;atuima2v-l-r4mlrttnejldjmmcmtjqqdb_eo8phe2_wqj_y1ojumr1iabvw2ppblwocree42tuodgonxc9zyppd_xfpyadfszlfa5wbbkxjuyj0lbh_dqkjbuxnxvg8\";fabianacscg@algartech.com;false;harunams@algartech.com;mirianppb@algartech.com;null;talmaiardo@algartech.com;taysdss@algartech.com;true]";</t>
  </si>
  <si>
    <t>0]3701909��/ &lt;l,142961685,1578942705440,43,[],[]]],andrelpsa@algartech.com,atuima2v-l-r4mlrttnejldjmmcmtjqqdb_eo8phe2_wqj_y1ojumr1iabvw2ppblwocree42tuodgonxc9zyppd_xfpyadfszlfa5wbbkxjuyj0lbh_dqkjbuxnxvg8\",fabianacscg@algartech.com,false,harunams@algartech.com,mirianppb@algartech.com,null,talmaiardo@algartech.com,taysdss@algartech.com,true]"</t>
  </si>
  <si>
    <t>http:///batch/drive/v2internal?%24ct=multipart%2Fmixed%3B%20boundary%3D%22%3D%3D%3D%3D%3Dtzxgk8a2s3em%3D%3D%3D%3D%3D%22&amp;key=AIzaSyAy9VVXHSpS2IJpptzYtGbLP3-3_l0aBk4</t>
  </si>
  <si>
    <t>142961685;318;[];ancestorhasaugmentedpermissions;containsunsubscribedchildren;displayname;domain;eivihpy39ubolmwn_tv0dulmvvvaumoqm1yahm2btwwn1gfxo0i2ldsyrmtc0s24p_ylydw7r0kcp9zrqof_2cpezk4wzkbkpilq4mn3otkryc5fpr7z99ozy3mof9eauhp4k7mjxgqntjdpj6mixvyvafv_bov-gzziu2j5ho4--ddnw7kowdlxcwbvz0las0obvsffchpclln_yajqcpna8e2yjkslqjfybdiqteq5kzpcwpzjvhpvnh2juz_fk6evvb3wlnbfsc9kl0omp-zbhp6pfbtw2k13nw3g\";emailaddress;false;file(kind;fileid;filesize;hasthumbnail;hasvisitorpermissions;id;id);items(deleted;ken;kind;lastmodifyinguser(kind;lastviewedbymedate;modifiedbymedate;modifieddate;null;ontainsunsubscribedchildren;owners(kind;per;permissionid;picture;shared;sharedwithmedate;thumbnailversion;title;true]";userpermission(role);workspaceids;</t>
  </si>
  <si>
    <t>http://142961685,318,[],ancestorhasaugmentedpermissions,containsunsubscribedchildren,displayname,domain,eivihpy39ubolmwn_tv0dulmvvvaumoqm1yahm2btwwn1gfxo0i2ldsyrmtc0s24p_ylydw7r0kcp9zrqof_2cpezk4wzkbkpilq4mn3otkryc5fpr7z99ozy3mof9eauhp4k7mjxgqntjdpj6mixvyvafv_bov-gzziu2j5ho4--ddnw7kowdlxcwbvz0las0obvsffchpclln_yajqcpna8e2yjkslqjfybdiqteq5kzpcwpzjvhpvnh2juz_fk6evvb3wlnbfsc9kl0omp-zbhp6pfbtw2k13nw3g\",emailaddress,false,file(kind,fileid,filesize,hasthumbnail,hasvisitorpermissions,id,id),items(deleted,ken,kind,lastmodifyinguser(kind,lastviewedbymedate,modifiedbymedate,modifieddate,null,ontainsunsubscribedchildren,owners(kind,per,permissionid,picture,shared,sharedwithmedate,thumbnailversion,title,true]",userpermission(role),workspaceids</t>
  </si>
  <si>
    <t>01/15/2020 13:21:17</t>
  </si>
  <si>
    <t>http:///batch/drive/v2internal?%24ct=multipart%2Fmixed%3B%20boundary%3D%22%3D%3D%3D%3D%3Dp8hqxayej7v%3D%3D%3D%3D%3D%22&amp;key=AIzaSyAy9VVXHSpS2IJpptzYtGbLP3-3_l0aBk4</t>
  </si>
  <si>
    <t>01/15/2020 13:22:47</t>
  </si>
  <si>
    <t>http:///batch/drive/v2internal?%24ct=multipart%2Fmixed%3B%20boundary%3D%22%3D%3D%3D%3D%3Drfxpsz984wn8%3D%3D%3D%3D%3D%22&amp;key=AIzaSyAy9VVXHSpS2IJpptzYtGbLP3-3_l0aBk4</t>
  </si>
  <si>
    <t>01/15/2020 13:23:17</t>
  </si>
  <si>
    <t>01/15/2020 13:24:45</t>
  </si>
  <si>
    <t>01/15/2020 13:25:04</t>
  </si>
  <si>
    <t>01/15/2020 13:22:49</t>
  </si>
  <si>
    <t>http:///batch/drive/v2internal?%24ct=multipart%2Fmixed%3B%20boundary%3D%22%3D%3D%3D%3D%3D4tng269k3euv%3D%3D%3D%3D%3D%22&amp;key=AIzaSyAy9VVXHSpS2IJpptzYtGbLP3-3_l0aBk4</t>
  </si>
  <si>
    <t>01/15/2020 13:22:54</t>
  </si>
  <si>
    <t>0]4003ll;0]als;142961685;1579008607030;1ya5yrwelrso-yxib3ctz0mdjsqkh2uffmn2kfrmynlkfp2vhk5vxrjlyzc1nx1i8okgrxz4hh9fxnqqavexbjgszjfxng_3tikapcccza7s5nl0iiv528sipt3_n6smfvjyvnmz5gmbld86jsedcdqpnbowbtwaejdtwlwiwyazylw418myzkyijnlherxkuhkwirbhleptkloftqyrupnwqoirujzck2cpj4l2ykrivfe0jg\";261;[];[]]];false;null;true]";</t>
  </si>
  <si>
    <t>0]4003ll,0]als,142961685,1579008607030,1ya5yrwelrso-yxib3ctz0mdjsqkh2uffmn2kfrmynlkfp2vhk5vxrjlyzc1nx1i8okgrxz4hh9fxnqqavexbjgszjfxng_3tikapcccza7s5nl0iiv528sipt3_n6smfvjyvnmz5gmbld86jsedcdqpnbowbtwaejdtwlwiwyazylw418myzkyijnlherxkuhkwirbhleptkloftqyrupnwqoirujzck2cpj4l2ykrivfe0jg\",261,[],[]]],false,null,true]"</t>
  </si>
  <si>
    <t>01/15/2020 13:23:15</t>
  </si>
  <si>
    <t>01/15/2020 13:26:48</t>
  </si>
  <si>
    <t>01/15/2020 13:23:46</t>
  </si>
  <si>
    <t>01/15/2020 13:24:16</t>
  </si>
  <si>
    <t>01/15/2020 13:24:46</t>
  </si>
  <si>
    <t>01/15/2020 13:24:39</t>
  </si>
  <si>
    <t>lu1559610ndxi.tmp</t>
  </si>
  <si>
    <t>\\acsfs\profiles$\jonathanwap\lu1559610ndxi.tmp</t>
  </si>
  <si>
    <t>\\acsfs\profiles$\jonathanwap\lu1559610ndxi.tmp\</t>
  </si>
  <si>
    <t>\\acsfs\profiles$\jonathanwap\lu1559610ndxi.tmp\META-INF\</t>
  </si>
  <si>
    <t>\\acsfs\profiles$\jonathanwap\lu1559610ndxi.tmp\Thumbnails\</t>
  </si>
  <si>
    <t>01/15/2020 13:22:02</t>
  </si>
  <si>
    <t>https://udpwfmniceap02/pt_br/web/guest/home?p_auth=xj7kbesw&amp;p_p_id=58&amp;p_p_lifecycle=1&amp;p_p_state=maximized&amp;p_p_mode=view&amp;savelastpath=0&amp;_58_struts_action=/login/forgot_password</t>
  </si>
  <si>
    <t>01/15/2020 13:27:48</t>
  </si>
  <si>
    <t>3625e602-ca06-4632-94fa-15ab1e987ff5.tmp</t>
  </si>
  <si>
    <t>\\acsfs\profiles$\gabrielafs\Downloads\3625e602-ca06-4632-94fa-15ab1e987ff5.tmp</t>
  </si>
  <si>
    <t>01/15/2020 13:23:23</t>
  </si>
  <si>
    <t>898a8d37-130a-43a3-9b52-4048abce86f1.tmp</t>
  </si>
  <si>
    <t>\\acsfs\profiles$\gabrielafs\Downloads\898a8d37-130a-43a3-9b52-4048abce86f1.tmp</t>
  </si>
  <si>
    <t>01/15/2020 13:27:08</t>
  </si>
  <si>
    <t>abe704a6-81d4-499b-8674-1292265b59bd.tmp</t>
  </si>
  <si>
    <t>\\acsfs\profiles$\isabellegtds\Downloads\abe704a6-81d4-499b-8674-1292265b59bd.tmp</t>
  </si>
  <si>
    <t>01/15/2020 13:29:48</t>
  </si>
  <si>
    <t>01/15/2020 13:24:37</t>
  </si>
  <si>
    <t>01/15/2020 13:24:38</t>
  </si>
  <si>
    <t>01/15/2020 13:24:42</t>
  </si>
  <si>
    <t>01/15/2020 13:24:44</t>
  </si>
  <si>
    <t>01/15/2020 13:24:47</t>
  </si>
  <si>
    <t>01/15/2020 13:24:49</t>
  </si>
  <si>
    <t>01/15/2020 13:24:51</t>
  </si>
  <si>
    <t>01/15/2020 13:24:53</t>
  </si>
  <si>
    <t>01/15/2020 13:24:54</t>
  </si>
  <si>
    <t>01/15/2020 13:24:57</t>
  </si>
  <si>
    <t>01/15/2020 13:24:59</t>
  </si>
  <si>
    <t>01/15/2020 13:25:00</t>
  </si>
  <si>
    <t>01/15/2020 13:25:08</t>
  </si>
  <si>
    <t>01/15/2020 13:25:09</t>
  </si>
  <si>
    <t>01/15/2020 13:25:14</t>
  </si>
  <si>
    <t>01/15/2020 13:25:16</t>
  </si>
  <si>
    <t>01/15/2020 13:25:18</t>
  </si>
  <si>
    <t>01/15/2020 13:25:20</t>
  </si>
  <si>
    <t>01/15/2020 13:25:22</t>
  </si>
  <si>
    <t>01/15/2020 13:25:24</t>
  </si>
  <si>
    <t>01/15/2020 13:25:26</t>
  </si>
  <si>
    <t>01/15/2020 13:25:28</t>
  </si>
  <si>
    <t>01/15/2020 13:25:30</t>
  </si>
  <si>
    <t>01/15/2020 13:25:32</t>
  </si>
  <si>
    <t>01/15/2020 13:26:06</t>
  </si>
  <si>
    <t>01/15/2020 13:26:08</t>
  </si>
  <si>
    <t>01/15/2020 13:26:13</t>
  </si>
  <si>
    <t>01/15/2020 13:26:15</t>
  </si>
  <si>
    <t>01/15/2020 13:26:24</t>
  </si>
  <si>
    <t>01/15/2020 13:26:25</t>
  </si>
  <si>
    <t>01/15/2020 13:26:26</t>
  </si>
  <si>
    <t>01/15/2020 13:26:28</t>
  </si>
  <si>
    <t>01/15/2020 13:26:30</t>
  </si>
  <si>
    <t>01/15/2020 13:26:31</t>
  </si>
  <si>
    <t>01/15/2020 13:27:00</t>
  </si>
  <si>
    <t>01/15/2020 13:25:41</t>
  </si>
  <si>
    <t>01/15/2020 13:30:48</t>
  </si>
  <si>
    <t>01/15/2020 13:26:07</t>
  </si>
  <si>
    <t>http:///batch/drive/v2internal?%24ct=multipart%2Fmixed%3B%20boundary%3D%22%3D%3D%3D%3D%3Dhqgewp3gasyt%3D%3D%3D%3D%3D%22&amp;key=AIzaSyAy9VVXHSpS2IJpptzYtGbLP3-3_l0aBk4</t>
  </si>
  <si>
    <t>"mozilla/5.0 (windows nt 6.1) applewebkit/537.36 (khtml;0]0]0":0}}�j� _x0001_;0]:0}:0})�� 66;0]ackages\tornado\platform\interface.py;0]als;0]l;0]ll;1;13;13/01/2020;130841638;13700014;13700109;13700185;13700451;13700951;13701207;13701298;13701422;13701430;13701450;13701506;13701537;13701573;13701577;13701625;13701657;13701693;13701749;13701825;13701901;13701905;13701957;13701969;13702068;13702088;142961685;1578930052848000;1578930058554000;1578931268841;1578958659580;1578988003061;1578996732112;1578997334102;1579011617271;1579101431193;1579101732188;193;1ya5yrwelrso-yxib3ctz0mdjsqkh2uffmn2kfrmynlkfp2vhk5vxrjlyzc1nx1i8okgrxz4hh9fxnqqavexbjgszjfxng_3tikapcccza7s5nl0iiv528sipt3_n6smfvjyvnmz5gmbld86jsedcdqpnbowbtwaejdtwlwiwyazylw418myzkyijnlherxkuhkwiradlept6s2wwy3irlvxilsn2tmtreu5sjcyzesw5wrmka\";1ya5yrwelrso-yxib3ctz0mdjsqkh2uffmn2kfrmynlkfp2vhk5vxrjlyzc1nx1i8okgrxz4hh9fxnqqavexbjgszjfxng_3tikapcccza7s5nl0iiv528sipt3_n6smfvjyvnmz5gmbld86jsedcdqpnbowbtwaejdtwlwiwyazylw418myzkyijnlherxkuhkwirb8leptlasz0q5gsq45bqhdpg08al</t>
  </si>
  <si>
    <t>http://"mozilla/5.0 (windows nt 6.1) applewebkit/537.36 (khtml,0]0]0":0}}�j� _x0001_,0]:0}:0})�� 66,0]ackages\tornado\platform\interface.py,0]als,0]l,0]ll,1,13,13/01/2020,130841638,13700014,13700109,13700185,13700451,13700951,13701207,13701298,13701422,13701430,13701450,13701506,13701537,13701573,13701577,13701625,13701657,13701693,13701749,13701825,13701901,13701905,13701957,13701969,13702068,13702088,142961685,1578930052848000,1578930058554000,1578931268841,1578958659580,1578988003061,1578996732112,1578997334102,1579011617271,1579101431193,1579101732188,193,1ya5yrwelrso-yxib3ctz0mdjsqkh2uffmn2kfrmynlkfp2vhk5vxrjlyzc1nx1i8okgrxz4hh9fxnqqavexbjgszjfxng_3tikapcccza7s5nl0iiv528sipt3_n6smfvjyvnmz5gmbld86jsedcdqpnbowbtwaejdtwlwiwyazylw418myzkyijnlherxkuhkwiradlept6s2wwy3irlvxilsn2tmtreu5sjcyzesw5wrmka\",1ya5yrwelrso-yxib3ctz0mdjsqkh2uffmn2kfrmynlkfp2vhk5vxrjlyzc1nx1i8okgrxz4hh9fxnqqavexbjgszjfxng_3tikapcccza7s5nl0iiv528sipt3_n6smfvjyvnmz5gmbld86jsedcdqpnbowbtwaejdtwlwiwyazylw418myzkyijnlherxkuhkwirb8leptlasz0q5gsq45bqh</t>
  </si>
  <si>
    <t>http:///batch/drive/v2internal?%24ct=multipart%2Fmixed%3B%20boundary%3D%22%3D%3D%3D%3D%3Djf82f4aoneqk%3D%3D%3D%3D%3D%22&amp;key=AIzaSyAy9VVXHSpS2IJpptzYtGbLP3-3_l0aBk4</t>
  </si>
  <si>
    <t>01/15/2020 13:27:31</t>
  </si>
  <si>
    <t>"[[];"mozilla/5.0 (windows nt 6.1) applewebkit/537.36 (khtml;0;0];0] _x0018_�2_x0007_c-4e;0]3701506�_x0005_� \\;0]:0};0]\\\\\\\_�o &lt;l;0]\\\\\\\�h�_x0004_&lt;l;0]\\\\\\\��1 &lt;l;0]\\\\\\l|{ &lt;l;0]\\\\\\} � \\;0]\\��� &lt;l;0]ackages\tornado\platform\interface.py;0]als;0]d;0]ersion\&gt;\(ds��� 1.;0]l;0]ll;0]ribedchildren;1;107;11;12;121;13;130841638;135;135�_x0004_;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961685;147;15;151;1578930052848000;1578930058554000;1578942404414;1578946919315;1578952338029;1578959261631;1578961969976;1578966183923;1578970398365;1578974156685;1578975360790;</t>
  </si>
  <si>
    <t>"[[],"mozilla/5.0 (windows nt 6.1) applewebkit/537.36 (khtml,0,0],0] _x0018_�2_x0007_c-4e,0]3701506�_x0005_� \\,0]:0},0]\\\\\\\_�o &lt;l,0]\\\\\\\��1 &lt;l,0]\\\\\\\�h�_x0004_&lt;l,0]\\\\\\l|{ &lt;l,0]\\\\\\} � \\,0]\\��� &lt;l,0]ackages\tornado\platform\interface.py,0]als,0]d,0]ersion\&gt;\(ds��� 1.,0]l,0]ll,0]ribedchildren,1,107,11,12,121,13,130841638,135,135�_x0004_,13700014,13700109,13700167,13700185,13700235,13700451,13700563,13700607,13700883,13700946,13700951,13700982,13701078,13701139,13701207,13701214,13701235,13701239,13701262,13701276,13701298,13701422,13701430,13701450,13701458,13701486,13701506,13701510,13701534,13701537,13701573,13701577,13701589,13701609,13701613,13701625,13701653,13701657,13701693,13701693�,13701709,13701749,13701825,13701833,13701901,13701905,13701909,13701921,13701945]],13701945]]],13701949,13701953,13701957,13701969,13702064,13702068,13702088,142961685,147,15,151,1578930052848000,1578930058554000,1578942404414,1578946919315,1578952338029,1578959261631,1578961969976,1578966183923,1578970398365,1578974156685,1578975360790,</t>
  </si>
  <si>
    <t>01/15/2020 13:27:52</t>
  </si>
  <si>
    <t>mail.google.com/sync/u/0/i/s?hl=pt-BR&amp;c=1036</t>
  </si>
  <si>
    <t>"mozilla/5.0 (windows nt 6.1) applewebkit/537.36 (khtml,0]0]0":0}}�j� _x0001_,0]:0}:0})�� 66,0]ackages\tornado\platform\interface.py,0]als,0]l,0]ll,1,13,13/01/2020,130841638,13700014,13700109,13700185,13700451,13700951,13701207,13701298,13701422,13701430,13701450,13701506,13701537,13701573,13701577,13701625,13701657,13701693,13701749,13701825,13701901,13701905,13701957,13701969,13702068,13702088,142961685,1578930052848000,1578930058554000,1578931268841,1578958659580,1578988003061,1578996732112,1578997334102,1579011617271,1579101431193,1579101732188,193,1ya5yrwelrso-yxib3ctz0mdjsqkh2uffmn2kfrmynlkfp2vhk5vxrjlyzc1nx1i8okgrxz4hh9fxnqqavexbjgszjfxng_3tikapcccza7s5nl0iiv528sipt3_n6smfvjyvnmz5gmbld86jsedcdqpnbowbtwaejdtwlwiwyazylw418myzkyijnlherxkuhkwiradlept6s2wwy3irlvxilsn2tmtreu5sjcyzesw5wrmka\",1ya5yrwelrso-yxib3ctz0mdjsqkh2uffmn2kfrmynlkfp2vhk5vxrjlyzc1nx1i8okgrxz4hh9fxnqqavexbjgszjfxng_3tikapcccza7s5nl0iiv528sipt3_n6smfvjyvnmz5gmbld86jsedcdqpnbowbtwaejdtwlwiwyazylw418myzkyijnlherxkuhkwirb8leptlasz0q5gsq45bqhdpg08al</t>
  </si>
  <si>
    <t>01/15/2020 13:26:17</t>
  </si>
  <si>
    <t>01/15/2020 13:31:48</t>
  </si>
  <si>
    <t>01/15/2020 13:26:47</t>
  </si>
  <si>
    <t>01/15/2020 13:27:17</t>
  </si>
  <si>
    <t>01/15/2020 13:31:20</t>
  </si>
  <si>
    <t>01/15/2020 13:32:48</t>
  </si>
  <si>
    <t>\\acsfs\Deptos\EDUCACAO EMPRESARIAL\KÉSIA\E78018DF.tmp\</t>
  </si>
  <si>
    <t>\\acsfs\Deptos\EDUCACAO EMPRESARIAL\KÉSIA\E78018DF.tmp\:Zone.Identifier:$DATA</t>
  </si>
  <si>
    <t>01/15/2020 13:31:23</t>
  </si>
  <si>
    <t>\\acsfs\Deptos\EDUCACAO EMPRESARIAL\KÉSIA\ALERTA DE ATENDIMENTO.xlsx\</t>
  </si>
  <si>
    <t>\\acsfs\Deptos\EDUCACAO EMPRESARIAL\KÉSIA\ALERTA DE ATENDIMENTO.xlsx</t>
  </si>
  <si>
    <t>hdphoto3.wdp</t>
  </si>
  <si>
    <t>hdphoto4.wdp</t>
  </si>
  <si>
    <t>hdphoto5.wdp</t>
  </si>
  <si>
    <t>hdphoto6.wdp</t>
  </si>
  <si>
    <t>ALERTA DE ATENDIMENTO.xlsx</t>
  </si>
  <si>
    <t>01/15/2020 13:30:14</t>
  </si>
  <si>
    <t>01/15/2020 13:30:20</t>
  </si>
  <si>
    <t>01/15/2020 13:30:21</t>
  </si>
  <si>
    <t>01/15/2020 13:30:23</t>
  </si>
  <si>
    <t>01/15/2020 13:30:25</t>
  </si>
  <si>
    <t>01/15/2020 13:30:26</t>
  </si>
  <si>
    <t>01/15/2020 13:30:28</t>
  </si>
  <si>
    <t>01/15/2020 13:30:29</t>
  </si>
  <si>
    <t>01/15/2020 13:30:33</t>
  </si>
  <si>
    <t>01/15/2020 13:30:35</t>
  </si>
  <si>
    <t>01/15/2020 13:30:36</t>
  </si>
  <si>
    <t>01/15/2020 13:30:38</t>
  </si>
  <si>
    <t>01/15/2020 13:30:40</t>
  </si>
  <si>
    <t>01/15/2020 13:30:42</t>
  </si>
  <si>
    <t>01/15/2020 13:30:43</t>
  </si>
  <si>
    <t>01/15/2020 13:33:48</t>
  </si>
  <si>
    <t>01/15/2020 13:30:44</t>
  </si>
  <si>
    <t>01/15/2020 13:30:45</t>
  </si>
  <si>
    <t>01/15/2020 13:30:49</t>
  </si>
  <si>
    <t>01/15/2020 13:30:53</t>
  </si>
  <si>
    <t>01/15/2020 13:30:54</t>
  </si>
  <si>
    <t>01/15/2020 13:30:56</t>
  </si>
  <si>
    <t>01/15/2020 13:30:58</t>
  </si>
  <si>
    <t>01/15/2020 13:30:59</t>
  </si>
  <si>
    <t>01/15/2020 13:31:00</t>
  </si>
  <si>
    <t>01/15/2020 13:31:02</t>
  </si>
  <si>
    <t>01/15/2020 13:31:03</t>
  </si>
  <si>
    <t>01/15/2020 13:31:04</t>
  </si>
  <si>
    <t>01/15/2020 13:31:05</t>
  </si>
  <si>
    <t>01/15/2020 13:31:06</t>
  </si>
  <si>
    <t>01/15/2020 13:31:07</t>
  </si>
  <si>
    <t>01/15/2020 13:31:09</t>
  </si>
  <si>
    <t>01/15/2020 13:31:11</t>
  </si>
  <si>
    <t>01/15/2020 13:31:12</t>
  </si>
  <si>
    <t>01/15/2020 13:31:13</t>
  </si>
  <si>
    <t>01/15/2020 13:31:14</t>
  </si>
  <si>
    <t>01/15/2020 13:31:15</t>
  </si>
  <si>
    <t>01/15/2020 13:31:16</t>
  </si>
  <si>
    <t>01/15/2020 13:31:42</t>
  </si>
  <si>
    <t>01/15/2020 13:34:48</t>
  </si>
  <si>
    <t>64d0e17d-b7a1-4615-a150-524a480d4086.tmp</t>
  </si>
  <si>
    <t>\\acsfs\profiles$\fabianafv\Downloads\64d0e17d-b7a1-4615-a150-524a480d4086.tmp</t>
  </si>
  <si>
    <t>01/15/2020 13:33:07</t>
  </si>
  <si>
    <t>f8205841-c0cf-4084-9ec2-675d52ed3ee9.tmp</t>
  </si>
  <si>
    <t>\\acsfs\profiles$\fabianafv\Downloads\f8205841-c0cf-4084-9ec2-675d52ed3ee9.tmp</t>
  </si>
  <si>
    <t>01/15/2020 13:33:52</t>
  </si>
  <si>
    <t>fddb8e8a-7687-495d-9cb0-40914f11d17b.tmp</t>
  </si>
  <si>
    <t>\\acsfs\profiles$\fabianafv\Downloads\fddb8e8a-7687-495d-9cb0-40914f11d17b.tmp</t>
  </si>
  <si>
    <t>01/15/2020 13:35:48</t>
  </si>
  <si>
    <t>01/15/2020 13:33:12</t>
  </si>
  <si>
    <t>Nathalia Oliveira Souza_1_6777078627867630828_1_32.wav</t>
  </si>
  <si>
    <t>\\acsfs\Deptos\EDUCACAO EMPRESARIAL\FERNANDA MONIT\Fernanda\MONITORIA JANEIRO\Ligação para MUTANT segundo ciclo janeiro\Nathalia Oliveira Souza_1_6777078627867630828_1_32.wav</t>
  </si>
  <si>
    <t>01/15/2020 13:34:01</t>
  </si>
  <si>
    <t>01/15/2020 13:34:58</t>
  </si>
  <si>
    <t>mail.google.com/sync/u/0/i/s?hl=pt-BR&amp;c=639</t>
  </si>
  <si>
    <t>01/15/2020 13:35:01</t>
  </si>
  <si>
    <t>01/15/2020 13:35:05</t>
  </si>
  <si>
    <t>01/15/2020 13:35:07</t>
  </si>
  <si>
    <t>01/15/2020 13:33:50</t>
  </si>
  <si>
    <t>01/15/2020 13:36:48</t>
  </si>
  <si>
    <t>01/15/2020 13:34:21</t>
  </si>
  <si>
    <t>01/15/2020 13:34:51</t>
  </si>
  <si>
    <t>01/15/2020 13:35:21</t>
  </si>
  <si>
    <t>01/15/2020 13:32:56</t>
  </si>
  <si>
    <t>01/15/2020 13:37:48</t>
  </si>
  <si>
    <t>01/15/2020 13:33:17</t>
  </si>
  <si>
    <t>01/15/2020 13:33:21</t>
  </si>
  <si>
    <t>01/15/2020 13:33:34</t>
  </si>
  <si>
    <t>01/15/2020 13:33:41</t>
  </si>
  <si>
    <t>01/15/2020 13:34:11</t>
  </si>
  <si>
    <t>01/15/2020 13:34:13</t>
  </si>
  <si>
    <t>01/15/2020 13:34:18</t>
  </si>
  <si>
    <t>mail.google.com/sync/u/0/i/s?hl=pt-BR&amp;c=977</t>
  </si>
  <si>
    <t>01/15/2020 13:33:36</t>
  </si>
  <si>
    <t>GABRIELA FERREIRA FRAGA_1_6777342484888501298_1_32.wav</t>
  </si>
  <si>
    <t>\\acsfs\Deptos\EDUCACAO EMPRESARIAL\KÉSIA\Ligações 2º ciclo - Janeiro 2020\GABRIELA FERREIRA FRAGA_1_6777342484888501298_1_32.wav</t>
  </si>
  <si>
    <t>01/15/2020 13:36:56</t>
  </si>
  <si>
    <t>b90b6e65-b1b9-437d-87fc-6cab2f04ff94.tmp</t>
  </si>
  <si>
    <t>\\acsfs\profiles$\kellzylenneasr\Downloads\b90b6e65-b1b9-437d-87fc-6cab2f04ff94.tmp</t>
  </si>
  <si>
    <t>01/15/2020 13:33:19</t>
  </si>
  <si>
    <t>01/15/2020 13:38:48</t>
  </si>
  <si>
    <t>1d681a08-5497-4111-a5cc-c3ca27a62336.tmp</t>
  </si>
  <si>
    <t>\\acsfs\profiles$\nathaliaos\Downloads\1d681a08-5497-4111-a5cc-c3ca27a62336.tmp</t>
  </si>
  <si>
    <t>01/15/2020 13:34:41</t>
  </si>
  <si>
    <t>534c6b3f-f634-4a19-b84e-8c7204135cc0.tmp</t>
  </si>
  <si>
    <t>\\acsfs\profiles$\nathaliaos\Downloads\534c6b3f-f634-4a19-b84e-8c7204135cc0.tmp</t>
  </si>
  <si>
    <t>01/15/2020 13:33:13</t>
  </si>
  <si>
    <t>100014239771614;</t>
  </si>
  <si>
    <t>https://100014239771614</t>
  </si>
  <si>
    <t>01/15/2020 13:33:18</t>
  </si>
  <si>
    <t>01/15/2020 13:33:43</t>
  </si>
  <si>
    <t>100014239771614;bvcartes-supervisores@algarnet.onmicrosoft.com;joaogvc@algartech.com;leonardoao@algartech.com;marianadjc@algartech.com;paulacn@algartech.com;ricardodfm@algartech.com.br;sofiamses@algartech.com;taysdss@algartech.com;viniciussg@algartech.com;</t>
  </si>
  <si>
    <t>https://100014239771614,bvcartes-supervisores@algarnet.onmicrosoft.com,joaogvc@algartech.com,leonardoao@algartech.com,marianadjc@algartech.com,paulacn@algartech.com,ricardodfm@algartech.com.br,sofiamses@algartech.com,taysdss@algartech.com,viniciussg@algartech.com</t>
  </si>
  <si>
    <t>01/15/2020 13:35:35</t>
  </si>
  <si>
    <t>01/15/2020 13:35:51</t>
  </si>
  <si>
    <t>01/15/2020 13:35:56</t>
  </si>
  <si>
    <t>100014239771614;bvcartes-supervisores@algarnet.onmicrosoft.com;joaogvc@algartech.com;leonardoao@algartech.com;marianacds@algartech.com;marianadjc@algartech.com;paulacn@algartech.com;ricardodfm@algartech.com.br;sofiamses@algartech.com;taysdss@algartech.com;thiagordu@algartech.com;viniciussg@algartech.com;</t>
  </si>
  <si>
    <t>100014239771614,bvcartes-supervisores@algarnet.onmicrosoft.com,joaogvc@algartech.com,leonardoao@algartech.com,marianacds@algartech.com,marianadjc@algartech.com,paulacn@algartech.com,ricardodfm@algartech.com.br,sofiamses@algartech.com,taysdss@algartech.com,thiagordu@algartech.com,viniciussg@algartech.com</t>
  </si>
  <si>
    <t>01/15/2020 13:36:15</t>
  </si>
  <si>
    <t>01/15/2020 13:36:21</t>
  </si>
  <si>
    <t>mail.google.com/sync/u/0/i/s?hl=pt-BR&amp;c=416</t>
  </si>
  <si>
    <t>01/15/2020 13:36:26</t>
  </si>
  <si>
    <t>100014239771614;joaogvc@algartech.com;leonardoao@algartech.com;marianacds@algartech.com;marianadjc@algartech.com;paulacn@algartech.com;ricardodfm@algartech.com.br;taysdss@algartech.com;thiagordu@algartech.com;viniciussg@algartech.com;</t>
  </si>
  <si>
    <t>100014239771614,joaogvc@algartech.com,leonardoao@algartech.com,marianacds@algartech.com,marianadjc@algartech.com,paulacn@algartech.com,ricardodfm@algartech.com.br,taysdss@algartech.com,thiagordu@algartech.com,viniciussg@algartech.com</t>
  </si>
  <si>
    <t>01/15/2020 13:36:30</t>
  </si>
  <si>
    <t>01/15/2020 13:36:35</t>
  </si>
  <si>
    <t>joaogvc@algartech.com;leonardoao@algartech.com;marianacds@algartech.com;marianadjc@algartech.com;paulacn@algartech.com;ricardodfm@algartech.com.br;robsonams@algartech.com;taysdss@algartech.com;thiagordu@algartech.com;viniciussg@algartech.com;</t>
  </si>
  <si>
    <t>joaogvc@algartech.com,leonardoao@algartech.com,marianacds@algartech.com,marianadjc@algartech.com,paulacn@algartech.com,ricardodfm@algartech.com.br,robsonams@algartech.com,taysdss@algartech.com,thiagordu@algartech.com,viniciussg@algartech.com</t>
  </si>
  <si>
    <t>01/15/2020 13:36:44</t>
  </si>
  <si>
    <t>01/15/2020 13:36:51</t>
  </si>
  <si>
    <t>mail.google.com/sync/u/0/i/s?hl=pt-BR&amp;c=426</t>
  </si>
  <si>
    <t>mail.google.com/sync/u/0/i/s?hl=pt-BR&amp;c=428</t>
  </si>
  <si>
    <t>01/15/2020 13:37:02</t>
  </si>
  <si>
    <t>01/15/2020 13:37:10</t>
  </si>
  <si>
    <t>01/15/2020 13:37:18</t>
  </si>
  <si>
    <t>01/15/2020 13:37:36</t>
  </si>
  <si>
    <t>mail.google.com/sync/u/0/i/s?hl=pt-BR&amp;c=439</t>
  </si>
  <si>
    <t>01/15/2020 13:37:52</t>
  </si>
  <si>
    <t>RELATORIO DE LOGIN - BV CARTÕES 14-01.xlsm</t>
  </si>
  <si>
    <t>\\acsfs\DEPTOS\Operacao\PCP\5 - Comum\PLANEJAMENTO BV\14 - ACOMPANHAMENTO\1 - REPORT ACOMPANHAMENTO\2020\1 - JANEIRO\CARTÕES\Login Logout Cartões\RELATORIO DE LOGIN - BV CARTÕES 14-01.xlsm</t>
  </si>
  <si>
    <t>01/15/2020 13:39:15</t>
  </si>
  <si>
    <t>01/15/2020 13:40:48</t>
  </si>
  <si>
    <t>10.200.67.38</t>
  </si>
  <si>
    <t>78-2B-CB-C1-06-F7</t>
  </si>
  <si>
    <t>VOTORANT-RB007</t>
  </si>
  <si>
    <t>wagnerhad</t>
  </si>
  <si>
    <t>https://udpwfmniceap02/pt_br/group/control_panel/manage?p_auth=zpiki1ka&amp;p_p_id=2&amp;p_p_lifecycle=1&amp;p_p_state=pop_up&amp;p_p_mode=view&amp;doasgroupid=11454&amp;refererplid=11484&amp;controlpanelcategory=my&amp;_2_struts_action=/my_account/edit_user_portrait</t>
  </si>
  <si>
    <t>Lighthouse.jpg</t>
  </si>
  <si>
    <t>01/15/2020 13:39:45</t>
  </si>
  <si>
    <t>01/15/2020 13:39:46</t>
  </si>
  <si>
    <t>lu11608y3zj7.tmp</t>
  </si>
  <si>
    <t>\\acsfs\profiles$\VIVIANALDS\My Documents\lu11608y3zj7.tmp</t>
  </si>
  <si>
    <t>\\acsfs\profiles$\VIVIANALDS\My Documents\lu11608y3zj7.tmp\</t>
  </si>
  <si>
    <t>\\acsfs\profiles$\VIVIANALDS\My Documents\lu11608y3zj7.tmp\META-INF\</t>
  </si>
  <si>
    <t>\\acsfs\profiles$\VIVIANALDS\My Documents\lu11608y3zj7.tmp\Thumbnails\</t>
  </si>
  <si>
    <t>01/15/2020 13:39:18</t>
  </si>
  <si>
    <t>http:///batch/drive/v2internal?%24ct=multipart%2Fmixed%3B%20boundary%3D%22%3D%3D%3D%3D%3Dpzfk97x815tf%3D%3D%3D%3D%3D%22&amp;key=AIzaSyAy9VVXHSpS2IJpptzYtGbLP3-3_l0aBk4</t>
  </si>
  <si>
    <t>"[[];"mozilla/5.0 (windows nt 6.1) applewebkit/537.36 (khtml;#bco-inspetoria@bancovotorantim.com.br;0];0]";0]];0]als;0]l;0]ribedchildren;0]t_x0008_��t_x0008_fphr;1;1253;13;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15539161\;1578923371630\;1578930052848000;1578930058554000;1579013122409;1579030649468;1579037922075\;1579037922677\;1579037932305;1579073117766;1]]";1ya5yrwelrso-yxib3ctz0mdjsqkh2uffmn2kfrmynlkfp2vhk5vxrjlyzc1nx1i8okgrxz4hh9fxnqqavexbjgszjfxng_3tikapcccza7s5nl0iiv528sipt3_n6smfvjyvnmz5gmbld86jsedcdqpnbowbtwaejdtwlwiwyazylw418myzkyijnlherxkuhkwiry2lept0rbfyxyiohq4hezbkjnnav7gb8u1l3wvxoaaxa\";276;387;463;4repet0scaaaa4liaaaanmqf2kz44sg1npvhrp5ya-eah9mzpvg6kl9izriwjk97h6v_kcjh4sw2rf_itsulvo-3l</t>
  </si>
  <si>
    <t>http://"[[],"mozilla/5.0 (windows nt 6.1) applewebkit/537.36 (khtml,#bco-inspetoria@bancovotorantim.com.br,0],0]",0]],0]als,0]l,0]ribedchildren,0]t_x0008_��t_x0008_fphr,1,1253,13,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15539161\,1578923371630\,1578930052848000,1578930058554000,1579013122409,1579030649468,1579037922075\,1579037922677\,1579037932305,1579073117766,1]]",1ya5yrwelrso-yxib3ctz0mdjsqkh2uffmn2kfrmynlkfp2vhk5vxrjlyzc1nx1i8okgrxz4hh9fxnqqavexbjgszjfxng_3tikapcccza7s5nl0iiv528sipt3_n6smfvjyvnmz5gmbld86jsedcdqpnbowbtwaejdtwlwiwyazylw418myzkyijnlherxkuhkwiry2lept0rbfyxyiohq4hezbkjnnav7gb8u1l3wvxoaaxa\",276,387,463,4repet0scaaaa4liaaaanmqf2kz44sg1npvhrp5ya-eah9mzpvg6kl9izriwjk97h6v_kcjh4sw2rf_its</t>
  </si>
  <si>
    <t>http:///batch/drive/v2internal?%24ct=multipart%2Fmixed%3B%20boundary%3D%22%3D%3D%3D%3D%3Dlomqn7ul7ioo%3D%3D%3D%3D%3D%22&amp;key=AIzaSyAy9VVXHSpS2IJpptzYtGbLP3-3_l0aBk4</t>
  </si>
  <si>
    <t>01/15/2020 13:39:19</t>
  </si>
  <si>
    <t>http:///batch/drive/v2internal?%24ct=multipart%2Fmixed%3B%20boundary%3D%22%3D%3D%3D%3D%3D2r4xywx5p4fq%3D%3D%3D%3D%3D%22&amp;key=AIzaSyAy9VVXHSpS2IJpptzYtGbLP3-3_l0aBk4</t>
  </si>
  <si>
    <t>01/15/2020 13:37:22</t>
  </si>
  <si>
    <t>01/15/2020 13:41:48</t>
  </si>
  <si>
    <t>01/15/2020 13:38:22</t>
  </si>
  <si>
    <t>01/15/2020 13:38:52</t>
  </si>
  <si>
    <t>01/15/2020 13:39:23</t>
  </si>
  <si>
    <t>01/15/2020 13:39:53</t>
  </si>
  <si>
    <t>01/15/2020 13:40:53</t>
  </si>
  <si>
    <t>01/15/2020 13:38:06</t>
  </si>
  <si>
    <t>01/15/2020 13:42:48</t>
  </si>
  <si>
    <t>01/15/2020 13:38:28</t>
  </si>
  <si>
    <t>01/15/2020 13:38:42</t>
  </si>
  <si>
    <t>01/15/2020 13:38:55</t>
  </si>
  <si>
    <t>01/15/2020 13:43:48</t>
  </si>
  <si>
    <t>01/15/2020 13:37:59</t>
  </si>
  <si>
    <t>01/15/2020 13:38:12</t>
  </si>
  <si>
    <t>mail.google.com/_/upload?authuser=0&amp;dcp=asu-n&amp;upload_id=AEnB2UqrSmwy7DLhIAxOMFJVsK1d6bBX2Zwl_v988_wI-4PRYfabzCbuI3AdJS8i7WTpQohEqdJa2T4ZKS3q4QG1diweKCEtCmh-jzmFzGcDlfNJnNPubos&amp;upload_protocol=resumable</t>
  </si>
  <si>
    <t>01/15/2020 13:39:41</t>
  </si>
  <si>
    <t>01/15/2020 13:40:31</t>
  </si>
  <si>
    <t>01/15/2020 13:40:37</t>
  </si>
  <si>
    <t>https://www.zimbra.com/e/</t>
  </si>
  <si>
    <t>01/15/2020 13:40:42</t>
  </si>
  <si>
    <t>01/15/2020 13:41:01</t>
  </si>
  <si>
    <t>01/14/2020 23:56:39</t>
  </si>
  <si>
    <t>01/15/2020 13:44:48</t>
  </si>
  <si>
    <t>lu3970849j0l8.tmp</t>
  </si>
  <si>
    <t>\\acsfs\profiles$\jalilebds\Downloads\lu3970849j0l8.tmp</t>
  </si>
  <si>
    <t>01/14/2020 23:57:19</t>
  </si>
  <si>
    <t>$IOO32DV.xlsx</t>
  </si>
  <si>
    <t>\\acsfs\profiles$\jalilebds\Downloads\$RECYCLE.BIN\$IOO32DV.xlsx</t>
  </si>
  <si>
    <t>01/15/2020 13:39:24</t>
  </si>
  <si>
    <t>01/15/2020 13:41:26</t>
  </si>
  <si>
    <t>01/15/2020 13:43:29</t>
  </si>
  <si>
    <t>29fdd78c-e6af-48bb-a9b0-5961bfce9c6d.tmp</t>
  </si>
  <si>
    <t>\\acsfs\profiles$\brendadsl\Downloads\29fdd78c-e6af-48bb-a9b0-5961bfce9c6d.tmp</t>
  </si>
  <si>
    <t>01/15/2020 13:43:30</t>
  </si>
  <si>
    <t>4242d77f-071b-467b-bc31-36b086dea8a9.tmp</t>
  </si>
  <si>
    <t>\\acsfs\profiles$\brendadsl\Downloads\4242d77f-071b-467b-bc31-36b086dea8a9.tmp</t>
  </si>
  <si>
    <t>01/15/2020 13:43:31</t>
  </si>
  <si>
    <t>8ad87ce5-8c04-4a71-bde4-5b247081c206.tmp</t>
  </si>
  <si>
    <t>\\acsfs\profiles$\brendadsl\Downloads\8ad87ce5-8c04-4a71-bde4-5b247081c206.tmp</t>
  </si>
  <si>
    <t>01/15/2020 13:43:33</t>
  </si>
  <si>
    <t>d4c569de-7ce7-4d22-bcae-e5d2505013bd.tmp</t>
  </si>
  <si>
    <t>\\acsfs\profiles$\brendadsl\Downloads\d4c569de-7ce7-4d22-bcae-e5d2505013bd.tmp</t>
  </si>
  <si>
    <t>01/15/2020 13:43:34</t>
  </si>
  <si>
    <t>8e14122b-6c85-441c-929d-545e57573c5c.tmp</t>
  </si>
  <si>
    <t>\\acsfs\profiles$\brendadsl\Downloads\8e14122b-6c85-441c-929d-545e57573c5c.tmp</t>
  </si>
  <si>
    <t>01/15/2020 13:40:00</t>
  </si>
  <si>
    <t>01/15/2020 13:45:48</t>
  </si>
  <si>
    <t>01/15/2020 13:44:13</t>
  </si>
  <si>
    <t>ANDREZACAPF</t>
  </si>
  <si>
    <t>\\acsfs\profiles$\ANDREZACAPF\Contacts\</t>
  </si>
  <si>
    <t>ANDREZA CAROLINE AGUIAR PIRES FERREIRA (30104).contact</t>
  </si>
  <si>
    <t>\\acsfs\profiles$\ANDREZACAPF\Contacts\ANDREZA CAROLINE AGUIAR PIRES FERREIRA (30104).contact</t>
  </si>
  <si>
    <t>01/15/2020 13:44:20</t>
  </si>
  <si>
    <t>\\acsfs\profiles$\ANDREZACAPF\My Documents\My Videos\</t>
  </si>
  <si>
    <t>\\acsfs\profiles$\ANDREZACAPF\My Documents\My Videos\desktop.ini</t>
  </si>
  <si>
    <t>\\acsfs\profiles$\ANDREZACAPF\My Documents\My Pictures\</t>
  </si>
  <si>
    <t>\\acsfs\profiles$\ANDREZACAPF\My Documents\My Pictures\desktop.ini</t>
  </si>
  <si>
    <t>01/15/2020 13:44:21</t>
  </si>
  <si>
    <t>\\acsfs\profiles$\ANDREZACAPF\Contacts\desktop.ini</t>
  </si>
  <si>
    <t>01/15/2020 13:44:22</t>
  </si>
  <si>
    <t>\\acsfs\profiles$\ANDREZACAPF\Favorites\</t>
  </si>
  <si>
    <t>\\acsfs\profiles$\ANDREZACAPF\Favorites\desktop.ini</t>
  </si>
  <si>
    <t>01/15/2020 13:44:23</t>
  </si>
  <si>
    <t>\\acsfs\profiles$\ANDREZACAPF\My Documents\My Music\</t>
  </si>
  <si>
    <t>\\acsfs\profiles$\ANDREZACAPF\My Documents\My Music\desktop.ini</t>
  </si>
  <si>
    <t>01/15/2020 13:44:24</t>
  </si>
  <si>
    <t>\\acsfs\profiles$\ANDREZACAPF\Searches\</t>
  </si>
  <si>
    <t>\\acsfs\profiles$\ANDREZACAPF\Searches\desktop.ini</t>
  </si>
  <si>
    <t>\\acsfs\profiles$\ANDREZACAPF\Downloads\</t>
  </si>
  <si>
    <t>\\acsfs\profiles$\ANDREZACAPF\Downloads\desktop.ini</t>
  </si>
  <si>
    <t>\\acsfs\profiles$\ANDREZACAPF\My Documents\</t>
  </si>
  <si>
    <t>\\acsfs\profiles$\ANDREZACAPF\My Documents\desktop.ini</t>
  </si>
  <si>
    <t>01/15/2020 13:44:25</t>
  </si>
  <si>
    <t>\\acsfs\profiles$\ANDREZACAPF\Saved Games\</t>
  </si>
  <si>
    <t>\\acsfs\profiles$\ANDREZACAPF\Saved Games\desktop.ini</t>
  </si>
  <si>
    <t>01/15/2020 13:44:33</t>
  </si>
  <si>
    <t>\\acsfs\profiles$\andrezacapf\Favorites\Links for Brasil\</t>
  </si>
  <si>
    <t>\\acsfs\profiles$\andrezacapf\Favorites\Links for Brasil\desktop.ini</t>
  </si>
  <si>
    <t>01/15/2020 13:44:34</t>
  </si>
  <si>
    <t>\\acsfs\profiles$\andrezacapf\Favorites\Links for Brasil\Microsoft Brasil.url</t>
  </si>
  <si>
    <t>\\acsfs\profiles$\andrezacapf\Favorites\Links for Brasil\Windows Brasil.url</t>
  </si>
  <si>
    <t>\\acsfs\profiles$\andrezacapf\Favorites\Links for Brasil\MSN Brasil.url</t>
  </si>
  <si>
    <t>01/15/2020 13:42:00</t>
  </si>
  <si>
    <t>01/15/2020 13:42:10</t>
  </si>
  <si>
    <t>01/15/2020 13:42:26</t>
  </si>
  <si>
    <t>01/15/2020 13:45:34</t>
  </si>
  <si>
    <t>01/15/2020 13:46:48</t>
  </si>
  <si>
    <t>e49f29f0-10eb-449f-b173-f33ec6cf5e69.tmp</t>
  </si>
  <si>
    <t>\\acsfs\profiles$\sarahbal\Downloads\e49f29f0-10eb-449f-b173-f33ec6cf5e69.tmp</t>
  </si>
  <si>
    <t>01/15/2020 13:41:24</t>
  </si>
  <si>
    <t>01/15/2020 13:44:56</t>
  </si>
  <si>
    <t>01/15/2020 13:45:56</t>
  </si>
  <si>
    <t>01/15/2020 13:45:18</t>
  </si>
  <si>
    <t>01/15/2020 13:48:48</t>
  </si>
  <si>
    <t>386d9b29-74e5-4327-ab2a-15f5787b072f.tmp</t>
  </si>
  <si>
    <t>\\acsfs\profiles$\KARENJSS\Downloads\386d9b29-74e5-4327-ab2a-15f5787b072f.tmp</t>
  </si>
  <si>
    <t>01/15/2020 13:46:12</t>
  </si>
  <si>
    <t>c1f6ea58-e94d-461c-bc78-12332070f1ce.tmp</t>
  </si>
  <si>
    <t>\\acsfs\profiles$\KARENJSS\Downloads\c1f6ea58-e94d-461c-bc78-12332070f1ce.tmp</t>
  </si>
  <si>
    <t>01/15/2020 13:46:31</t>
  </si>
  <si>
    <t>01/15/2020 13:46:32</t>
  </si>
  <si>
    <t>lu10756ou0yr.tmp</t>
  </si>
  <si>
    <t>\\acsfs\profiles$\dhiulliananads\My Documents\lu10756ou0yr.tmp</t>
  </si>
  <si>
    <t>\\acsfs\profiles$\dhiulliananads\My Documents\lu10756ou0yr.tmp\</t>
  </si>
  <si>
    <t>\\acsfs\profiles$\dhiulliananads\My Documents\lu10756ou0yr.tmp\META-INF\</t>
  </si>
  <si>
    <t>\\acsfs\profiles$\dhiulliananads\My Documents\lu10756ou0yr.tmp\Thumbnails\</t>
  </si>
  <si>
    <t>01/15/2020 13:46:36</t>
  </si>
  <si>
    <t>01/15/2020 13:46:37</t>
  </si>
  <si>
    <t>01/15/2020 13:49:48</t>
  </si>
  <si>
    <t>lu10756ou0yx.tmp</t>
  </si>
  <si>
    <t>\\acsfs\profiles$\dhiulliananads\My Documents\lu10756ou0yx.tmp</t>
  </si>
  <si>
    <t>\\acsfs\profiles$\dhiulliananads\My Documents\lu10756ou0yx.tmp\</t>
  </si>
  <si>
    <t>\\acsfs\profiles$\dhiulliananads\My Documents\lu10756ou0yx.tmp\META-INF\</t>
  </si>
  <si>
    <t>\\acsfs\profiles$\dhiulliananads\My Documents\lu10756ou0yx.tmp\Thumbnails\</t>
  </si>
  <si>
    <t>01/15/2020 13:46:49</t>
  </si>
  <si>
    <t>34a2ce73-0c94-4555-85bf-02e0bfecebd0.tmp</t>
  </si>
  <si>
    <t>\\acsfs\profiles$\gustavoab\Downloads\34a2ce73-0c94-4555-85bf-02e0bfecebd0.tmp</t>
  </si>
  <si>
    <t>01/15/2020 13:44:41</t>
  </si>
  <si>
    <t>21e7d5db-7ccd-4ee9-800e-11aec32f8081.tmp</t>
  </si>
  <si>
    <t>\\acsfs\profiles$\brendadsl\Downloads\21e7d5db-7ccd-4ee9-800e-11aec32f8081.tmp</t>
  </si>
  <si>
    <t>01/15/2020 13:46:04</t>
  </si>
  <si>
    <t>\\acsfs\DEPTOS\Operacao\Banco_Votorantim\Qualidade\Eliane\</t>
  </si>
  <si>
    <t>93394F2D.tmp</t>
  </si>
  <si>
    <t>\\acsfs\DEPTOS\Operacao\Banco_Votorantim\Qualidade\Eliane\93394F2D.tmp</t>
  </si>
  <si>
    <t>01/15/2020 13:47:27</t>
  </si>
  <si>
    <t>Histórico_de_mensagens_-_Chat (8)-Veronica.pdf.crdownload</t>
  </si>
  <si>
    <t>\\acsfs\DEPTOS\Operacao\Banco_Votorantim\Qualidade\Eliane\Histórico_de_mensagens_-_Chat (8)-Veronica.pdf.crdownload</t>
  </si>
  <si>
    <t>01/15/2020 13:47:11</t>
  </si>
  <si>
    <t>01/15/2020 13:50:47</t>
  </si>
  <si>
    <t>35055fc2-e5f8-46da-8978-38f795b626a1.tmp</t>
  </si>
  <si>
    <t>\\acsfs\profiles$\georgendsq\Downloads\35055fc2-e5f8-46da-8978-38f795b626a1.tmp</t>
  </si>
  <si>
    <t>01/15/2020 13:47:55</t>
  </si>
  <si>
    <t>941a80ca-ccaf-4b49-9dea-90e4cebf7c7d.tmp</t>
  </si>
  <si>
    <t>\\acsfs\profiles$\georgendsq\Downloads\941a80ca-ccaf-4b49-9dea-90e4cebf7c7d.tmp</t>
  </si>
  <si>
    <t>01/15/2020 13:48:43</t>
  </si>
  <si>
    <t>5d5c7455-21fa-47f4-990e-ebc5945680bc.tmp</t>
  </si>
  <si>
    <t>\\acsfs\profiles$\georgendsq\Downloads\5d5c7455-21fa-47f4-990e-ebc5945680bc.tmp</t>
  </si>
  <si>
    <t>01/15/2020 13:49:00</t>
  </si>
  <si>
    <t>d73ab3c5-cd6d-4038-a9ab-57334d57da76.tmp</t>
  </si>
  <si>
    <t>\\acsfs\profiles$\georgendsq\Downloads\d73ab3c5-cd6d-4038-a9ab-57334d57da76.tmp</t>
  </si>
  <si>
    <t>01/15/2020 13:49:20</t>
  </si>
  <si>
    <t>967fefa1-f0f4-48b8-864b-ed4e09532ab4.tmp</t>
  </si>
  <si>
    <t>\\acsfs\profiles$\georgendsq\Downloads\967fefa1-f0f4-48b8-864b-ed4e09532ab4.tmp</t>
  </si>
  <si>
    <t>01/15/2020 13:49:41</t>
  </si>
  <si>
    <t>1809949b-e5c2-41a0-b998-32606b8cdd83.tmp</t>
  </si>
  <si>
    <t>\\acsfs\profiles$\georgendsq\Downloads\1809949b-e5c2-41a0-b998-32606b8cdd83.tmp</t>
  </si>
  <si>
    <t>e0acf7ef-9817-44c8-8076-aec93683a482.tmp</t>
  </si>
  <si>
    <t>\\acsfs\profiles$\ANDREZACAPF\Downloads\e0acf7ef-9817-44c8-8076-aec93683a482.tmp</t>
  </si>
  <si>
    <t>231a936a-3837-4b5d-9117-2b5ebf27f6f8.tmp</t>
  </si>
  <si>
    <t>\\acsfs\profiles$\ERICALSR\Downloads\231a936a-3837-4b5d-9117-2b5ebf27f6f8.tmp</t>
  </si>
  <si>
    <t>01/15/2020 13:46:18</t>
  </si>
  <si>
    <t>01/15/2020 13:46:29</t>
  </si>
  <si>
    <t>01/15/2020 13:46:34</t>
  </si>
  <si>
    <t>01/15/2020 13:46:47</t>
  </si>
  <si>
    <t>01/15/2020 13:46:54</t>
  </si>
  <si>
    <t>01/15/2020 13:50:48</t>
  </si>
  <si>
    <t>01/15/2020 13:49:58</t>
  </si>
  <si>
    <t>01/15/2020 13:51:48</t>
  </si>
  <si>
    <t>01/15/2020 13:50:59</t>
  </si>
  <si>
    <t>01/15/2020 13:48:20</t>
  </si>
  <si>
    <t>c0d53857-9a46-4a75-90ba-63e2fda87089.tmp</t>
  </si>
  <si>
    <t>\\acsfs\profiles$\regisadsa\Downloads\c0d53857-9a46-4a75-90ba-63e2fda87089.tmp</t>
  </si>
  <si>
    <t>01/15/2020 13:49:35</t>
  </si>
  <si>
    <t>6af1eb3e-b7b3-4a47-bc81-7765d93babc5.tmp</t>
  </si>
  <si>
    <t>\\acsfs\profiles$\regisadsa\Downloads\6af1eb3e-b7b3-4a47-bc81-7765d93babc5.tmp</t>
  </si>
  <si>
    <t>01/15/2020 13:50:20</t>
  </si>
  <si>
    <t>57cc5c61-46f4-467c-b2b2-8dbd33ae2d46.tmp</t>
  </si>
  <si>
    <t>\\acsfs\profiles$\regisadsa\Downloads\57cc5c61-46f4-467c-b2b2-8dbd33ae2d46.tmp</t>
  </si>
  <si>
    <t>01/15/2020 13:50:33</t>
  </si>
  <si>
    <t>2b2afecf-4921-476a-92ad-c8a0f6518bc6.tmp</t>
  </si>
  <si>
    <t>\\acsfs\profiles$\regisadsa\Downloads\2b2afecf-4921-476a-92ad-c8a0f6518bc6.tmp</t>
  </si>
  <si>
    <t>01/15/2020 13:47:47</t>
  </si>
  <si>
    <t>01/15/2020 13:52:48</t>
  </si>
  <si>
    <t>ee429938-831b-4322-8103-684f7fc21138.tmp</t>
  </si>
  <si>
    <t>\\acsfs\profiles$\ingridsm\Downloads\ee429938-831b-4322-8103-684f7fc21138.tmp</t>
  </si>
  <si>
    <t>01/15/2020 13:49:54</t>
  </si>
  <si>
    <t>2c0655ae-cc22-42a2-a790-4779245c0122.tmp</t>
  </si>
  <si>
    <t>\\acsfs\profiles$\ingridsm\Downloads\2c0655ae-cc22-42a2-a790-4779245c0122.tmp</t>
  </si>
  <si>
    <t>01/15/2020 13:52:05</t>
  </si>
  <si>
    <t>2b51a9af-56a9-4482-8c66-0a757a158b45.tmp</t>
  </si>
  <si>
    <t>\\acsfs\profiles$\ingridsm\Downloads\2b51a9af-56a9-4482-8c66-0a757a158b45.tmp</t>
  </si>
  <si>
    <t>01/15/2020 13:48:22</t>
  </si>
  <si>
    <t>lu372433alk.tmp</t>
  </si>
  <si>
    <t>\\acsfs\profiles$\ALEXANDREMM\lu372433alk.tmp</t>
  </si>
  <si>
    <t>\\acsfs\profiles$\ALEXANDREMM\lu372433alk.tmp\</t>
  </si>
  <si>
    <t>\\acsfs\profiles$\ALEXANDREMM\lu372433alk.tmp\META-INF\</t>
  </si>
  <si>
    <t>\\acsfs\profiles$\ALEXANDREMM\lu372433alk.tmp\Thumbnails\</t>
  </si>
  <si>
    <t>01/15/2020 13:53:48</t>
  </si>
  <si>
    <t>01/15/2020 13:49:17</t>
  </si>
  <si>
    <t>2d3d120e-237c-416d-bdbc-02ff2b901e5d.tmp</t>
  </si>
  <si>
    <t>\\acsfs\profiles$\KARENJSS\Downloads\2d3d120e-237c-416d-bdbc-02ff2b901e5d.tmp</t>
  </si>
  <si>
    <t>01/15/2020 13:49:56</t>
  </si>
  <si>
    <t>03b67868-f69d-496f-83a8-1a297357b6aa.tmp</t>
  </si>
  <si>
    <t>\\acsfs\profiles$\KARENJSS\Downloads\03b67868-f69d-496f-83a8-1a297357b6aa.tmp</t>
  </si>
  <si>
    <t>01/15/2020 13:53:17</t>
  </si>
  <si>
    <t>6cb49a2b-fb9a-4b58-ac2c-bec6becbfd19.tmp</t>
  </si>
  <si>
    <t>\\acsfs\profiles$\KARENJSS\Downloads\6cb49a2b-fb9a-4b58-ac2c-bec6becbfd19.tmp</t>
  </si>
  <si>
    <t>01/15/2020 13:51:37</t>
  </si>
  <si>
    <t>073ef6d7-5a0c-47b6-8e62-7a2a15ac66bb.tmp</t>
  </si>
  <si>
    <t>\\acsfs\profiles$\gabrielsma\Downloads\073ef6d7-5a0c-47b6-8e62-7a2a15ac66bb.tmp</t>
  </si>
  <si>
    <t>01/15/2020 13:51:46</t>
  </si>
  <si>
    <t>Não confirmado 165645.crdownload</t>
  </si>
  <si>
    <t>\\acsfs\ACS\Gabriel da Silva\Contemporânea\Gen\Não confirmado 165645.crdownload</t>
  </si>
  <si>
    <t>01/15/2020 13:49:23</t>
  </si>
  <si>
    <t>edicarlosdl</t>
  </si>
  <si>
    <t>\\acsfs\profiles$\edicarlosdl\Downloads\</t>
  </si>
  <si>
    <t>bc53b808-6310-4ac3-9225-bf9ecd2941de.tmp</t>
  </si>
  <si>
    <t>\\acsfs\profiles$\edicarlosdl\Downloads\bc53b808-6310-4ac3-9225-bf9ecd2941de.tmp</t>
  </si>
  <si>
    <t>01/15/2020 13:50:19</t>
  </si>
  <si>
    <t>071199f2-3a09-493d-9a20-c79c1b2b3b39.tmp</t>
  </si>
  <si>
    <t>\\acsfs\profiles$\edicarlosdl\Downloads\071199f2-3a09-493d-9a20-c79c1b2b3b39.tmp</t>
  </si>
  <si>
    <t>01/15/2020 13:49:27</t>
  </si>
  <si>
    <t>01/15/2020 13:54:49</t>
  </si>
  <si>
    <t>781df249-d521-45e1-9dfb-66731dbb0056.tmp</t>
  </si>
  <si>
    <t>\\acsfs\profiles$\jalilebds\Downloads\781df249-d521-45e1-9dfb-66731dbb0056.tmp</t>
  </si>
  <si>
    <t>01/15/2020 13:50:43</t>
  </si>
  <si>
    <t>01/15/2020 13:53:32</t>
  </si>
  <si>
    <t>01/15/2020 13:04:51</t>
  </si>
  <si>
    <t>01/15/2020 13:50:35</t>
  </si>
  <si>
    <t>564fd9b8-6013-4194-b7f4-944e3c8b8645.tmp</t>
  </si>
  <si>
    <t>\\acsfs\profiles$\fabianafv\Downloads\564fd9b8-6013-4194-b7f4-944e3c8b8645.tmp</t>
  </si>
  <si>
    <t>01/15/2020 13:05:04</t>
  </si>
  <si>
    <t>XLOG_vanessacgs_15012020_083552.log</t>
  </si>
  <si>
    <t>\\acsfs\profiles$\vanessacgs\My Documents\xworkcenter\logs\XLOG_vanessacgs_15012020_083552.log</t>
  </si>
  <si>
    <t>01/15/2020 13:50:49</t>
  </si>
  <si>
    <t>01/15/2020 13:55:48</t>
  </si>
  <si>
    <t>01/15/2020 13:51:17</t>
  </si>
  <si>
    <t>01/15/2020 13:51:23</t>
  </si>
  <si>
    <t>01/15/2020 13:51:58</t>
  </si>
  <si>
    <t>01/15/2020 13:52:17</t>
  </si>
  <si>
    <t>01/15/2020 13:51:29</t>
  </si>
  <si>
    <t>01/15/2020 13:56:49</t>
  </si>
  <si>
    <t>01/15/2020 13:55:57</t>
  </si>
  <si>
    <t>lu204002knw19.tmp</t>
  </si>
  <si>
    <t>\\acsfs\profiles$\CINTIADCF\lu204002knw19.tmp</t>
  </si>
  <si>
    <t>\\acsfs\profiles$\CINTIADCF\lu204002knw19.tmp\</t>
  </si>
  <si>
    <t>\\acsfs\profiles$\CINTIADCF\lu204002knw19.tmp\META-INF\</t>
  </si>
  <si>
    <t>\\acsfs\profiles$\CINTIADCF\lu204002knw19.tmp\Thumbnails\</t>
  </si>
  <si>
    <t>01/15/2020 13:56:08</t>
  </si>
  <si>
    <t>100014122394468;100014142553854;andrelpsa@algartech.com;catianalv@algartech.com;cpc-controldeskavon@algartech.com;joaogvc@algartech.com;joseasn@algartech.com;josiascdsj@algartech.com;leonardoao@algartech.com;lucianarsantos@algartech.com;marianadjc@algartech.com;maristelavodq@bv.algartech.com;paulacn@algartech.com;qualidadealgarbv@algartech.com;senildapdo@algartecnologia.com.br;supervisaobancovotorantim@algartech.com;taysdss@algartech.com;thiagolrc@bv.algartech.com;</t>
  </si>
  <si>
    <t>https://100014122394468,100014142553854,andrelpsa@algartech.com,catianalv@algartech.com,cpc-controldeskavon@algartech.com,joaogvc@algartech.com,joseasn@algartech.com,josiascdsj@algartech.com,leonardoao@algartech.com,lucianarsantos@algartech.com,marianadjc@algartech.com,maristelavodq@bv.algartech.com,paulacn@algartech.com,qualidadealgarbv@algartech.com,senildapdo@algartecnologia.com.br,supervisaobancovotorantim@algartech.com,taysdss@algartech.com,thiagolrc@bv.algartech.com</t>
  </si>
  <si>
    <t>01/15/2020 13:53:56</t>
  </si>
  <si>
    <t>01/15/2020 13:57:48</t>
  </si>
  <si>
    <t>7e284339-1f68-45f5-9ee2-bfe248fddc58.tmp</t>
  </si>
  <si>
    <t>\\acsfs\profiles$\gustavoab\Downloads\7e284339-1f68-45f5-9ee2-bfe248fddc58.tmp</t>
  </si>
  <si>
    <t>01/15/2020 13:54:21</t>
  </si>
  <si>
    <t>faf26862-d725-46b0-bf66-cfc228359dba.tmp</t>
  </si>
  <si>
    <t>\\acsfs\profiles$\gustavoab\Downloads\faf26862-d725-46b0-bf66-cfc228359dba.tmp</t>
  </si>
  <si>
    <t>01/15/2020 13:56:15</t>
  </si>
  <si>
    <t>10.200.67.123</t>
  </si>
  <si>
    <t>74-86-7A-FB-17-3F</t>
  </si>
  <si>
    <t>VOTORANT-OB011</t>
  </si>
  <si>
    <t>4fa73c88-3d9e-40c7-8e23-d2e884cd2e13.tmp</t>
  </si>
  <si>
    <t>\\acsfs\profiles$\alinesv\Downloads\4fa73c88-3d9e-40c7-8e23-d2e884cd2e13.tmp</t>
  </si>
  <si>
    <t>01/15/2020 13:56:16</t>
  </si>
  <si>
    <t>cb64ffac-0492-435d-80f4-b83fb81c5b46.tmp</t>
  </si>
  <si>
    <t>\\acsfs\profiles$\alinesv\Downloads\cb64ffac-0492-435d-80f4-b83fb81c5b46.tmp</t>
  </si>
  <si>
    <t>01/15/2020 13:52:52</t>
  </si>
  <si>
    <t>f9d04843-dfd0-410b-8feb-9dcbf91b2534.tmp</t>
  </si>
  <si>
    <t>\\acsfs\profiles$\ingridsm\Downloads\f9d04843-dfd0-410b-8feb-9dcbf91b2534.tmp</t>
  </si>
  <si>
    <t>01/15/2020 13:52:31</t>
  </si>
  <si>
    <t>LORRAYNE VALENTINO AMANCIO_1_6777671337649442022_1_32.wav</t>
  </si>
  <si>
    <t>\\acsfs\Deptos\EDUCACAO EMPRESARIAL\KÉSIA\Ligações 2º ciclo - Janeiro 2020\LORRAYNE VALENTINO AMANCIO_1_6777671337649442022_1_32.wav</t>
  </si>
  <si>
    <t>01/15/2020 13:53:00</t>
  </si>
  <si>
    <t>ad7ef4af-ff4b-4f36-9e7b-1150670e0cd1.tmp</t>
  </si>
  <si>
    <t>\\acsfs\profiles$\websondsa\Downloads\ad7ef4af-ff4b-4f36-9e7b-1150670e0cd1.tmp</t>
  </si>
  <si>
    <t>01/15/2020 13:53:06</t>
  </si>
  <si>
    <t>01/15/2020 13:58:48</t>
  </si>
  <si>
    <t>5cfec424-9ef6-4a5c-9e6f-c0de2a055a31.tmp</t>
  </si>
  <si>
    <t>\\acsfs\profiles$\esterasg\Downloads\5cfec424-9ef6-4a5c-9e6f-c0de2a055a31.tmp</t>
  </si>
  <si>
    <t>01/15/2020 13:53:29</t>
  </si>
  <si>
    <t>e693c0d6-3fb0-49ef-bfb8-25afff36731f.tmp</t>
  </si>
  <si>
    <t>\\acsfs\profiles$\esterasg\Downloads\e693c0d6-3fb0-49ef-bfb8-25afff36731f.tmp</t>
  </si>
  <si>
    <t>01/15/2020 13:53:46</t>
  </si>
  <si>
    <t>d16fafe3-6257-4e91-8e42-4a7b540a4296.tmp</t>
  </si>
  <si>
    <t>\\acsfs\profiles$\esterasg\Downloads\d16fafe3-6257-4e91-8e42-4a7b540a4296.tmp</t>
  </si>
  <si>
    <t>Não confirmado 732888.crdownload</t>
  </si>
  <si>
    <t>\\acsfs\profiles$\esterasg\Downloads\Não confirmado 732888.crdownload</t>
  </si>
  <si>
    <t>01/15/2020 13:54:08</t>
  </si>
  <si>
    <t>01/15/2020 13:59:48</t>
  </si>
  <si>
    <t>lu117049zj6.tmp</t>
  </si>
  <si>
    <t>\\acsfs\profiles$\jalilebds\Downloads\lu117049zj6.tmp</t>
  </si>
  <si>
    <t>01/15/2020 13:55:32</t>
  </si>
  <si>
    <t>01/15/2020 13:55:33</t>
  </si>
  <si>
    <t>lu117049zj9.tmp</t>
  </si>
  <si>
    <t>\\acsfs\profiles$\jalilebds\Downloads\lu117049zj9.tmp</t>
  </si>
  <si>
    <t>01/15/2020 13:55:11</t>
  </si>
  <si>
    <t>~$Histórico_de_mensagens_-_Chat Veronica.xlsx</t>
  </si>
  <si>
    <t>\\acsfs\DEPTOS\Operacao\Banco_Votorantim\Qualidade\Eliane\~$Histórico_de_mensagens_-_Chat Veronica.xlsx</t>
  </si>
  <si>
    <t>01/15/2020 13:57:13</t>
  </si>
  <si>
    <t>95f0c0ef-2f24-460b-be89-cb80ef25b67d.tmp</t>
  </si>
  <si>
    <t>\\acsfs\profiles$\fabianafv\Downloads\95f0c0ef-2f24-460b-be89-cb80ef25b67d.tmp</t>
  </si>
  <si>
    <t>01/15/2020 13:56:53</t>
  </si>
  <si>
    <t>3497ac9a-44f6-4317-bfb1-d3009996b18a.tmp</t>
  </si>
  <si>
    <t>\\acsfs\profiles$\andrezacapf\Downloads\3497ac9a-44f6-4317-bfb1-d3009996b18a.tmp</t>
  </si>
  <si>
    <t>01/15/2020 13:57:51</t>
  </si>
  <si>
    <t>126a2786-f003-45dd-a2fc-9d287fba2157.tmp</t>
  </si>
  <si>
    <t>\\acsfs\profiles$\andrezacapf\Downloads\126a2786-f003-45dd-a2fc-9d287fba2157.tmp</t>
  </si>
  <si>
    <t>01/15/2020 13:59:29</t>
  </si>
  <si>
    <t>cf6d6c3d-fcfc-456d-bcc2-caccfbaa2a1b.tmp</t>
  </si>
  <si>
    <t>\\acsfs\profiles$\andrezacapf\Downloads\cf6d6c3d-fcfc-456d-bcc2-caccfbaa2a1b.tmp</t>
  </si>
  <si>
    <t>01/15/2020 13:59:36</t>
  </si>
  <si>
    <t>30179529-e685-4911-b980-c8255d4bc7a3.tmp</t>
  </si>
  <si>
    <t>\\acsfs\profiles$\andrezacapf\Downloads\30179529-e685-4911-b980-c8255d4bc7a3.tmp</t>
  </si>
  <si>
    <t>01/15/2020 13:59:40</t>
  </si>
  <si>
    <t>8d23d062-43d7-4185-b9b2-3f9df9651d55.tmp</t>
  </si>
  <si>
    <t>\\acsfs\profiles$\andrezacapf\Downloads\8d23d062-43d7-4185-b9b2-3f9df9651d55.tmp</t>
  </si>
  <si>
    <t>01/15/2020 13:56:47</t>
  </si>
  <si>
    <t>01/15/2020 14:00:48</t>
  </si>
  <si>
    <t>01/15/2020 13:56:50</t>
  </si>
  <si>
    <t>01/15/2020 13:57:17</t>
  </si>
  <si>
    <t>01/15/2020 13:57:19</t>
  </si>
  <si>
    <t>01/15/2020 13:57:42</t>
  </si>
  <si>
    <t>01/15/2020 13:57:55</t>
  </si>
  <si>
    <t>01/15/2020 13:58:15</t>
  </si>
  <si>
    <t>01/15/2020 13:58:26</t>
  </si>
  <si>
    <t>01/15/2020 13:58:31</t>
  </si>
  <si>
    <t>mail.google.com/sync/u/0/i/s?hl=pt-BR&amp;c=716</t>
  </si>
  <si>
    <t>01/15/2020 13:58:54</t>
  </si>
  <si>
    <t>01/15/2020 13:59:00</t>
  </si>
  <si>
    <t>01/15/2020 13:59:07</t>
  </si>
  <si>
    <t>mail.google.com/sync/u/0/i/s?hl=pt-BR&amp;c=726</t>
  </si>
  <si>
    <t>01/15/2020 13:59:28</t>
  </si>
  <si>
    <t>mail.google.com/sync/u/0/i/s?hl=pt-BR&amp;c=729</t>
  </si>
  <si>
    <t>01/15/2020 13:59:47</t>
  </si>
  <si>
    <t>01/15/2020 13:59:50</t>
  </si>
  <si>
    <t>01/15/2020 13:59:59</t>
  </si>
  <si>
    <t>01/15/2020 14:00:11</t>
  </si>
  <si>
    <t>01/15/2020 13:56:20</t>
  </si>
  <si>
    <t>"[[],"mozilla/5.0 (windows nt 6.1) applewebkit/537.36 (khtml,#bco-inspetoria@bancovotorantim.com.br,0],0]",0]],0]als,0]l,0]ribedchildren,0]t_x0008_��t_x0008_fphr,1,1253,13,13700014,13700109,13700167,13700185,13700235,13700451,13700563,13700607,13700951,13701078,13701207,13701235,13701239,13701276,13701298,13701422,13701430,13701450,13701506,13701534,13701537,13701573,13701577,13701589,13701609,13701625,13701657,13701693,13701749,13701825,13701901,13701905,13701909,13701945]],13701953,13701957,13701969,13702068,13702088,142961685,1578915539161\,1578923371630\,1578930052848000,1578930058554000,1579013122409,1579030649468,1579037922075\,1579037922677\,1579037932305,1579073117766,1]]",1ya5yrwelrso-yxib3ctz0mdjsqkh2uffmn2kfrmynlkfp2vhk5vxrjlyzc1nx1i8okgrxz4hh9fxnqqavexbjgszjfxng_3tikapcccza7s5nl0iiv528sipt3_n6smfvjyvnmz5gmbld86jsedcdqpnbowbtwaejdtwlwiwyazylw418myzkyijnlherxkuhkwiry2lept0rbfyxyiohq4hezbkjnnav7gb8u1l3wvxoaaxa\",276,387,463,4repet0scaaaa4liaaaanmqf2kz44sg1npvhrp5ya-eah9mzpvg6kl9izriwjk97h6v_kcjh4sw2rf_itsulvo-3l</t>
  </si>
  <si>
    <t>01/15/2020 13:56:24</t>
  </si>
  <si>
    <t>mail.google.com/sync/u/0/i/s?hl=pt-BR&amp;c=1093</t>
  </si>
  <si>
    <t>01/15/2020 13:56:29</t>
  </si>
  <si>
    <t>01/15/2020 13:56:32</t>
  </si>
  <si>
    <t>01/15/2020 13:56:33</t>
  </si>
  <si>
    <t>01/15/2020 13:56:39</t>
  </si>
  <si>
    <t>"mozilla/5.0 (windows nt 6.1) applewebkit/537.36 (khtml;0]\\\\\\\:��_x0004_&lt;l;1;13;130841638;13700014;13700109;13700109�;13700167;13700185;13700451;13700563;13700951;13700982;13701207;13701214;13701262;13701276;13701298;13701422;13701430;13701450;13701506;13701534;13701537;13701573;13701577;13701589;13701609;13701625;13701657;13701693;13701709;13701749;13701825;13701901;13701905;13701953;13701957;13701969;13702068;13702088;1578930052848000;1578930058554000;1579100516617000;1579100527286000;1579105344142;17;5701393;[[13701418;[[13702088;[];[]]];adfn-ct7ciskssyu-68afh9xg7xv2c6f8dx_seofhsqerkx2bhpqslb3crfufkpjjmcd4mgjscrt;adfn-cu06epcwv8-bqmnjdi0t0_pzkuw29anyss1qgah5akzdhmowhh1pgtmmq2fqlr0jiapv_f9;dtjxm86rchk4hoyjmswgxwcjgopvcxz5d6soy9krbrudhkdx4c11rukyw1mnwt7hlxis8azwhuxl2tgi4kp3lrgjvox8thocsjw--zbrpfnx15-cnaprifu_xitkyi36qh4gew05vpbsbwmyftn_gjz-qiwz2gucgsqhgcerhy2gwpkfegapz5mceeszwsmcqqdk1eop4wjupr1qilgqbczler0tylnyquncyy5mcfybmg_hyfjrw9abfvcufs4s0-pgzywt_7eqiaesxbza1pqqayjonikaycextovvsxtm-3re12f7fejxg9yvc78jajrn2q</t>
  </si>
  <si>
    <t>"mozilla/5.0 (windows nt 6.1) applewebkit/537.36 (khtml,0]\\\\\\\:��_x0004_&lt;l,1,13,130841638,13700014,13700109,13700109�,13700167,13700185,13700451,13700563,13700951,13700982,13701207,13701214,13701262,13701276,13701298,13701422,13701430,13701450,13701506,13701534,13701537,13701573,13701577,13701589,13701609,13701625,13701657,13701693,13701709,13701749,13701825,13701901,13701905,13701953,13701957,13701969,13702068,13702088,1578930052848000,1578930058554000,1579100516617000,1579100527286000,1579105344142,17,5701393,[[13701418,[[13702088,[],[]]],adfn-ct7ciskssyu-68afh9xg7xv2c6f8dx_seofhsqerkx2bhpqslb3crfufkpjjmcd4mgjscrt,adfn-cu06epcwv8-bqmnjdi0t0_pzkuw29anyss1qgah5akzdhmowhh1pgtmmq2fqlr0jiapv_f9,dtjxm86rchk4hoyjmswgxwcjgopvcxz5d6soy9krbrudhkdx4c11rukyw1mnwt7hlxis8azwhuxl2tgi4kp3lrgjvox8thocsjw--zbrpfnx15-cnaprifu_xitkyi36qh4gew05vpbsbwmyftn_gjz-qiwz2gucgsqhgcerhy2gwpkfegapz5mceeszwsmcqqdk1eop4wjupr1qilgqbczler0tylnyquncyy5mcfybmg_hyfjrw9abfvcufs4s0-pgzywt_7eqiaesxbza1pqqayjonikaycextovvsxtm-3re12f7fejxg9yvc78jajrn2q</t>
  </si>
  <si>
    <t>01/15/2020 13:56:41</t>
  </si>
  <si>
    <t>01/15/2020 13:58:03</t>
  </si>
  <si>
    <t>01/15/2020 14:01:47</t>
  </si>
  <si>
    <t>01/15/2020 13:58:33</t>
  </si>
  <si>
    <t>01/15/2020 13:59:51</t>
  </si>
  <si>
    <t>01/15/2020 14:02:48</t>
  </si>
  <si>
    <t>01/15/2020 14:00:04</t>
  </si>
  <si>
    <t>01/15/2020 14:00:05</t>
  </si>
  <si>
    <t>01/15/2020 14:00:08</t>
  </si>
  <si>
    <t>01/15/2020 14:01:43</t>
  </si>
  <si>
    <t>LUCAS BARBOSA DA SILVA_1_6777744699985833802_1_32.wav</t>
  </si>
  <si>
    <t>\\acsfs\Deptos\EDUCACAO EMPRESARIAL\KÉSIA\Ligações 2º ciclo - Janeiro 2020\LUCAS BARBOSA DA SILVA_1_6777744699985833802_1_32.wav</t>
  </si>
  <si>
    <t>01/15/2020 14:00:23</t>
  </si>
  <si>
    <t>01/15/2020 14:00:24</t>
  </si>
  <si>
    <t>01/15/2020 14:00:25</t>
  </si>
  <si>
    <t>lu372433alo.tmp</t>
  </si>
  <si>
    <t>\\acsfs\profiles$\ALEXANDREMM\lu372433alo.tmp</t>
  </si>
  <si>
    <t>\\acsfs\profiles$\ALEXANDREMM\lu372433alo.tmp\</t>
  </si>
  <si>
    <t>\\acsfs\profiles$\ALEXANDREMM\lu372433alo.tmp\META-INF\</t>
  </si>
  <si>
    <t>\\acsfs\profiles$\ALEXANDREMM\lu372433alo.tmp\Thumbnails\</t>
  </si>
  <si>
    <t>01/15/2020 14:02:18</t>
  </si>
  <si>
    <t>01/15/2020 14:03:48</t>
  </si>
  <si>
    <t>01/15/2020 13:59:39</t>
  </si>
  <si>
    <t>03ef4e0a-2326-4f80-bb7c-bdb25178c6c1.tmp</t>
  </si>
  <si>
    <t>\\acsfs\profiles$\esterasg\Downloads\03ef4e0a-2326-4f80-bb7c-bdb25178c6c1.tmp</t>
  </si>
  <si>
    <t>01/15/2020 13:58:42</t>
  </si>
  <si>
    <t>10.200.66.62</t>
  </si>
  <si>
    <t>74-86-7A-FB-18-15</t>
  </si>
  <si>
    <t>VOTORANT-VB008</t>
  </si>
  <si>
    <t>giovannapdjc</t>
  </si>
  <si>
    <t>https://udpwfmniceap02/web/guest/home?p_auth=nmprbc7p&amp;p_p_id=58&amp;p_p_lifecycle=1&amp;p_p_state=maximized&amp;p_p_mode=view&amp;savelastpath=0&amp;_58_struts_action=/login/forgot_password</t>
  </si>
  <si>
    <t>01/15/2020 14:01:04</t>
  </si>
  <si>
    <t>01/15/2020 14:04:48</t>
  </si>
  <si>
    <t>01/15/2020 14:01:14</t>
  </si>
  <si>
    <t>10.200.67.162</t>
  </si>
  <si>
    <t>74-86-7A-FC-CF-5C</t>
  </si>
  <si>
    <t>VOTORANT-RB008</t>
  </si>
  <si>
    <t>leticiaadof</t>
  </si>
  <si>
    <t>https://udpwfmniceap02/web/guest/home?p_auth=e7gpyu3x&amp;p_p_id=58&amp;p_p_lifecycle=1&amp;p_p_state=maximized&amp;p_p_mode=view&amp;savelastpath=0&amp;_58_struts_action=/login/forgot_password</t>
  </si>
  <si>
    <t>01/15/2020 14:00:03</t>
  </si>
  <si>
    <t>01/15/2020 14:01:42</t>
  </si>
  <si>
    <t>7b0cec46-5518-43c5-8dbc-92f884308bd7.tmp</t>
  </si>
  <si>
    <t>\\acsfs\profiles$\felipetds\Downloads\7b0cec46-5518-43c5-8dbc-92f884308bd7.tmp</t>
  </si>
  <si>
    <t>69f18a2b-c003-4076-8d65-a9decb86ad42.tmp</t>
  </si>
  <si>
    <t>\\acsfs\profiles$\andrezacapf\Downloads\69f18a2b-c003-4076-8d65-a9decb86ad42.tmp</t>
  </si>
  <si>
    <t>01/15/2020 14:00:37</t>
  </si>
  <si>
    <t>5d349dee-822d-4d44-9338-6907e4ef6aa6.tmp</t>
  </si>
  <si>
    <t>\\acsfs\profiles$\andrezacapf\Downloads\5d349dee-822d-4d44-9338-6907e4ef6aa6.tmp</t>
  </si>
  <si>
    <t>01/15/2020 14:00:53</t>
  </si>
  <si>
    <t>cd7696b8-8b95-4c02-a1cf-0825b2a681e5.tmp</t>
  </si>
  <si>
    <t>\\acsfs\profiles$\andrezacapf\Downloads\cd7696b8-8b95-4c02-a1cf-0825b2a681e5.tmp</t>
  </si>
  <si>
    <t>01/15/2020 14:04:31</t>
  </si>
  <si>
    <t>01/15/2020 14:04:32</t>
  </si>
  <si>
    <t>01/15/2020 14:04:33</t>
  </si>
  <si>
    <t>01/15/2020 14:05:49</t>
  </si>
  <si>
    <t>01/15/2020 14:04:34</t>
  </si>
  <si>
    <t>01/15/2020 14:04:35</t>
  </si>
  <si>
    <t>01/15/2020 14:04:36</t>
  </si>
  <si>
    <t>01/15/2020 14:04:37</t>
  </si>
  <si>
    <t>01/15/2020 14:04:38</t>
  </si>
  <si>
    <t>01/15/2020 14:04:39</t>
  </si>
  <si>
    <t>01/15/2020 14:04:40</t>
  </si>
  <si>
    <t>01/15/2020 14:04:41</t>
  </si>
  <si>
    <t>01/15/2020 14:01:38</t>
  </si>
  <si>
    <t>10.200.67.118</t>
  </si>
  <si>
    <t>78-2B-CB-C1-05-43</t>
  </si>
  <si>
    <t>VOTORANT-RB010</t>
  </si>
  <si>
    <t>erikamcg</t>
  </si>
  <si>
    <t>https://udpwfmniceap02/web/guest/home?p_auth=en0o3tr9&amp;p_p_id=58&amp;p_p_lifecycle=1&amp;p_p_state=maximized&amp;p_p_mode=view&amp;savelastpath=0&amp;_58_struts_action=/login/forgot_password</t>
  </si>
  <si>
    <t>01/15/2020 14:02:37</t>
  </si>
  <si>
    <t>01/15/2020 14:01:11</t>
  </si>
  <si>
    <t>01/15/2020 14:01:24</t>
  </si>
  <si>
    <t>mail.google.com/sync/u/0/i/s?hl=pt-BR&amp;c=747</t>
  </si>
  <si>
    <t>01/15/2020 14:01:34</t>
  </si>
  <si>
    <t>mail.google.com/sync/u/0/i/s?hl=pt-BR&amp;c=749</t>
  </si>
  <si>
    <t>01/15/2020 14:02:14</t>
  </si>
  <si>
    <t>01/15/2020 14:06:48</t>
  </si>
  <si>
    <t>01/15/2020 14:02:32</t>
  </si>
  <si>
    <t>01/15/2020 14:06:08</t>
  </si>
  <si>
    <t>01/15/2020 14:04:04</t>
  </si>
  <si>
    <t>505c90d0-4714-4434-841d-2592af9b416f.tmp</t>
  </si>
  <si>
    <t>\\acsfs\profiles$\victorgl\Downloads\505c90d0-4714-4434-841d-2592af9b416f.tmp</t>
  </si>
  <si>
    <t>01/15/2020 14:04:08</t>
  </si>
  <si>
    <t>ece13f32-f528-4033-87d8-ae6b68b55ad7.tmp</t>
  </si>
  <si>
    <t>\\acsfs\profiles$\victorgl\Downloads\ece13f32-f528-4033-87d8-ae6b68b55ad7.tmp</t>
  </si>
  <si>
    <t>01/15/2020 14:05:46</t>
  </si>
  <si>
    <t>eb793c2a-c29b-4fa8-a1f2-a63adbc5ff38.tmp</t>
  </si>
  <si>
    <t>\\acsfs\profiles$\victorgl\Downloads\eb793c2a-c29b-4fa8-a1f2-a63adbc5ff38.tmp</t>
  </si>
  <si>
    <t>01/15/2020 14:03:44</t>
  </si>
  <si>
    <t>1a80882f-033c-459a-8e10-6841bd255ebe.tmp</t>
  </si>
  <si>
    <t>\\acsfs\profiles$\paulovadc\Downloads\1a80882f-033c-459a-8e10-6841bd255ebe.tmp</t>
  </si>
  <si>
    <t>01/15/2020 14:05:32</t>
  </si>
  <si>
    <t>01/15/2020 14:07:49</t>
  </si>
  <si>
    <t>01/15/2020 14:05:34</t>
  </si>
  <si>
    <t>mail.google.com/sync/u/0/i/s?hl=pt-BR&amp;c=1057</t>
  </si>
  <si>
    <t>01/15/2020 14:06:14</t>
  </si>
  <si>
    <t>mail.google.com/sync/u/0/i/s?hl=pt-BR&amp;c=1063</t>
  </si>
  <si>
    <t>bvcartes-supervisores@algarnet.onmicrosoft.com;bvs-centralcartoes@bv.com.br;thiagordu@algartech.com;</t>
  </si>
  <si>
    <t>bvcartes-supervisores@algarnet.onmicrosoft.com,bvs-centralcartoes@bv.com.br,thiagordu@algartech.com</t>
  </si>
  <si>
    <t>01/15/2020 14:06:24</t>
  </si>
  <si>
    <t>01/15/2020 14:06:42</t>
  </si>
  <si>
    <t>mail.google.com/sync/u/0/i/s?hl=pt-BR&amp;c=1067</t>
  </si>
  <si>
    <t>01/15/2020 14:09:48</t>
  </si>
  <si>
    <t>01/15/2020 14:06:58</t>
  </si>
  <si>
    <t>5c48908d-2029-4b0e-afbf-7e6db0f01dbd.tmp</t>
  </si>
  <si>
    <t>\\acsfs\profiles$\matheusmax\Downloads\5c48908d-2029-4b0e-afbf-7e6db0f01dbd.tmp</t>
  </si>
  <si>
    <t>01/15/2020 14:04:43</t>
  </si>
  <si>
    <t>01/15/2020 14:08:36</t>
  </si>
  <si>
    <t>01/15/2020 14:10:49</t>
  </si>
  <si>
    <t>01/15/2020 14:07:06</t>
  </si>
  <si>
    <t>4f783203-fbc2-49c2-a81a-f9007ffea6cd.tmp</t>
  </si>
  <si>
    <t>\\acsfs\profiles$\matheusmax\Downloads\4f783203-fbc2-49c2-a81a-f9007ffea6cd.tmp</t>
  </si>
  <si>
    <t>01/15/2020 14:11:49</t>
  </si>
  <si>
    <t>01/15/2020 14:06:22</t>
  </si>
  <si>
    <t>01/15/2020 14:06:49</t>
  </si>
  <si>
    <t>01/15/2020 14:06:56</t>
  </si>
  <si>
    <t>01/15/2020 14:04:42</t>
  </si>
  <si>
    <t>01/15/2020 14:07:15</t>
  </si>
  <si>
    <t>01/15/2020 14:07:08</t>
  </si>
  <si>
    <t>01/15/2020 14:07:56</t>
  </si>
  <si>
    <t>01/15/2020 14:07:59</t>
  </si>
  <si>
    <t>01/15/2020 14:07:20</t>
  </si>
  <si>
    <t>01/15/2020 14:08:15</t>
  </si>
  <si>
    <t>01/15/2020 14:08:23</t>
  </si>
  <si>
    <t>01/15/2020 14:08:28</t>
  </si>
  <si>
    <t>01/15/2020 14:08:11</t>
  </si>
  <si>
    <t>01/15/2020 14:08:43</t>
  </si>
  <si>
    <t>01/15/2020 14:08:50</t>
  </si>
  <si>
    <t>01/15/2020 14:09:09</t>
  </si>
  <si>
    <t>01/15/2020 14:04:44</t>
  </si>
  <si>
    <t>01/15/2020 14:09:12</t>
  </si>
  <si>
    <t>01/15/2020 14:08:16</t>
  </si>
  <si>
    <t>01/15/2020 14:09:17</t>
  </si>
  <si>
    <t>01/15/2020 14:09:21</t>
  </si>
  <si>
    <t>01/15/2020 14:04:45</t>
  </si>
  <si>
    <t>01/15/2020 14:08:18</t>
  </si>
  <si>
    <t>01/15/2020 14:09:25</t>
  </si>
  <si>
    <t>01/15/2020 14:09:35</t>
  </si>
  <si>
    <t>01/15/2020 14:08:20</t>
  </si>
  <si>
    <t>01/15/2020 14:09:39</t>
  </si>
  <si>
    <t>01/15/2020 14:04:46</t>
  </si>
  <si>
    <t>01/15/2020 14:10:17</t>
  </si>
  <si>
    <t>01/15/2020 14:08:24</t>
  </si>
  <si>
    <t>01/15/2020 14:08:56</t>
  </si>
  <si>
    <t>01/15/2020 14:09:11</t>
  </si>
  <si>
    <t>01/15/2020 14:09:22</t>
  </si>
  <si>
    <t>01/15/2020 14:09:27</t>
  </si>
  <si>
    <t>01/15/2020 14:09:33</t>
  </si>
  <si>
    <t>01/15/2020 14:06:51</t>
  </si>
  <si>
    <t>01/15/2020 14:12:48</t>
  </si>
  <si>
    <t>mail.google.com/sync/u/0/i/s?hl=pt-BR&amp;c=1069</t>
  </si>
  <si>
    <t>01/15/2020 14:07:36</t>
  </si>
  <si>
    <t>01/15/2020 14:07:42</t>
  </si>
  <si>
    <t>01/15/2020 14:08:01</t>
  </si>
  <si>
    <t>01/15/2020 14:09:03</t>
  </si>
  <si>
    <t>mail.google.com/sync/u/0/i/s?hl=pt-BR&amp;c=1082</t>
  </si>
  <si>
    <t>01/15/2020 14:09:18</t>
  </si>
  <si>
    <t>mail.google.com/sync/u/0/i/s?hl=pt-BR&amp;c=1087</t>
  </si>
  <si>
    <t>mail.google.com/sync/u/0/i/s?hl=pt-BR&amp;c=1089</t>
  </si>
  <si>
    <t>01/15/2020 14:10:05</t>
  </si>
  <si>
    <t>mail.google.com/sync/u/0/i/s?hl=pt-BR&amp;c=1098</t>
  </si>
  <si>
    <t>01/15/2020 14:10:19</t>
  </si>
  <si>
    <t>01/15/2020 14:10:38</t>
  </si>
  <si>
    <t>01/15/2020 14:10:52</t>
  </si>
  <si>
    <t>01/15/2020 14:10:57</t>
  </si>
  <si>
    <t>mail.google.com/sync/u/0/i/s?hl=pt-BR&amp;c=1108</t>
  </si>
  <si>
    <t>01/15/2020 14:11:07</t>
  </si>
  <si>
    <t>01/15/2020 14:11:24</t>
  </si>
  <si>
    <t>01/15/2020 14:11:34</t>
  </si>
  <si>
    <t>01/15/2020 14:08:44</t>
  </si>
  <si>
    <t>10.200.67.172</t>
  </si>
  <si>
    <t>74-86-7A-FD-D6-20</t>
  </si>
  <si>
    <t>VOTORANT-MB017</t>
  </si>
  <si>
    <t>31ba6a15-573d-4346-a829-097904e9586c.tmp</t>
  </si>
  <si>
    <t>\\acsfs\profiles$\esterasg\Downloads\31ba6a15-573d-4346-a829-097904e9586c.tmp</t>
  </si>
  <si>
    <t>01/15/2020 14:10:55</t>
  </si>
  <si>
    <t>51255172-d0b8-4ad3-8c1f-98d191f2be99.tmp</t>
  </si>
  <si>
    <t>\\acsfs\profiles$\esterasg\Downloads\51255172-d0b8-4ad3-8c1f-98d191f2be99.tmp</t>
  </si>
  <si>
    <t>01/15/2020 14:11:44</t>
  </si>
  <si>
    <t>fbae5516-a928-4af0-9046-3ea8b12e9514.tmp</t>
  </si>
  <si>
    <t>\\acsfs\profiles$\esterasg\Downloads\fbae5516-a928-4af0-9046-3ea8b12e9514.tmp</t>
  </si>
  <si>
    <t>01/15/2020 14:13:48</t>
  </si>
  <si>
    <t>01/15/2020 14:12:07</t>
  </si>
  <si>
    <t>01/15/2020 14:10:29</t>
  </si>
  <si>
    <t>\\acsfs\profiles$\edicarlosdl\My Documents\</t>
  </si>
  <si>
    <t>.~lock.NOVO ACESSO.odt#</t>
  </si>
  <si>
    <t>\\acsfs\profiles$\edicarlosdl\My Documents\.~lock.NOVO ACESSO.odt#</t>
  </si>
  <si>
    <t>01/15/2020 14:09:10</t>
  </si>
  <si>
    <t>01/15/2020 14:14:48</t>
  </si>
  <si>
    <t>lu117049zji.tmp</t>
  </si>
  <si>
    <t>\\acsfs\profiles$\jalilebds\Downloads\lu117049zji.tmp</t>
  </si>
  <si>
    <t>01/15/2020 14:13:25</t>
  </si>
  <si>
    <t>01/15/2020 14:13:33</t>
  </si>
  <si>
    <t>01/15/2020 14:13:39</t>
  </si>
  <si>
    <t>01/15/2020 14:13:44</t>
  </si>
  <si>
    <t>01/15/2020 14:14:00</t>
  </si>
  <si>
    <t>01/15/2020 14:15:48</t>
  </si>
  <si>
    <t>01/15/2020 14:16:48</t>
  </si>
  <si>
    <t>01/15/2020 14:10:42</t>
  </si>
  <si>
    <t>Ana Paula da Silva Borges_1_6778461830675236085_1_32.wav</t>
  </si>
  <si>
    <t>\\acsfs\Deptos\EDUCACAO EMPRESARIAL\FERNANDA MONIT\Fernanda\MONITORIA JANEIRO\Ligação para MUTANT segundo ciclo janeiro\Ana Paula da Silva Borges_1_6778461830675236085_1_32.wav</t>
  </si>
  <si>
    <t>01/15/2020 14:17:48</t>
  </si>
  <si>
    <t>01/15/2020 14:13:18</t>
  </si>
  <si>
    <t>01/15/2020 14:14:16</t>
  </si>
  <si>
    <t>mail.google.com/sync/u/0/i/s?hl=pt-BR&amp;c=1137</t>
  </si>
  <si>
    <t>01/15/2020 14:14:27</t>
  </si>
  <si>
    <t>mail.google.com/sync/u/0/i/s?hl=pt-BR&amp;c=1139</t>
  </si>
  <si>
    <t>01/15/2020 14:14:44</t>
  </si>
  <si>
    <t>mail.google.com/sync/u/0/i/s?hl=pt-BR&amp;c=1141</t>
  </si>
  <si>
    <t>01/15/2020 14:14:45</t>
  </si>
  <si>
    <t>01/15/2020 14:15:02</t>
  </si>
  <si>
    <t>01/15/2020 14:15:07</t>
  </si>
  <si>
    <t>01/15/2020 14:18:48</t>
  </si>
  <si>
    <t>21f3eee1-31b0-4c5b-bebb-56057e950bb1.tmp</t>
  </si>
  <si>
    <t>\\acsfs\profiles$\erichds\Downloads\21f3eee1-31b0-4c5b-bebb-56057e950bb1.tmp</t>
  </si>
  <si>
    <t>01/15/2020 14:17:17</t>
  </si>
  <si>
    <t>01/15/2020 14:15:03</t>
  </si>
  <si>
    <t>01/15/2020 14:19:48</t>
  </si>
  <si>
    <t>3a03d2fb-9a86-461a-8de2-ee0961db6842.tmp</t>
  </si>
  <si>
    <t>\\acsfs\profiles$\luanarda\Downloads\3a03d2fb-9a86-461a-8de2-ee0961db6842.tmp</t>
  </si>
  <si>
    <t>01/15/2020 14:18:57</t>
  </si>
  <si>
    <t>lu15564mz9ju.tmp</t>
  </si>
  <si>
    <t>\\acsfs\profiles$\luanarda\lu15564mz9ju.tmp</t>
  </si>
  <si>
    <t>\\acsfs\profiles$\luanarda\lu15564mz9ju.tmp\</t>
  </si>
  <si>
    <t>\\acsfs\profiles$\luanarda\lu15564mz9ju.tmp\META-INF\</t>
  </si>
  <si>
    <t>\\acsfs\profiles$\luanarda\lu15564mz9ju.tmp\Thumbnails\</t>
  </si>
  <si>
    <t>01/15/2020 14:19:16</t>
  </si>
  <si>
    <t>01/15/2020 14:21:48</t>
  </si>
  <si>
    <t>01/15/2020 14:20:16</t>
  </si>
  <si>
    <t>01/15/2020 14:19:43</t>
  </si>
  <si>
    <t>286699c3-589d-422a-a8a8-66232ed4be5b.tmp</t>
  </si>
  <si>
    <t>\\acsfs\profiles$\victorgl\Downloads\286699c3-589d-422a-a8a8-66232ed4be5b.tmp</t>
  </si>
  <si>
    <t>01/15/2020 14:23:49</t>
  </si>
  <si>
    <t>01/15/2020 14:20:36</t>
  </si>
  <si>
    <t>01/15/2020 14:22:55</t>
  </si>
  <si>
    <t>01/15/2020 14:24:48</t>
  </si>
  <si>
    <t>cff1313b-6201-42fe-b2c2-ed00b12d36aa.tmp</t>
  </si>
  <si>
    <t>\\acsfs\profiles$\lorenabmc\Downloads\cff1313b-6201-42fe-b2c2-ed00b12d36aa.tmp</t>
  </si>
  <si>
    <t>01/15/2020 14:20:57</t>
  </si>
  <si>
    <t>01/15/2020 14:21:16</t>
  </si>
  <si>
    <t>01/15/2020 14:21:33</t>
  </si>
  <si>
    <t>01/15/2020 14:21:42</t>
  </si>
  <si>
    <t>01/15/2020 14:21:44</t>
  </si>
  <si>
    <t>01/15/2020 14:22:53</t>
  </si>
  <si>
    <t>lu117049zjq.tmp</t>
  </si>
  <si>
    <t>\\acsfs\profiles$\jalilebds\Downloads\lu117049zjq.tmp</t>
  </si>
  <si>
    <t>01/15/2020 14:23:38</t>
  </si>
  <si>
    <t>b21fe7b1-36bc-4b8a-b074-3110d8561e5e.tmp</t>
  </si>
  <si>
    <t>\\acsfs\profiles$\philipegsf\Downloads\b21fe7b1-36bc-4b8a-b074-3110d8561e5e.tmp</t>
  </si>
  <si>
    <t>01/15/2020 14:24:06</t>
  </si>
  <si>
    <t>0b19feff-a3a6-4001-94e6-cc72815b0510.tmp</t>
  </si>
  <si>
    <t>\\acsfs\profiles$\philipegsf\Downloads\0b19feff-a3a6-4001-94e6-cc72815b0510.tmp</t>
  </si>
  <si>
    <t>01/15/2020 14:23:45</t>
  </si>
  <si>
    <t>01/15/2020 14:23:48</t>
  </si>
  <si>
    <t>01/15/2020 14:26:48</t>
  </si>
  <si>
    <t>01/15/2020 14:24:18</t>
  </si>
  <si>
    <t>01/15/2020 14:26:11</t>
  </si>
  <si>
    <t>01/15/2020 14:25:25</t>
  </si>
  <si>
    <t>01/15/2020 14:23:23</t>
  </si>
  <si>
    <t>01/15/2020 14:23:53</t>
  </si>
  <si>
    <t>01/15/2020 14:23:56</t>
  </si>
  <si>
    <t>01/15/2020 14:28:47</t>
  </si>
  <si>
    <t>01/15/2020 14:24:52</t>
  </si>
  <si>
    <t>01/15/2020 14:25:15</t>
  </si>
  <si>
    <t>01/15/2020 14:27:08</t>
  </si>
  <si>
    <t>7c996aa9-8709-4a15-ae6c-a5fd1719b1c4.tmp</t>
  </si>
  <si>
    <t>\\acsfs\profiles$\henriquehmdo\Downloads\7c996aa9-8709-4a15-ae6c-a5fd1719b1c4.tmp</t>
  </si>
  <si>
    <t>01/15/2020 14:29:48</t>
  </si>
  <si>
    <t>01/15/2020 14:25:41</t>
  </si>
  <si>
    <t>6c1ab358-09ea-4628-91cf-e8a14ac7c967.tmp</t>
  </si>
  <si>
    <t>\\acsfs\profiles$\brendadsl\Downloads\6c1ab358-09ea-4628-91cf-e8a14ac7c967.tmp</t>
  </si>
  <si>
    <t>lu117049zjt.tmp</t>
  </si>
  <si>
    <t>\\acsfs\profiles$\jalilebds\Downloads\lu117049zjt.tmp</t>
  </si>
  <si>
    <t>01/15/2020 14:28:01</t>
  </si>
  <si>
    <t>lu117049zjw.tmp</t>
  </si>
  <si>
    <t>\\acsfs\profiles$\jalilebds\Downloads\lu117049zjw.tmp</t>
  </si>
  <si>
    <t>01/15/2020 14:26:19</t>
  </si>
  <si>
    <t>e4ea0ee3-f841-4d23-bac7-2dad582a5a23.tmp</t>
  </si>
  <si>
    <t>\\acsfs\profiles$\philipegsf\Downloads\e4ea0ee3-f841-4d23-bac7-2dad582a5a23.tmp</t>
  </si>
  <si>
    <t>01/15/2020 14:29:52</t>
  </si>
  <si>
    <t>01/15/2020 14:31:48</t>
  </si>
  <si>
    <t>01/15/2020 14:30:22</t>
  </si>
  <si>
    <t>01/15/2020 14:30:52</t>
  </si>
  <si>
    <t>01/15/2020 14:30:29</t>
  </si>
  <si>
    <t>01/15/2020 14:28:40</t>
  </si>
  <si>
    <t>01/15/2020 14:28:41</t>
  </si>
  <si>
    <t>01/15/2020 14:28:43</t>
  </si>
  <si>
    <t>mail.google.com/sync/u/0/i/s?hl=pt-BR&amp;c=817</t>
  </si>
  <si>
    <t>01/15/2020 14:28:46</t>
  </si>
  <si>
    <t>01/15/2020 14:28:57</t>
  </si>
  <si>
    <t>01/15/2020 14:29:21</t>
  </si>
  <si>
    <t>01/15/2020 14:29:26</t>
  </si>
  <si>
    <t>01/15/2020 14:29:07</t>
  </si>
  <si>
    <t>e0dc9b32-7665-42d1-bf8e-67f44b1a8274.tmp</t>
  </si>
  <si>
    <t>\\acsfs\profiles$\victorgl\Downloads\e0dc9b32-7665-42d1-bf8e-67f44b1a8274.tmp</t>
  </si>
  <si>
    <t>01/15/2020 14:30:39</t>
  </si>
  <si>
    <t>01/15/2020 14:32:48</t>
  </si>
  <si>
    <t>814d12cf-6361-4052-8c14-7d31b63b2ed9.tmp</t>
  </si>
  <si>
    <t>\\acsfs\profiles$\alinesv\Downloads\814d12cf-6361-4052-8c14-7d31b63b2ed9.tmp</t>
  </si>
  <si>
    <t>01/15/2020 14:32:15</t>
  </si>
  <si>
    <t>01/15/2020 14:32:16</t>
  </si>
  <si>
    <t>01/15/2020 14:30:19</t>
  </si>
  <si>
    <t>LUCAS QUITONIO DE SOUZA SILVA_1_6777302275404676357_1_32.wav</t>
  </si>
  <si>
    <t>\\acsfs\Deptos\EDUCACAO EMPRESARIAL\KÉSIA\Ligações 2º ciclo - Janeiro 2020\LUCAS QUITONIO DE SOUZA SILVA_1_6777302275404676357_1_32.wav</t>
  </si>
  <si>
    <t>01/15/2020 14:31:02</t>
  </si>
  <si>
    <t>01/15/2020 14:34:48</t>
  </si>
  <si>
    <t>6283976b-b216-409f-800c-38962dc1b261.tmp</t>
  </si>
  <si>
    <t>\\acsfs\profiles$\brendadsl\Downloads\6283976b-b216-409f-800c-38962dc1b261.tmp</t>
  </si>
  <si>
    <t>01/15/2020 14:34:10</t>
  </si>
  <si>
    <t>b4faa207-0bc9-4f26-8004-263b6f126980.tmp</t>
  </si>
  <si>
    <t>\\acsfs\profiles$\lorraynevam\Downloads\b4faa207-0bc9-4f26-8004-263b6f126980.tmp</t>
  </si>
  <si>
    <t>01/15/2020 14:32:35</t>
  </si>
  <si>
    <t>lu117049zjz.tmp</t>
  </si>
  <si>
    <t>\\acsfs\profiles$\jalilebds\Downloads\lu117049zjz.tmp</t>
  </si>
  <si>
    <t>01/15/2020 14:33:19</t>
  </si>
  <si>
    <t>01/15/2020 14:36:48</t>
  </si>
  <si>
    <t>d840a347-485d-4314-9e35-b55de55b7344.tmp</t>
  </si>
  <si>
    <t>\\acsfs\profiles$\sarahbal\Downloads\d840a347-485d-4314-9e35-b55de55b7344.tmp</t>
  </si>
  <si>
    <t>01/15/2020 14:31:23</t>
  </si>
  <si>
    <t>01/15/2020 14:31:53</t>
  </si>
  <si>
    <t>01/15/2020 14:32:53</t>
  </si>
  <si>
    <t>01/15/2020 14:34:55</t>
  </si>
  <si>
    <t>01/15/2020 14:35:25</t>
  </si>
  <si>
    <t>01/15/2020 14:31:52</t>
  </si>
  <si>
    <t>01/15/2020 14:35:38</t>
  </si>
  <si>
    <t>Andrea Paula da Silva Gomes_1_6777847482848198597_1_32.wav</t>
  </si>
  <si>
    <t>\\acsfs\Deptos\EDUCACAO EMPRESARIAL\FERNANDA MONIT\Fernanda\MONITORIA JANEIRO\Ligação para MUTANT segundo ciclo janeiro\Andrea Paula da Silva Gomes_1_6777847482848198597_1_32.wav</t>
  </si>
  <si>
    <t>01/15/2020 14:34:00</t>
  </si>
  <si>
    <t>45ef1708-8c02-4b0a-9e78-2ef13566daa7.tmp</t>
  </si>
  <si>
    <t>\\acsfs\profiles$\paulovadc\Downloads\45ef1708-8c02-4b0a-9e78-2ef13566daa7.tmp</t>
  </si>
  <si>
    <t>01/15/2020 14:37:48</t>
  </si>
  <si>
    <t>01/15/2020 14:33:03</t>
  </si>
  <si>
    <t>7479e746-2938-42d3-8d42-50f40c27893f.tmp</t>
  </si>
  <si>
    <t>\\acsfs\profiles$\gabrielafs\Downloads\7479e746-2938-42d3-8d42-50f40c27893f.tmp</t>
  </si>
  <si>
    <t>01/15/2020 14:36:38</t>
  </si>
  <si>
    <t>f208aeae-67bc-4ce5-b7e5-8df3ca5d6ab8.tmp</t>
  </si>
  <si>
    <t>\\acsfs\profiles$\laylaams\Downloads\f208aeae-67bc-4ce5-b7e5-8df3ca5d6ab8.tmp</t>
  </si>
  <si>
    <t>01/15/2020 14:38:48</t>
  </si>
  <si>
    <t>01/15/2020 14:35:33</t>
  </si>
  <si>
    <t>d20b5d1b-ede7-4c72-83d3-46e8772314ff.tmp</t>
  </si>
  <si>
    <t>\\acsfs\profiles$\wenderbnm\Downloads\d20b5d1b-ede7-4c72-83d3-46e8772314ff.tmp</t>
  </si>
  <si>
    <t>01/15/2020 14:38:37</t>
  </si>
  <si>
    <t>01/15/2020 14:39:49</t>
  </si>
  <si>
    <t>XLOG_anakcs_15012020_130702.log</t>
  </si>
  <si>
    <t>\\acsfs\profiles$\anakcs\My Documents\xworkcenter\logs\XLOG_anakcs_15012020_130702.log</t>
  </si>
  <si>
    <t>01/15/2020 14:39:28</t>
  </si>
  <si>
    <t>01/15/2020 14:41:48</t>
  </si>
  <si>
    <t>01/15/2020 14:39:58</t>
  </si>
  <si>
    <t>01/15/2020 14:40:59</t>
  </si>
  <si>
    <t>01/15/2020 14:40:43</t>
  </si>
  <si>
    <t>01/15/2020 14:40:48</t>
  </si>
  <si>
    <t>01/15/2020 14:41:25</t>
  </si>
  <si>
    <t>01/15/2020 14:41:30</t>
  </si>
  <si>
    <t>01/15/2020 14:40:26</t>
  </si>
  <si>
    <t>5189df8c-a759-41e3-8e0a-206e2168c4bc.tmp</t>
  </si>
  <si>
    <t>\\acsfs\profiles$\victorgl\Downloads\5189df8c-a759-41e3-8e0a-206e2168c4bc.tmp</t>
  </si>
  <si>
    <t>01/15/2020 14:37:54</t>
  </si>
  <si>
    <t>01/15/2020 14:42:48</t>
  </si>
  <si>
    <t>MARILIA FERNANDES PAES LEME BORGES_1_6777390309349336333_1_32.wav</t>
  </si>
  <si>
    <t>\\acsfs\Deptos\EDUCACAO EMPRESARIAL\KÉSIA\Ligações 2º ciclo - Janeiro 2020\MARILIA FERNANDES PAES LEME BORGES_1_6777390309349336333_1_32.wav</t>
  </si>
  <si>
    <t>01/15/2020 14:43:48</t>
  </si>
  <si>
    <t>01/15/2020 14:39:22</t>
  </si>
  <si>
    <t>9e071c81-3d60-483c-9e17-374a29a3c0de.tmp</t>
  </si>
  <si>
    <t>\\acsfs\profiles$\henriquehmdo\Downloads\9e071c81-3d60-483c-9e17-374a29a3c0de.tmp</t>
  </si>
  <si>
    <t>01/15/2020 14:42:32</t>
  </si>
  <si>
    <t>01/15/2020 14:45:48</t>
  </si>
  <si>
    <t>01/15/2020 14:43:09</t>
  </si>
  <si>
    <t>0f7c9291-eb0f-4a78-b4b0-f46ab1c92a39.tmp</t>
  </si>
  <si>
    <t>\\acsfs\profiles$\lucasgpe\Downloads\0f7c9291-eb0f-4a78-b4b0-f46ab1c92a39.tmp</t>
  </si>
  <si>
    <t>01/15/2020 14:44:12</t>
  </si>
  <si>
    <t>01/15/2020 14:46:48</t>
  </si>
  <si>
    <t>andrelpsa@algartech.com;leonardoao@algartech.com;</t>
  </si>
  <si>
    <t>andrelpsa@algartech.com,leonardoao@algartech.com</t>
  </si>
  <si>
    <t>01/15/2020 14:44:38</t>
  </si>
  <si>
    <t>01/15/2020 14:45:00</t>
  </si>
  <si>
    <t>01/15/2020 14:45:21</t>
  </si>
  <si>
    <t>01/15/2020 14:45:30</t>
  </si>
  <si>
    <t>01/15/2020 14:45:36</t>
  </si>
  <si>
    <t>01/15/2020 14:42:00</t>
  </si>
  <si>
    <t>01/15/2020 14:42:30</t>
  </si>
  <si>
    <t>01/15/2020 14:42:29</t>
  </si>
  <si>
    <t>01/15/2020 14:42:43</t>
  </si>
  <si>
    <t>01/15/2020 14:43:10</t>
  </si>
  <si>
    <t>01/15/2020 14:43:12</t>
  </si>
  <si>
    <t>mail.google.com/sync/u/0/i/s?hl=pt-BR&amp;c=863</t>
  </si>
  <si>
    <t>01/15/2020 14:43:22</t>
  </si>
  <si>
    <t>01/15/2020 14:43:28</t>
  </si>
  <si>
    <t>01/15/2020 14:43:34</t>
  </si>
  <si>
    <t>01/15/2020 14:43:37</t>
  </si>
  <si>
    <t>01/15/2020 14:43:41</t>
  </si>
  <si>
    <t>01/15/2020 14:43:47</t>
  </si>
  <si>
    <t>01/15/2020 14:44:16</t>
  </si>
  <si>
    <t>01/15/2020 14:46:21</t>
  </si>
  <si>
    <t>mail.google.com/sync/u/0/i/s?hl=pt-BR&amp;c=882</t>
  </si>
  <si>
    <t>01/15/2020 14:43:49</t>
  </si>
  <si>
    <t>01/15/2020 14:47:48</t>
  </si>
  <si>
    <t>mail.google.com/sync/u/0/i/s?hl=pt-BR&amp;c=1187</t>
  </si>
  <si>
    <t>01/15/2020 14:43:54</t>
  </si>
  <si>
    <t>01/15/2020 14:43:32</t>
  </si>
  <si>
    <t>01/15/2020 14:43:33</t>
  </si>
  <si>
    <t>01/15/2020 14:49:48</t>
  </si>
  <si>
    <t>01/15/2020 14:45:22</t>
  </si>
  <si>
    <t>lu117049zk2.tmp</t>
  </si>
  <si>
    <t>\\acsfs\profiles$\jalilebds\Downloads\lu117049zk2.tmp</t>
  </si>
  <si>
    <t>01/14/2020 21:18:55</t>
  </si>
  <si>
    <t>01/14/2020 21:18:56</t>
  </si>
  <si>
    <t>lu217722bgtoi.tmp</t>
  </si>
  <si>
    <t>\\acsfs\profiles$\rafaelacdoc\lu217722bgtoi.tmp</t>
  </si>
  <si>
    <t>\\acsfs\profiles$\rafaelacdoc\lu217722bgtoi.tmp\</t>
  </si>
  <si>
    <t>\\acsfs\profiles$\rafaelacdoc\lu217722bgtoi.tmp\META-INF\</t>
  </si>
  <si>
    <t>\\acsfs\profiles$\rafaelacdoc\lu217722bgtoi.tmp\Thumbnails\</t>
  </si>
  <si>
    <t>01/15/2020 14:44:59</t>
  </si>
  <si>
    <t>01/15/2020 14:50:49</t>
  </si>
  <si>
    <t>15650be0-5bfb-4ab6-89a0-d18afbff586f.tmp</t>
  </si>
  <si>
    <t>\\acsfs\profiles$\fabianobmf\Downloads\15650be0-5bfb-4ab6-89a0-d18afbff586f.tmp</t>
  </si>
  <si>
    <t>01/15/2020 14:45:12</t>
  </si>
  <si>
    <t>8192210a-c982-4eb0-89ea-93e2605cc358.tmp</t>
  </si>
  <si>
    <t>\\acsfs\profiles$\fabianobmf\Downloads\8192210a-c982-4eb0-89ea-93e2605cc358.tmp</t>
  </si>
  <si>
    <t>01/15/2020 14:47:02</t>
  </si>
  <si>
    <t>9315ff0a-440a-4878-8ba2-8aafc69f32b6.tmp</t>
  </si>
  <si>
    <t>\\acsfs\profiles$\fabianobmf\Downloads\9315ff0a-440a-4878-8ba2-8aafc69f32b6.tmp</t>
  </si>
  <si>
    <t>01/15/2020 14:47:33</t>
  </si>
  <si>
    <t>01/15/2020 14:51:48</t>
  </si>
  <si>
    <t>01/15/2020 14:49:04</t>
  </si>
  <si>
    <t>01/15/2020 14:49:30</t>
  </si>
  <si>
    <t>01/15/2020 14:47:34</t>
  </si>
  <si>
    <t>4b2d78c4-c35e-4345-8418-9f9ec9f4cdc0.tmp</t>
  </si>
  <si>
    <t>\\acsfs\profiles$\LUISPLS\Downloads\4b2d78c4-c35e-4345-8418-9f9ec9f4cdc0.tmp</t>
  </si>
  <si>
    <t>01/15/2020 14:50:20</t>
  </si>
  <si>
    <t>01/15/2020 14:50:45</t>
  </si>
  <si>
    <t>01/15/2020 14:51:10</t>
  </si>
  <si>
    <t>01/15/2020 14:51:22</t>
  </si>
  <si>
    <t>01/15/2020 14:48:17</t>
  </si>
  <si>
    <t>01/15/2020 14:52:48</t>
  </si>
  <si>
    <t>1027bbc8-79e3-4f34-8a33-1d662e0bb5cf.tmp</t>
  </si>
  <si>
    <t>\\acsfs\profiles$\jhonatadss\Downloads\1027bbc8-79e3-4f34-8a33-1d662e0bb5cf.tmp</t>
  </si>
  <si>
    <t>01/15/2020 14:52:16</t>
  </si>
  <si>
    <t>barbarasilva@parla.com.br;camila@callink.com.br;cielo.reportcenter@flexcontact.com.br;dayane.sousa@bpm.tivit.com.br;eduardo.santos@vikstar.com.br;edy.pereira@flexcontact.com.br;ingridsilva@parla.com.br;leonardo.marques@callink.com.br;luan.lima@cielo.com.br;lucas.ferreira@vikstar.com.br;lucio.souza@callink.com.br;monitoria.ciclo@flexcontact.com.br;polianna.favero@callink.com.br;qualidadecielogv@parla.com.br;qualidadecielotlv@parla.com.br;reclamacoescielo@algartech.com;resgateligacao@vikstar.com.br;resgatequalidade@atento.com.br;rosanarodrigues@parla.com.br;silvania.nascimento@bpo.tivit.com.br;tratativacielo@callink.com.br;</t>
  </si>
  <si>
    <t>barbarasilva@parla.com.br,camila@callink.com.br,cielo.reportcenter@flexcontact.com.br,dayane.sousa@bpm.tivit.com.br,eduardo.santos@vikstar.com.br,edy.pereira@flexcontact.com.br,ingridsilva@parla.com.br,leonardo.marques@callink.com.br,luan.lima@cielo.com.br,lucas.ferreira@vikstar.com.br,lucio.souza@callink.com.br,monitoria.ciclo@flexcontact.com.br,polianna.favero@callink.com.br,qualidadecielogv@parla.com.br,qualidadecielotlv@parla.com.br,reclamacoescielo@algartech.com,resgateligacao@vikstar.com.br,resgatequalidade@atento.com.br,rosanarodrigues@parla.com.br,silvania.nascimento@bpo.tivit.com.br,tratativacielo@callink.com.br</t>
  </si>
  <si>
    <t>01/15/2020 14:47:53</t>
  </si>
  <si>
    <t>ef99a16e-30b6-4c09-9ad8-afc679a9597d.tmp</t>
  </si>
  <si>
    <t>\\acsfs\profiles$\isabellegtds\Downloads\ef99a16e-30b6-4c09-9ad8-afc679a9597d.tmp</t>
  </si>
  <si>
    <t>01/15/2020 14:53:48</t>
  </si>
  <si>
    <t>01/15/2020 14:48:23</t>
  </si>
  <si>
    <t>722464d8-d4bb-4602-b6e0-2cf6c58b8727.tmp</t>
  </si>
  <si>
    <t>\\acsfs\profiles$\cintiadjl\Downloads\722464d8-d4bb-4602-b6e0-2cf6c58b8727.tmp</t>
  </si>
  <si>
    <t>01/15/2020 14:48:26</t>
  </si>
  <si>
    <t>43c928e6-d739-457d-bd0c-fb53c1b3f663.tmp</t>
  </si>
  <si>
    <t>\\acsfs\profiles$\cintiadjl\Downloads\43c928e6-d739-457d-bd0c-fb53c1b3f663.tmp</t>
  </si>
  <si>
    <t>01/15/2020 14:50:18</t>
  </si>
  <si>
    <t>df5cc8be-fbbd-469b-a35c-3ca05e684d55.tmp</t>
  </si>
  <si>
    <t>\\acsfs\profiles$\erichds\Downloads\df5cc8be-fbbd-469b-a35c-3ca05e684d55.tmp</t>
  </si>
  <si>
    <t>01/15/2020 14:50:40</t>
  </si>
  <si>
    <t>8cf71a9c-6e04-4003-8d52-7bb17cb886ae.tmp</t>
  </si>
  <si>
    <t>\\acsfs\profiles$\erichds\Downloads\8cf71a9c-6e04-4003-8d52-7bb17cb886ae.tmp</t>
  </si>
  <si>
    <t>f60807b6-aafc-4f8f-9ac0-1442f4cb6e26.tmp</t>
  </si>
  <si>
    <t>\\acsfs\profiles$\KARENJSS\Downloads\f60807b6-aafc-4f8f-9ac0-1442f4cb6e26.tmp</t>
  </si>
  <si>
    <t>01/15/2020 14:49:44</t>
  </si>
  <si>
    <t>7f1753ac-6d5a-4f79-aa8e-014d064f7ea5.tmp</t>
  </si>
  <si>
    <t>\\acsfs\profiles$\gabrielsma\Downloads\7f1753ac-6d5a-4f79-aa8e-014d064f7ea5.tmp</t>
  </si>
  <si>
    <t>01/15/2020 14:49:58</t>
  </si>
  <si>
    <t>01/15/2020 14:51:06</t>
  </si>
  <si>
    <t>35e14cdb-4a4a-497a-aff5-9322adaee33d.tmp</t>
  </si>
  <si>
    <t>\\acsfs\profiles$\gabrielsma\Downloads\35e14cdb-4a4a-497a-aff5-9322adaee33d.tmp</t>
  </si>
  <si>
    <t>01/15/2020 14:51:13</t>
  </si>
  <si>
    <t>01/15/2020 14:52:12</t>
  </si>
  <si>
    <t>c72ec9a7-4cca-465a-b464-894ab157c4c5.tmp</t>
  </si>
  <si>
    <t>\\acsfs\profiles$\gabrielsma\Downloads\c72ec9a7-4cca-465a-b464-894ab157c4c5.tmp</t>
  </si>
  <si>
    <t>01/15/2020 14:52:31</t>
  </si>
  <si>
    <t>01/15/2020 14:54:49</t>
  </si>
  <si>
    <t>01/15/2020 14:50:16</t>
  </si>
  <si>
    <t>8f72d182-0404-40d9-a18f-eb30e743c094.tmp</t>
  </si>
  <si>
    <t>\\acsfs\profiles$\rafaelacdoc\Downloads\8f72d182-0404-40d9-a18f-eb30e743c094.tmp</t>
  </si>
  <si>
    <t>01/15/2020 14:51:32</t>
  </si>
  <si>
    <t>dc7fc812-49e3-4131-8d1f-14ee8cdd975c.tmp</t>
  </si>
  <si>
    <t>\\acsfs\profiles$\rafaelacdoc\Downloads\dc7fc812-49e3-4131-8d1f-14ee8cdd975c.tmp</t>
  </si>
  <si>
    <t>01/15/2020 14:52:45</t>
  </si>
  <si>
    <t>01/15/2020 14:50:28</t>
  </si>
  <si>
    <t>511c49f8-d1d9-4383-bad8-6e188626774d.tmp</t>
  </si>
  <si>
    <t>\\acsfs\profiles$\fernandofs\Downloads\511c49f8-d1d9-4383-bad8-6e188626774d.tmp</t>
  </si>
  <si>
    <t>01/15/2020 14:50:51</t>
  </si>
  <si>
    <t>6983b477-856d-415d-a91f-a3eb5a5c8eb1.tmp</t>
  </si>
  <si>
    <t>\\acsfs\profiles$\fernandofs\Downloads\6983b477-856d-415d-a91f-a3eb5a5c8eb1.tmp</t>
  </si>
  <si>
    <t>01/15/2020 14:52:21</t>
  </si>
  <si>
    <t>Novo Documento de Texto (2).txt</t>
  </si>
  <si>
    <t>\\acsfs\profiles$\NATALIACSL\Novo Documento de Texto (2).txt</t>
  </si>
  <si>
    <t>01/15/2020 14:52:36</t>
  </si>
  <si>
    <t>01/15/2020 14:52:47</t>
  </si>
  <si>
    <t>01/15/2020 14:51:34</t>
  </si>
  <si>
    <t>01/15/2020 14:55:49</t>
  </si>
  <si>
    <t>a320c95e-2318-4a13-abd1-72e285f4b4ad.tmp</t>
  </si>
  <si>
    <t>\\acsfs\profiles$\fabianobmf\Downloads\a320c95e-2318-4a13-abd1-72e285f4b4ad.tmp</t>
  </si>
  <si>
    <t>01/15/2020 14:54:38</t>
  </si>
  <si>
    <t>01/15/2020 14:56:49</t>
  </si>
  <si>
    <t>01/15/2020 14:54:48</t>
  </si>
  <si>
    <t>01/15/2020 14:55:03</t>
  </si>
  <si>
    <t>01/15/2020 14:55:25</t>
  </si>
  <si>
    <t>01/15/2020 14:55:28</t>
  </si>
  <si>
    <t>01/15/2020 14:53:38</t>
  </si>
  <si>
    <t>01/15/2020 14:54:08</t>
  </si>
  <si>
    <t>01/15/2020 14:52:07</t>
  </si>
  <si>
    <t>01/15/2020 14:52:19</t>
  </si>
  <si>
    <t>01/15/2020 14:54:26</t>
  </si>
  <si>
    <t>01/15/2020 14:54:30</t>
  </si>
  <si>
    <t>01/15/2020 14:54:33</t>
  </si>
  <si>
    <t>01/15/2020 14:52:24</t>
  </si>
  <si>
    <t>43f69f1e-0a77-4e1f-87f5-a4242d2a632a.tmp</t>
  </si>
  <si>
    <t>\\acsfs\profiles$\paulovadc\Downloads\43f69f1e-0a77-4e1f-87f5-a4242d2a632a.tmp</t>
  </si>
  <si>
    <t>01/15/2020 14:54:10</t>
  </si>
  <si>
    <t>01/15/2020 14:57:49</t>
  </si>
  <si>
    <t>kit_pre_deslig_disp_sem_justa_causa_ind_95758_nathane alves da silva.pdf</t>
  </si>
  <si>
    <t>01/15/2020 14:52:35</t>
  </si>
  <si>
    <t>01/15/2020 14:58:49</t>
  </si>
  <si>
    <t>01/15/2020 14:54:14</t>
  </si>
  <si>
    <t>17c7354b-2fc4-4886-8a44-33e09f84802f.tmp</t>
  </si>
  <si>
    <t>\\acsfs\profiles$\gabrielsma\Downloads\17c7354b-2fc4-4886-8a44-33e09f84802f.tmp</t>
  </si>
  <si>
    <t>01/15/2020 14:54:32</t>
  </si>
  <si>
    <t>01/15/2020 14:59:25</t>
  </si>
  <si>
    <t>01/15/2020 15:01:49</t>
  </si>
  <si>
    <t>01/15/2020 14:59:43</t>
  </si>
  <si>
    <t>01/15/2020 15:00:01</t>
  </si>
  <si>
    <t>01/15/2020 15:00:11</t>
  </si>
  <si>
    <t>01/15/2020 15:00:28</t>
  </si>
  <si>
    <t>01/15/2020 15:00:31</t>
  </si>
  <si>
    <t>01/15/2020 15:00:59</t>
  </si>
  <si>
    <t>01/15/2020 15:01:00</t>
  </si>
  <si>
    <t>01/15/2020 14:58:14</t>
  </si>
  <si>
    <t>01/15/2020 14:58:29</t>
  </si>
  <si>
    <t>01/15/2020 15:02:49</t>
  </si>
  <si>
    <t>01/15/2020 15:03:49</t>
  </si>
  <si>
    <t>01/15/2020 15:00:21</t>
  </si>
  <si>
    <t>c7b12d94-62b3-4e00-91ac-3ff327e69f5a.tmp</t>
  </si>
  <si>
    <t>\\acsfs\profiles$\brunalas\Downloads\c7b12d94-62b3-4e00-91ac-3ff327e69f5a.tmp</t>
  </si>
  <si>
    <t>01/15/2020 15:01:41</t>
  </si>
  <si>
    <t>34e40946-8de5-4e03-8e8d-e12d28a22e60.tmp</t>
  </si>
  <si>
    <t>\\acsfs\profiles$\brunalas\Downloads\34e40946-8de5-4e03-8e8d-e12d28a22e60.tmp</t>
  </si>
  <si>
    <t>01/15/2020 15:02:09</t>
  </si>
  <si>
    <t>c0c0cec0-0ad0-4917-934f-6617809acad6.tmp</t>
  </si>
  <si>
    <t>\\acsfs\profiles$\vivianealda\Downloads\c0c0cec0-0ad0-4917-934f-6617809acad6.tmp</t>
  </si>
  <si>
    <t>01/15/2020 15:01:48</t>
  </si>
  <si>
    <t>01/15/2020 15:04:49</t>
  </si>
  <si>
    <t>\\acsfs\profiles$\flaviacdst\Contacts\</t>
  </si>
  <si>
    <t>FLAVIA CRISTINE DA SILVA TEIXEIRA (16).contact</t>
  </si>
  <si>
    <t>\\acsfs\profiles$\flaviacdst\Contacts\FLAVIA CRISTINE DA SILVA TEIXEIRA (16).contact</t>
  </si>
  <si>
    <t>01/15/2020 15:01:54</t>
  </si>
  <si>
    <t>\\acsfs\profiles$\flaviacdst\My Documents\My Videos\</t>
  </si>
  <si>
    <t>\\acsfs\profiles$\flaviacdst\My Documents\My Videos\desktop.ini</t>
  </si>
  <si>
    <t>01/15/2020 15:01:55</t>
  </si>
  <si>
    <t>\\acsfs\profiles$\flaviacdst\My Documents\My Pictures\</t>
  </si>
  <si>
    <t>\\acsfs\profiles$\flaviacdst\My Documents\My Pictures\desktop.ini</t>
  </si>
  <si>
    <t>01/15/2020 15:01:56</t>
  </si>
  <si>
    <t>\\acsfs\profiles$\flaviacdst\Contacts\desktop.ini</t>
  </si>
  <si>
    <t>01/15/2020 15:01:57</t>
  </si>
  <si>
    <t>\\acsfs\profiles$\flaviacdst\Favorites\desktop.ini</t>
  </si>
  <si>
    <t>01/15/2020 15:01:58</t>
  </si>
  <si>
    <t>\\acsfs\profiles$\flaviacdst\My Documents\My Music\</t>
  </si>
  <si>
    <t>\\acsfs\profiles$\flaviacdst\My Documents\My Music\desktop.ini</t>
  </si>
  <si>
    <t>01/15/2020 15:01:59</t>
  </si>
  <si>
    <t>01/15/2020 15:02:00</t>
  </si>
  <si>
    <t>\\acsfs\profiles$\flaviacdst\Searches\</t>
  </si>
  <si>
    <t>\\acsfs\profiles$\flaviacdst\Searches\desktop.ini</t>
  </si>
  <si>
    <t>01/15/2020 15:02:01</t>
  </si>
  <si>
    <t>\\acsfs\profiles$\flaviacdst\Downloads\</t>
  </si>
  <si>
    <t>\\acsfs\profiles$\flaviacdst\Downloads\desktop.ini</t>
  </si>
  <si>
    <t>\\acsfs\profiles$\flaviacdst\My Documents\</t>
  </si>
  <si>
    <t>\\acsfs\profiles$\flaviacdst\My Documents\desktop.ini</t>
  </si>
  <si>
    <t>01/15/2020 15:02:02</t>
  </si>
  <si>
    <t>01/15/2020 15:02:03</t>
  </si>
  <si>
    <t>\\acsfs\profiles$\flaviacdst\Saved Games\</t>
  </si>
  <si>
    <t>\\acsfs\profiles$\flaviacdst\Saved Games\desktop.ini</t>
  </si>
  <si>
    <t>01/15/2020 15:02:04</t>
  </si>
  <si>
    <t>01/15/2020 15:02:16</t>
  </si>
  <si>
    <t>\\acsfs\profiles$\flaviacdst\Favorites\Links for Brasil\</t>
  </si>
  <si>
    <t>\\acsfs\profiles$\flaviacdst\Favorites\Links for Brasil\desktop.ini</t>
  </si>
  <si>
    <t>\\acsfs\profiles$\flaviacdst\Favorites\Links for Brasil\Microsoft Brasil.url</t>
  </si>
  <si>
    <t>01/15/2020 15:02:17</t>
  </si>
  <si>
    <t>\\acsfs\profiles$\flaviacdst\Favorites\Links for Brasil\Windows Brasil.url</t>
  </si>
  <si>
    <t>01/15/2020 15:02:18</t>
  </si>
  <si>
    <t>\\acsfs\profiles$\flaviacdst\Favorites\Links for Brasil\MSN Brasil.url</t>
  </si>
  <si>
    <t>01/15/2020 15:03:03</t>
  </si>
  <si>
    <t>01/15/2020 15:02:35</t>
  </si>
  <si>
    <t>01/15/2020 15:04:09</t>
  </si>
  <si>
    <t>01/15/2020 15:05:49</t>
  </si>
  <si>
    <t>.~lock.CONTAS.ods#</t>
  </si>
  <si>
    <t>\\acsfs\profiles$\regisedsj\My Documents\.~lock.CONTAS.ods#</t>
  </si>
  <si>
    <t>01/15/2020 15:03:07</t>
  </si>
  <si>
    <t>01/15/2020 15:03:08</t>
  </si>
  <si>
    <t>01/15/2020 15:03:09</t>
  </si>
  <si>
    <t>01/15/2020 15:03:10</t>
  </si>
  <si>
    <t>01/15/2020 15:03:11</t>
  </si>
  <si>
    <t>01/15/2020 15:03:12</t>
  </si>
  <si>
    <t>01/15/2020 15:03:13</t>
  </si>
  <si>
    <t>01/15/2020 15:03:14</t>
  </si>
  <si>
    <t>01/15/2020 15:03:15</t>
  </si>
  <si>
    <t>01/15/2020 15:03:16</t>
  </si>
  <si>
    <t>01/15/2020 15:03:17</t>
  </si>
  <si>
    <t>01/15/2020 15:03:18</t>
  </si>
  <si>
    <t>01/15/2020 15:03:19</t>
  </si>
  <si>
    <t>01/15/2020 15:03:20</t>
  </si>
  <si>
    <t>01/15/2020 15:03:21</t>
  </si>
  <si>
    <t>01/15/2020 15:03:22</t>
  </si>
  <si>
    <t>01/15/2020 15:03:23</t>
  </si>
  <si>
    <t>01/15/2020 15:03:24</t>
  </si>
  <si>
    <t>01/15/2020 15:05:27</t>
  </si>
  <si>
    <t>XLOG_ellencds_15012020_070423.log</t>
  </si>
  <si>
    <t>\\acsfs\profiles$\ellencds\My Documents\xworkcenter\logs\XLOG_ellencds_15012020_070423.log</t>
  </si>
  <si>
    <t>01/15/2020 15:01:08</t>
  </si>
  <si>
    <t>01/15/2020 15:06:49</t>
  </si>
  <si>
    <t>01/15/2020 15:02:14</t>
  </si>
  <si>
    <t>01/15/2020 15:04:15</t>
  </si>
  <si>
    <t>01/15/2020 15:04:46</t>
  </si>
  <si>
    <t>01/15/2020 15:01:19</t>
  </si>
  <si>
    <t>01/15/2020 15:05:16</t>
  </si>
  <si>
    <t>01/15/2020 15:01:52</t>
  </si>
  <si>
    <t>01/15/2020 15:02:24</t>
  </si>
  <si>
    <t>01/15/2020 15:03:00</t>
  </si>
  <si>
    <t>01/15/2020 15:03:36</t>
  </si>
  <si>
    <t>01/15/2020 15:04:18</t>
  </si>
  <si>
    <t>mail.google.com/sync/u/0/i/s?hl=pt-BR&amp;c=298</t>
  </si>
  <si>
    <t>01/15/2020 15:05:19</t>
  </si>
  <si>
    <t>01/15/2020 15:06:21</t>
  </si>
  <si>
    <t>01/15/2020 15:03:05</t>
  </si>
  <si>
    <t>608ff7ae-4501-4d4e-a8e3-629fa6bbbadd.tmp</t>
  </si>
  <si>
    <t>\\acsfs\profiles$\geovannasm\Downloads\608ff7ae-4501-4d4e-a8e3-629fa6bbbadd.tmp</t>
  </si>
  <si>
    <t>124f78cd-a93a-490d-a263-dd453c8b6600.tmp</t>
  </si>
  <si>
    <t>\\acsfs\profiles$\geovannasm\Downloads\124f78cd-a93a-490d-a263-dd453c8b6600.tmp</t>
  </si>
  <si>
    <t>01/15/2020 15:07:48</t>
  </si>
  <si>
    <t>01/15/2020 15:04:52</t>
  </si>
  <si>
    <t>4b3da39a-0c10-4810-8752-b4e951fade6f.tmp</t>
  </si>
  <si>
    <t>\\acsfs\profiles$\laurandos\Downloads\4b3da39a-0c10-4810-8752-b4e951fade6f.tmp</t>
  </si>
  <si>
    <t>01/15/2020 15:05:58</t>
  </si>
  <si>
    <t>dad71ef7-f7c9-4448-8e3c-96d6429f7c03.tmp</t>
  </si>
  <si>
    <t>\\acsfs\profiles$\laurandos\Downloads\dad71ef7-f7c9-4448-8e3c-96d6429f7c03.tmp</t>
  </si>
  <si>
    <t>01/15/2020 15:04:21</t>
  </si>
  <si>
    <t>01/15/2020 15:04:36</t>
  </si>
  <si>
    <t>01/15/2020 15:08:49</t>
  </si>
  <si>
    <t>https://joaogvc@algartech.com,leonardoao@algartech.com,paulacn@algartech.com,ricardodfm@algartech.com.br,robsonams@algartech.com,taysdss@algartech.com,viniciussg@algartech.com</t>
  </si>
  <si>
    <t>01/15/2020 15:07:21</t>
  </si>
  <si>
    <t>89605c8e-7e4e-454e-a663-a2c31ae1b8d4.tmp</t>
  </si>
  <si>
    <t>\\acsfs\profiles$\Flaviojmm\Downloads\89605c8e-7e4e-454e-a663-a2c31ae1b8d4.tmp</t>
  </si>
  <si>
    <t>01/15/2020 15:04:06</t>
  </si>
  <si>
    <t>01/15/2020 15:09:48</t>
  </si>
  <si>
    <t>0e5a25e9-d019-4618-b878-fab7ac48ae62.tmp</t>
  </si>
  <si>
    <t>\\acsfs\profiles$\KARENDSR\Downloads\0e5a25e9-d019-4618-b878-fab7ac48ae62.tmp</t>
  </si>
  <si>
    <t>01/15/2020 15:07:32</t>
  </si>
  <si>
    <t>a399b643-1ffe-4b01-a5db-3c97e9ed64d6.tmp</t>
  </si>
  <si>
    <t>\\acsfs\profiles$\fabianafv\Downloads\a399b643-1ffe-4b01-a5db-3c97e9ed64d6.tmp</t>
  </si>
  <si>
    <t>01/15/2020 15:08:47</t>
  </si>
  <si>
    <t>01/15/2020 15:10:49</t>
  </si>
  <si>
    <t>feb68fdd-16fa-4b32-9995-b023d9a1a6a3.tmp</t>
  </si>
  <si>
    <t>\\acsfs\profiles$\nayarasds\Downloads\feb68fdd-16fa-4b32-9995-b023d9a1a6a3.tmp</t>
  </si>
  <si>
    <t>01/15/2020 15:08:52</t>
  </si>
  <si>
    <t>266f1403-dd6a-46cf-a82b-8c29904dbddf.tmp</t>
  </si>
  <si>
    <t>\\acsfs\profiles$\nayarasds\Downloads\266f1403-dd6a-46cf-a82b-8c29904dbddf.tmp</t>
  </si>
  <si>
    <t>01/15/2020 15:09:08</t>
  </si>
  <si>
    <t>9527240c-3f5b-4953-99af-c15e22aeb51b.tmp</t>
  </si>
  <si>
    <t>\\acsfs\profiles$\nayarasds\Downloads\9527240c-3f5b-4953-99af-c15e22aeb51b.tmp</t>
  </si>
  <si>
    <t>01/15/2020 15:07:42</t>
  </si>
  <si>
    <t>https://algar.folhasinergyrh.com.br/dependente/upload?id=0&amp;idsolicitacao=21372&amp;nomedependente=rafael marques janini</t>
  </si>
  <si>
    <t>C:\Users\luizffn\Downloads\</t>
  </si>
  <si>
    <t>DOCUMENTOS CARLA.zip</t>
  </si>
  <si>
    <t>C:\Users\luizffn\Downloads\DOCUMENTOS CARLA.zip\</t>
  </si>
  <si>
    <t>DOCUMENTOS CARLA.pdf</t>
  </si>
  <si>
    <t>01/15/2020 15:06:53</t>
  </si>
  <si>
    <t>01/15/2020 15:11:49</t>
  </si>
  <si>
    <t>01/15/2020 15:07:03</t>
  </si>
  <si>
    <t>01/15/2020 15:07:09</t>
  </si>
  <si>
    <t>01/15/2020 15:07:17</t>
  </si>
  <si>
    <t>01/15/2020 15:08:34</t>
  </si>
  <si>
    <t>01/15/2020 15:07:58</t>
  </si>
  <si>
    <t>01/15/2020 15:08:56</t>
  </si>
  <si>
    <t>XLOG_anacdos_15012020_065734.log</t>
  </si>
  <si>
    <t>\\acsfs\profiles$\anacdos\My Documents\xworkcenter\logs\XLOG_anacdos_15012020_065734.log</t>
  </si>
  <si>
    <t>01/15/2020 15:07:11</t>
  </si>
  <si>
    <t>7e439ab7-3922-4789-bed9-a57eff8f8710.tmp</t>
  </si>
  <si>
    <t>\\acsfs\profiles$\geovannasm\Downloads\7e439ab7-3922-4789-bed9-a57eff8f8710.tmp</t>
  </si>
  <si>
    <t>01/15/2020 15:10:48</t>
  </si>
  <si>
    <t>01/15/2020 15:11:02</t>
  </si>
  <si>
    <t>01/15/2020 15:07:55</t>
  </si>
  <si>
    <t>3ae23244-e4de-4e68-81fb-70a839711c2b.tmp</t>
  </si>
  <si>
    <t>\\acsfs\profiles$\paulovadc\Downloads\3ae23244-e4de-4e68-81fb-70a839711c2b.tmp</t>
  </si>
  <si>
    <t>01/15/2020 15:11:11</t>
  </si>
  <si>
    <t>01/15/2020 15:13:48</t>
  </si>
  <si>
    <t>4eba274e-8d0e-4012-87c5-485b0670040c.tmp</t>
  </si>
  <si>
    <t>\\acsfs\profiles$\rafaelahpn\Downloads\4eba274e-8d0e-4012-87c5-485b0670040c.tmp</t>
  </si>
  <si>
    <t>01/15/2020 15:11:24</t>
  </si>
  <si>
    <t>a31af3ab-ec39-4e02-889d-20fd2457e800.tmp</t>
  </si>
  <si>
    <t>\\acsfs\profiles$\rafaelahpn\Downloads\a31af3ab-ec39-4e02-889d-20fd2457e800.tmp</t>
  </si>
  <si>
    <t>01/15/2020 15:12:14</t>
  </si>
  <si>
    <t>ce801bec-20a7-4a88-88de-0243c45dcee4.tmp</t>
  </si>
  <si>
    <t>\\acsfs\profiles$\rafaelahpn\Downloads\ce801bec-20a7-4a88-88de-0243c45dcee4.tmp</t>
  </si>
  <si>
    <t>01/15/2020 15:14:49</t>
  </si>
  <si>
    <t>01/15/2020 15:11:21</t>
  </si>
  <si>
    <t>2e4e3e03-4e9b-44e3-83ef-13d8d17da8a5.tmp</t>
  </si>
  <si>
    <t>\\acsfs\profiles$\brendadsl\Downloads\2e4e3e03-4e9b-44e3-83ef-13d8d17da8a5.tmp</t>
  </si>
  <si>
    <t>01/15/2020 15:13:42</t>
  </si>
  <si>
    <t>01/15/2020 15:09:46</t>
  </si>
  <si>
    <t>01/15/2020 15:09:47</t>
  </si>
  <si>
    <t>lu117049zka.tmp</t>
  </si>
  <si>
    <t>\\acsfs\profiles$\jalilebds\Downloads\lu117049zka.tmp</t>
  </si>
  <si>
    <t>01/15/2020 15:14:12</t>
  </si>
  <si>
    <t>lu117049zkd.tmp</t>
  </si>
  <si>
    <t>\\acsfs\profiles$\jalilebds\Downloads\lu117049zkd.tmp</t>
  </si>
  <si>
    <t>01/15/2020 15:10:02</t>
  </si>
  <si>
    <t>01/15/2020 15:15:49</t>
  </si>
  <si>
    <t>e5e09a19-4b6f-44aa-b317-63c20a6d9c43.tmp</t>
  </si>
  <si>
    <t>\\acsfs\profiles$\nayarasds\Downloads\e5e09a19-4b6f-44aa-b317-63c20a6d9c43.tmp</t>
  </si>
  <si>
    <t>01/15/2020 15:11:10</t>
  </si>
  <si>
    <t>be98b24b-fc71-4251-bdce-fb361620356e.tmp</t>
  </si>
  <si>
    <t>\\acsfs\profiles$\nayarasds\Downloads\be98b24b-fc71-4251-bdce-fb361620356e.tmp</t>
  </si>
  <si>
    <t>01/15/2020 15:11:27</t>
  </si>
  <si>
    <t>09064991-e4af-4a4e-b16c-514d38949dab.tmp</t>
  </si>
  <si>
    <t>\\acsfs\profiles$\nayarasds\Downloads\09064991-e4af-4a4e-b16c-514d38949dab.tmp</t>
  </si>
  <si>
    <t>01/15/2020 15:12:30</t>
  </si>
  <si>
    <t>511856fb-e455-4e53-9d4f-f01213aa222c.tmp</t>
  </si>
  <si>
    <t>\\acsfs\profiles$\nayarasds\Downloads\511856fb-e455-4e53-9d4f-f01213aa222c.tmp</t>
  </si>
  <si>
    <t>01/15/2020 15:11:46</t>
  </si>
  <si>
    <t>8ee57262-51d0-41cf-a242-f529f30bb4b7.tmp</t>
  </si>
  <si>
    <t>\\acsfs\profiles$\lorrainerdl\Downloads\8ee57262-51d0-41cf-a242-f529f30bb4b7.tmp</t>
  </si>
  <si>
    <t>01/15/2020 15:14:04</t>
  </si>
  <si>
    <t>01/15/2020 15:14:07</t>
  </si>
  <si>
    <t>01/15/2020 15:14:24</t>
  </si>
  <si>
    <t>01/15/2020 15:16:49</t>
  </si>
  <si>
    <t>01/15/2020 15:16:09</t>
  </si>
  <si>
    <t>01/15/2020 15:16:37</t>
  </si>
  <si>
    <t>01/15/2020 15:16:30</t>
  </si>
  <si>
    <t>01/15/2020 15:17:49</t>
  </si>
  <si>
    <t>be0522eb-c733-4b0a-91eb-8afe41fc5788.tmp</t>
  </si>
  <si>
    <t>\\acsfs\profiles$\adelvinsonle\Downloads\be0522eb-c733-4b0a-91eb-8afe41fc5788.tmp</t>
  </si>
  <si>
    <t>01/15/2020 15:12:33</t>
  </si>
  <si>
    <t>XLOG_tiagosno_15012020_071758.log</t>
  </si>
  <si>
    <t>\\acsfs\profiles$\tiagosno\My Documents\xworkcenter\logs\XLOG_tiagosno_15012020_071758.log</t>
  </si>
  <si>
    <t>01/15/2020 15:13:02</t>
  </si>
  <si>
    <t>Fernando Freitas Silva_1_6778199562792279455_1_32.wav</t>
  </si>
  <si>
    <t>\\acsfs\Deptos\EDUCACAO EMPRESARIAL\FERNANDA MONIT\Fernanda\MONITORIA JANEIRO\Ligação para MUTANT segundo ciclo janeiro\Fernando Freitas Silva_1_6778199562792279455_1_32.wav</t>
  </si>
  <si>
    <t>01/15/2020 15:17:02</t>
  </si>
  <si>
    <t>01/15/2020 15:17:03</t>
  </si>
  <si>
    <t>01/15/2020 15:18:49</t>
  </si>
  <si>
    <t>01/15/2020 15:17:01</t>
  </si>
  <si>
    <t>b17bbfe9-12af-4c37-8b4f-cc082e395ca3.tmp</t>
  </si>
  <si>
    <t>\\acsfs\profiles$\henriquehmdo\Downloads\b17bbfe9-12af-4c37-8b4f-cc082e395ca3.tmp</t>
  </si>
  <si>
    <t>01/15/2020 15:19:49</t>
  </si>
  <si>
    <t>01/15/2020 15:18:35</t>
  </si>
  <si>
    <t>3b8596b9-148f-4b69-86b8-dac3a2eac10e.tmp</t>
  </si>
  <si>
    <t>\\acsfs\profiles$\brendadsl\Downloads\3b8596b9-148f-4b69-86b8-dac3a2eac10e.tmp</t>
  </si>
  <si>
    <t>01/15/2020 15:15:34</t>
  </si>
  <si>
    <t>01/15/2020 15:15:35</t>
  </si>
  <si>
    <t>lu117049zkg.tmp</t>
  </si>
  <si>
    <t>\\acsfs\profiles$\jalilebds\Downloads\lu117049zkg.tmp</t>
  </si>
  <si>
    <t>01/15/2020 15:20:49</t>
  </si>
  <si>
    <t>01/15/2020 15:19:23</t>
  </si>
  <si>
    <t>\\acsfs\DEPTOS\EDUCACAO EMPRESARIAL\2 - Operações\0 - BV\1 - TREINADORES\</t>
  </si>
  <si>
    <t>PENDENCIAS VALORES-CHAMADOS (1).xlsx</t>
  </si>
  <si>
    <t>\\acsfs\DEPTOS\EDUCACAO EMPRESARIAL\2 - Operações\0 - BV\1 - TREINADORES\PENDENCIAS VALORES-CHAMADOS (1).xlsx</t>
  </si>
  <si>
    <t>01/15/2020 15:16:25</t>
  </si>
  <si>
    <t>01/15/2020 15:21:49</t>
  </si>
  <si>
    <t>01/15/2020 15:16:55</t>
  </si>
  <si>
    <t>01/15/2020 15:17:25</t>
  </si>
  <si>
    <t>01/15/2020 15:18:26</t>
  </si>
  <si>
    <t>01/15/2020 15:18:56</t>
  </si>
  <si>
    <t>01/15/2020 15:21:33</t>
  </si>
  <si>
    <t>8481d974-d570-4a5b-9a40-d97f741c3ce4.tmp</t>
  </si>
  <si>
    <t>\\acsfs\profiles$\victorgl\Downloads\8481d974-d570-4a5b-9a40-d97f741c3ce4.tmp</t>
  </si>
  <si>
    <t>01/15/2020 15:18:58</t>
  </si>
  <si>
    <t>01/15/2020 15:19:05</t>
  </si>
  <si>
    <t>01/15/2020 15:19:25</t>
  </si>
  <si>
    <t>01/15/2020 15:19:43</t>
  </si>
  <si>
    <t>01/15/2020 15:19:44</t>
  </si>
  <si>
    <t>01/15/2020 15:22:49</t>
  </si>
  <si>
    <t>01/15/2020 15:17:50</t>
  </si>
  <si>
    <t>af485a87-c8b8-4623-869d-7487b5a74bdb.tmp</t>
  </si>
  <si>
    <t>\\acsfs\profiles$\websondsa\Downloads\af485a87-c8b8-4623-869d-7487b5a74bdb.tmp</t>
  </si>
  <si>
    <t>01/15/2020 15:21:45</t>
  </si>
  <si>
    <t>01/15/2020 15:24:49</t>
  </si>
  <si>
    <t>\\acsfs\profiles$\andreapdsg\Contacts\</t>
  </si>
  <si>
    <t>ANDREA PAULA DA SILVA GOMES (15).contact</t>
  </si>
  <si>
    <t>\\acsfs\profiles$\andreapdsg\Contacts\ANDREA PAULA DA SILVA GOMES (15).contact</t>
  </si>
  <si>
    <t>01/15/2020 15:21:46</t>
  </si>
  <si>
    <t>01/15/2020 15:21:50</t>
  </si>
  <si>
    <t>\\acsfs\profiles$\andreapdsg\My Documents\My Videos\</t>
  </si>
  <si>
    <t>\\acsfs\profiles$\andreapdsg\My Documents\My Videos\desktop.ini</t>
  </si>
  <si>
    <t>01/15/2020 15:21:51</t>
  </si>
  <si>
    <t>\\acsfs\profiles$\andreapdsg\My Documents\My Pictures\</t>
  </si>
  <si>
    <t>\\acsfs\profiles$\andreapdsg\My Documents\My Pictures\desktop.ini</t>
  </si>
  <si>
    <t>01/15/2020 15:21:52</t>
  </si>
  <si>
    <t>\\acsfs\profiles$\andreapdsg\Contacts\desktop.ini</t>
  </si>
  <si>
    <t>01/15/2020 15:21:53</t>
  </si>
  <si>
    <t>\\acsfs\profiles$\andreapdsg\Favorites\</t>
  </si>
  <si>
    <t>\\acsfs\profiles$\andreapdsg\Favorites\desktop.ini</t>
  </si>
  <si>
    <t>01/15/2020 15:21:54</t>
  </si>
  <si>
    <t>\\acsfs\profiles$\andreapdsg\My Documents\My Music\</t>
  </si>
  <si>
    <t>\\acsfs\profiles$\andreapdsg\My Documents\My Music\desktop.ini</t>
  </si>
  <si>
    <t>01/15/2020 15:21:55</t>
  </si>
  <si>
    <t>\\acsfs\profiles$\andreapdsg\Searches\</t>
  </si>
  <si>
    <t>\\acsfs\profiles$\andreapdsg\Searches\desktop.ini</t>
  </si>
  <si>
    <t>01/15/2020 15:21:56</t>
  </si>
  <si>
    <t>\\acsfs\profiles$\andreapdsg\Downloads\desktop.ini</t>
  </si>
  <si>
    <t>01/15/2020 15:21:57</t>
  </si>
  <si>
    <t>\\acsfs\profiles$\andreapdsg\My Documents\</t>
  </si>
  <si>
    <t>\\acsfs\profiles$\andreapdsg\My Documents\desktop.ini</t>
  </si>
  <si>
    <t>01/15/2020 15:21:58</t>
  </si>
  <si>
    <t>01/15/2020 15:21:59</t>
  </si>
  <si>
    <t>\\acsfs\profiles$\andreapdsg\Saved Games\</t>
  </si>
  <si>
    <t>\\acsfs\profiles$\andreapdsg\Saved Games\desktop.ini</t>
  </si>
  <si>
    <t>01/15/2020 15:22:05</t>
  </si>
  <si>
    <t>\\acsfs\profiles$\ANDREAPDSG\Favorites\Links for Brasil\</t>
  </si>
  <si>
    <t>\\acsfs\profiles$\ANDREAPDSG\Favorites\Links for Brasil\desktop.ini</t>
  </si>
  <si>
    <t>\\acsfs\profiles$\ANDREAPDSG\Favorites\Links for Brasil\Microsoft Brasil.url</t>
  </si>
  <si>
    <t>\\acsfs\profiles$\ANDREAPDSG\Favorites\Links for Brasil\Windows Brasil.url</t>
  </si>
  <si>
    <t>01/15/2020 15:22:06</t>
  </si>
  <si>
    <t>\\acsfs\profiles$\ANDREAPDSG\Favorites\Links for Brasil\MSN Brasil.url</t>
  </si>
  <si>
    <t>01/15/2020 15:23:07</t>
  </si>
  <si>
    <t>cf2d722a-dad3-427e-bd21-bc9bec0bba85.tmp</t>
  </si>
  <si>
    <t>\\acsfs\profiles$\andreapdsg\Downloads\cf2d722a-dad3-427e-bd21-bc9bec0bba85.tmp</t>
  </si>
  <si>
    <t>01/15/2020 15:20:33</t>
  </si>
  <si>
    <t>d2f83698-a027-4863-a38c-561856dd0b72.tmp</t>
  </si>
  <si>
    <t>\\acsfs\profiles$\lorraynevam\Downloads\d2f83698-a027-4863-a38c-561856dd0b72.tmp</t>
  </si>
  <si>
    <t>01/15/2020 15:25:50</t>
  </si>
  <si>
    <t>01/15/2020 15:25:12</t>
  </si>
  <si>
    <t>10.200.66.151</t>
  </si>
  <si>
    <t>74-86-7A-FB-17-C5</t>
  </si>
  <si>
    <t>VOTORANT-VB005</t>
  </si>
  <si>
    <t>keziasgd</t>
  </si>
  <si>
    <t>01/15/2020 15:24:50</t>
  </si>
  <si>
    <t>01/15/2020 15:24:51</t>
  </si>
  <si>
    <t>01/15/2020 15:24:58</t>
  </si>
  <si>
    <t>01/15/2020 15:25:31</t>
  </si>
  <si>
    <t>01/15/2020 15:26:49</t>
  </si>
  <si>
    <t>01/15/2020 15:26:02</t>
  </si>
  <si>
    <t>01/15/2020 15:27:50</t>
  </si>
  <si>
    <t>01/15/2020 15:23:49</t>
  </si>
  <si>
    <t>01/15/2020 15:24:42</t>
  </si>
  <si>
    <t>01/15/2020 15:28:49</t>
  </si>
  <si>
    <t>91be29de-8612-4a85-ae2a-2f4eb9b3ae18.tmp</t>
  </si>
  <si>
    <t>\\acsfs\profiles$\cintiadjl\Downloads\91be29de-8612-4a85-ae2a-2f4eb9b3ae18.tmp</t>
  </si>
  <si>
    <t>01/15/2020 15:26:08</t>
  </si>
  <si>
    <t>01/15/2020 15:29:50</t>
  </si>
  <si>
    <t>\\acsfs\profiles$\thaynaracsl\My Documents\My Pictures\</t>
  </si>
  <si>
    <t>\\acsfs\profiles$\thaynaracsl\My Documents\My Videos\desktop.ini</t>
  </si>
  <si>
    <t>01/15/2020 15:26:09</t>
  </si>
  <si>
    <t>\\acsfs\profiles$\thaynaracsl\My Documents\My Videos\</t>
  </si>
  <si>
    <t>01/15/2020 15:26:13</t>
  </si>
  <si>
    <t>01/15/2020 15:26:15</t>
  </si>
  <si>
    <t>01/15/2020 15:26:18</t>
  </si>
  <si>
    <t>01/15/2020 15:26:21</t>
  </si>
  <si>
    <t>\\acsfs\profiles$\thaynaracsl\My Documents\My Music\</t>
  </si>
  <si>
    <t>\\acsfs\profiles$\thaynaracsl\My Documents\My Pictures\desktop.ini</t>
  </si>
  <si>
    <t>01/15/2020 15:26:22</t>
  </si>
  <si>
    <t>01/15/2020 15:26:25</t>
  </si>
  <si>
    <t>01/15/2020 15:26:27</t>
  </si>
  <si>
    <t>01/15/2020 15:26:29</t>
  </si>
  <si>
    <t>01/15/2020 15:26:47</t>
  </si>
  <si>
    <t>\\acsfs\profiles$\thaynaracsl\Contacts\</t>
  </si>
  <si>
    <t>\\acsfs\profiles$\thaynaracsl\Contacts\desktop.ini</t>
  </si>
  <si>
    <t>01/15/2020 15:26:51</t>
  </si>
  <si>
    <t>01/15/2020 15:26:52</t>
  </si>
  <si>
    <t>01/15/2020 15:26:53</t>
  </si>
  <si>
    <t>01/15/2020 15:26:54</t>
  </si>
  <si>
    <t>01/15/2020 15:26:59</t>
  </si>
  <si>
    <t>\\acsfs\profiles$\thaynaracsl\Favorites\desktop.ini</t>
  </si>
  <si>
    <t>01/15/2020 15:27:02</t>
  </si>
  <si>
    <t>01/15/2020 15:27:03</t>
  </si>
  <si>
    <t>01/15/2020 15:27:11</t>
  </si>
  <si>
    <t>01/15/2020 15:27:13</t>
  </si>
  <si>
    <t>01/15/2020 15:27:14</t>
  </si>
  <si>
    <t>01/15/2020 15:27:15</t>
  </si>
  <si>
    <t>01/15/2020 15:27:21</t>
  </si>
  <si>
    <t>\\acsfs\profiles$\thaynaracsl\My Documents\My Music\desktop.ini</t>
  </si>
  <si>
    <t>01/15/2020 15:27:24</t>
  </si>
  <si>
    <t>01/15/2020 15:27:27</t>
  </si>
  <si>
    <t>01/15/2020 15:27:28</t>
  </si>
  <si>
    <t>01/15/2020 15:27:29</t>
  </si>
  <si>
    <t>\\acsfs\profiles$\thaynaracsl\Searches\</t>
  </si>
  <si>
    <t>\\acsfs\profiles$\thaynaracsl\Searches\desktop.ini</t>
  </si>
  <si>
    <t>01/15/2020 15:27:31</t>
  </si>
  <si>
    <t>01/15/2020 15:27:32</t>
  </si>
  <si>
    <t>01/15/2020 15:27:33</t>
  </si>
  <si>
    <t>01/15/2020 15:27:36</t>
  </si>
  <si>
    <t>\\acsfs\profiles$\thaynaracsl\Downloads\</t>
  </si>
  <si>
    <t>\\acsfs\profiles$\thaynaracsl\Downloads\desktop.ini</t>
  </si>
  <si>
    <t>01/15/2020 15:27:37</t>
  </si>
  <si>
    <t>01/15/2020 15:27:39</t>
  </si>
  <si>
    <t>\\acsfs\profiles$\thaynaracsl\Favorites\</t>
  </si>
  <si>
    <t>\\acsfs\profiles$\thaynaracsl\My Documents\desktop.ini</t>
  </si>
  <si>
    <t>01/15/2020 15:27:40</t>
  </si>
  <si>
    <t>01/15/2020 15:27:41</t>
  </si>
  <si>
    <t>01/15/2020 15:27:42</t>
  </si>
  <si>
    <t>01/15/2020 15:27:44</t>
  </si>
  <si>
    <t>01/15/2020 15:27:46</t>
  </si>
  <si>
    <t>\\acsfs\profiles$\thaynaracsl\Saved Games\desktop.ini</t>
  </si>
  <si>
    <t>01/15/2020 15:27:48</t>
  </si>
  <si>
    <t>01/15/2020 15:28:12</t>
  </si>
  <si>
    <t>winrt--{S-1-5-21-602162358-764733703-839522115-358590}-.searchconnector-ms</t>
  </si>
  <si>
    <t>\\acsfs\profiles$\thaynaracsl\Searches\winrt--{S-1-5-21-602162358-764733703-839522115-358590}-.searchconnector-ms</t>
  </si>
  <si>
    <t>01/15/2020 15:25:22</t>
  </si>
  <si>
    <t>01/15/2020 15:30:49</t>
  </si>
  <si>
    <t>01/15/2020 15:25:41</t>
  </si>
  <si>
    <t>01/15/2020 15:26:01</t>
  </si>
  <si>
    <t>b5b55946-577c-434f-8fa6-b0135b1fd279.tmp</t>
  </si>
  <si>
    <t>\\acsfs\profiles$\henriqueco\Downloads\b5b55946-577c-434f-8fa6-b0135b1fd279.tmp</t>
  </si>
  <si>
    <t>01/15/2020 15:29:40</t>
  </si>
  <si>
    <t>01/15/2020 15:31:49</t>
  </si>
  <si>
    <t>5209a013-edcf-4bd7-8fba-b571b90a09ea.tmp</t>
  </si>
  <si>
    <t>\\acsfs\profiles$\welidicdj\Downloads\5209a013-edcf-4bd7-8fba-b571b90a09ea.tmp</t>
  </si>
  <si>
    <t>01/15/2020 15:29:46</t>
  </si>
  <si>
    <t>01/15/2020 15:30:13</t>
  </si>
  <si>
    <t>01/15/2020 15:30:35</t>
  </si>
  <si>
    <t>01/15/2020 15:31:50</t>
  </si>
  <si>
    <t>01/15/2020 15:31:31</t>
  </si>
  <si>
    <t>a0ed5a7f-a5e2-4718-89fe-474510a81b98.tmp</t>
  </si>
  <si>
    <t>\\acsfs\profiles$\inarajst\Downloads\a0ed5a7f-a5e2-4718-89fe-474510a81b98.tmp</t>
  </si>
  <si>
    <t>01/15/2020 15:29:35</t>
  </si>
  <si>
    <t>100014142553854;</t>
  </si>
  <si>
    <t>01/15/2020 15:30:26</t>
  </si>
  <si>
    <t>\\udpavonfs01\AVON\00 - ACOMPANHAMENTO AVON\04 - BACKOFFICE CORNERSTONE\2020\01.2020\RELATORIO\13.01.2020\</t>
  </si>
  <si>
    <t>01/15/2020 15:30:04</t>
  </si>
  <si>
    <t>01/15/2020 15:32:48</t>
  </si>
  <si>
    <t>d8505d8d-09f4-497a-82ba-265d98cc4aee.tmp</t>
  </si>
  <si>
    <t>\\acsfs\profiles$\ingridsm\Downloads\d8505d8d-09f4-497a-82ba-265d98cc4aee.tmp</t>
  </si>
  <si>
    <t>01/15/2020 15:29:32</t>
  </si>
  <si>
    <t>01/15/2020 15:33:49</t>
  </si>
  <si>
    <t>01/15/2020 15:33:07</t>
  </si>
  <si>
    <t>01/15/2020 15:34:49</t>
  </si>
  <si>
    <t>b010e561-3937-4f1c-9676-54e54f593670.tmp</t>
  </si>
  <si>
    <t>\\acsfs\profiles$\myllenardl\Downloads\b010e561-3937-4f1c-9676-54e54f593670.tmp</t>
  </si>
  <si>
    <t>01/15/2020 15:31:34</t>
  </si>
  <si>
    <t>24d4cbd2-876d-4e22-8a78-921c0bf3a32e.tmp</t>
  </si>
  <si>
    <t>\\acsfs\profiles$\andreapdsg\Downloads\24d4cbd2-876d-4e22-8a78-921c0bf3a32e.tmp</t>
  </si>
  <si>
    <t>01/15/2020 15:35:49</t>
  </si>
  <si>
    <t>01/15/2020 15:30:36</t>
  </si>
  <si>
    <t>c7cc2e15-6ab1-427b-898f-e51ac0040213.tmp</t>
  </si>
  <si>
    <t>\\acsfs\profiles$\lucasgpe\Downloads\c7cc2e15-6ab1-427b-898f-e51ac0040213.tmp</t>
  </si>
  <si>
    <t>01/15/2020 15:30:50</t>
  </si>
  <si>
    <t>af5c8aed-5831-427d-933a-4c92ae820d7b.tmp</t>
  </si>
  <si>
    <t>\\acsfs\profiles$\henriqueco\Downloads\af5c8aed-5831-427d-933a-4c92ae820d7b.tmp</t>
  </si>
  <si>
    <t>01/15/2020 15:31:19</t>
  </si>
  <si>
    <t>01/15/2020 15:36:49</t>
  </si>
  <si>
    <t>7693b1ce-46ad-450f-9a26-0e1840d187cd.tmp</t>
  </si>
  <si>
    <t>\\acsfs\profiles$\welidicdj\Downloads\7693b1ce-46ad-450f-9a26-0e1840d187cd.tmp</t>
  </si>
  <si>
    <t>01/15/2020 15:35:39</t>
  </si>
  <si>
    <t>01/15/2020 15:35:44</t>
  </si>
  <si>
    <t>01/15/2020 15:32:29</t>
  </si>
  <si>
    <t>bbb94a71-b3a0-4af8-ab4f-8f7d7a39d0b4.tmp</t>
  </si>
  <si>
    <t>\\acsfs\profiles$\quindaizaagds\Downloads\bbb94a71-b3a0-4af8-ab4f-8f7d7a39d0b4.tmp</t>
  </si>
  <si>
    <t>01/15/2020 15:36:50</t>
  </si>
  <si>
    <t>01/15/2020 15:33:21</t>
  </si>
  <si>
    <t>01/15/2020 15:34:25</t>
  </si>
  <si>
    <t>01/15/2020 15:34:52</t>
  </si>
  <si>
    <t>01/15/2020 15:35:17</t>
  </si>
  <si>
    <t>01/15/2020 15:35:36</t>
  </si>
  <si>
    <t>01/15/2020 15:35:45</t>
  </si>
  <si>
    <t>01/15/2020 15:35:58</t>
  </si>
  <si>
    <t>01/15/2020 15:37:49</t>
  </si>
  <si>
    <t>1f19952b-47cd-44a0-b09c-3e4660284b44.tmp</t>
  </si>
  <si>
    <t>\\acsfs\profiles$\ingridsm\Downloads\1f19952b-47cd-44a0-b09c-3e4660284b44.tmp</t>
  </si>
  <si>
    <t>01/15/2020 15:36:03</t>
  </si>
  <si>
    <t>89961ef8-c6bf-4e0f-8891-4b2502186f94.tmp</t>
  </si>
  <si>
    <t>\\acsfs\profiles$\ingridsm\Downloads\89961ef8-c6bf-4e0f-8891-4b2502186f94.tmp</t>
  </si>
  <si>
    <t>01/15/2020 15:37:23</t>
  </si>
  <si>
    <t>CINTIA DA COSTA FERREIRA_1_6777372420810542759_1_32.wav</t>
  </si>
  <si>
    <t>\\acsfs\Deptos\EDUCACAO EMPRESARIAL\KÉSIA\Ligações 2º ciclo - Janeiro 2020\CINTIA DA COSTA FERREIRA_1_6777372420810542759_1_32.wav</t>
  </si>
  <si>
    <t>01/15/2020 15:33:02</t>
  </si>
  <si>
    <t>01/15/2020 15:38:49</t>
  </si>
  <si>
    <t>01/15/2020 15:33:46</t>
  </si>
  <si>
    <t>01/15/2020 15:35:47</t>
  </si>
  <si>
    <t>01/15/2020 15:40:50</t>
  </si>
  <si>
    <t>b4cf7743-243c-40e5-8fdf-16752eac4662.tmp</t>
  </si>
  <si>
    <t>\\acsfs\profiles$\nayarasds\Downloads\b4cf7743-243c-40e5-8fdf-16752eac4662.tmp</t>
  </si>
  <si>
    <t>01/15/2020 15:40:17</t>
  </si>
  <si>
    <t>01/15/2020 15:40:45</t>
  </si>
  <si>
    <t>01/15/2020 15:41:49</t>
  </si>
  <si>
    <t>01/15/2020 15:38:45</t>
  </si>
  <si>
    <t>01/15/2020 15:41:14</t>
  </si>
  <si>
    <t>a5023faf-e0b7-4add-b8b6-29d4380bd329.tmp</t>
  </si>
  <si>
    <t>\\acsfs\profiles$\quindaizaagds\Downloads\a5023faf-e0b7-4add-b8b6-29d4380bd329.tmp</t>
  </si>
  <si>
    <t>01/15/2020 15:36:52</t>
  </si>
  <si>
    <t>01/15/2020 15:38:17</t>
  </si>
  <si>
    <t>01/15/2020 15:42:50</t>
  </si>
  <si>
    <t>1fcfb8be-0a90-4978-9835-5d9d097f8054.tmp</t>
  </si>
  <si>
    <t>\\acsfs\profiles$\nycolleemdj\Downloads\1fcfb8be-0a90-4978-9835-5d9d097f8054.tmp</t>
  </si>
  <si>
    <t>01/15/2020 15:39:31</t>
  </si>
  <si>
    <t>ba124c4c-52a3-4ae9-a743-b545a36ec5e1.tmp</t>
  </si>
  <si>
    <t>\\acsfs\profiles$\nycolleemdj\Downloads\ba124c4c-52a3-4ae9-a743-b545a36ec5e1.tmp</t>
  </si>
  <si>
    <t>01/15/2020 15:41:43</t>
  </si>
  <si>
    <t>01/15/2020 15:41:59</t>
  </si>
  <si>
    <t>01/15/2020 15:42:04</t>
  </si>
  <si>
    <t>01/15/2020 15:41:15</t>
  </si>
  <si>
    <t>fernandaab@algartech.com;lilianls@algartech.com;talmaiardo@algartech.com;tatiane.biassi@mutantbr.com;</t>
  </si>
  <si>
    <t>fernandaab@algartech.com,lilianls@algartech.com,talmaiardo@algartech.com,tatiane.biassi@mutantbr.com</t>
  </si>
  <si>
    <t>01/15/2020 15:40:24</t>
  </si>
  <si>
    <t>01/15/2020 15:45:50</t>
  </si>
  <si>
    <t>f900ab19-d115-4d95-bb37-d9504b4e504d.tmp</t>
  </si>
  <si>
    <t>\\acsfs\profiles$\fabianobmf\Downloads\f900ab19-d115-4d95-bb37-d9504b4e504d.tmp</t>
  </si>
  <si>
    <t>01/15/2020 15:40:42</t>
  </si>
  <si>
    <t>01/15/2020 15:42:46</t>
  </si>
  <si>
    <t>01/15/2020 15:42:47</t>
  </si>
  <si>
    <t>lu11608y3zjb.tmp</t>
  </si>
  <si>
    <t>\\acsfs\profiles$\VIVIANALDS\My Documents\lu11608y3zjb.tmp</t>
  </si>
  <si>
    <t>\\acsfs\profiles$\VIVIANALDS\My Documents\lu11608y3zjb.tmp\</t>
  </si>
  <si>
    <t>\\acsfs\profiles$\VIVIANALDS\My Documents\lu11608y3zjb.tmp\META-INF\</t>
  </si>
  <si>
    <t>\\acsfs\profiles$\VIVIANALDS\My Documents\lu11608y3zjb.tmp\Thumbnails\</t>
  </si>
  <si>
    <t>01/15/2020 15:42:54</t>
  </si>
  <si>
    <t>lu11608y3zjf.tmp</t>
  </si>
  <si>
    <t>\\acsfs\profiles$\VIVIANALDS\My Documents\lu11608y3zjf.tmp</t>
  </si>
  <si>
    <t>\\acsfs\profiles$\VIVIANALDS\My Documents\lu11608y3zjf.tmp\</t>
  </si>
  <si>
    <t>\\acsfs\profiles$\VIVIANALDS\My Documents\lu11608y3zjf.tmp\META-INF\</t>
  </si>
  <si>
    <t>\\acsfs\profiles$\VIVIANALDS\My Documents\lu11608y3zjf.tmp\Thumbnails\</t>
  </si>
  <si>
    <t>01/15/2020 15:46:49</t>
  </si>
  <si>
    <t>01/15/2020 15:41:39</t>
  </si>
  <si>
    <t>91820701-3b35-4723-8d26-03d7dce0ea53.tmp</t>
  </si>
  <si>
    <t>\\acsfs\profiles$\quindaizaagds\Downloads\91820701-3b35-4723-8d26-03d7dce0ea53.tmp</t>
  </si>
  <si>
    <t>01/15/2020 15:42:36</t>
  </si>
  <si>
    <t>58e88807-4992-4f40-99d5-211c35ec7fcf.tmp</t>
  </si>
  <si>
    <t>\\acsfs\profiles$\quindaizaagds\Downloads\58e88807-4992-4f40-99d5-211c35ec7fcf.tmp</t>
  </si>
  <si>
    <t>01/15/2020 15:46:31</t>
  </si>
  <si>
    <t>3fc739be-5a71-4084-b966-ae03ff7c837f.tmp</t>
  </si>
  <si>
    <t>\\acsfs\profiles$\geovannasm\Downloads\3fc739be-5a71-4084-b966-ae03ff7c837f.tmp</t>
  </si>
  <si>
    <t>01/15/2020 15:45:21</t>
  </si>
  <si>
    <t>https://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01/15/2020 15:45:40</t>
  </si>
  <si>
    <t>01/15/2020 15:45:43</t>
  </si>
  <si>
    <t>01/15/2020 15:46:01</t>
  </si>
  <si>
    <t>01/15/2020 15:46:06</t>
  </si>
  <si>
    <t>01/15/2020 15:46:22</t>
  </si>
  <si>
    <t>01/15/2020 15:42:56</t>
  </si>
  <si>
    <t>01/15/2020 15:47:49</t>
  </si>
  <si>
    <t>mail.google.com/sync/u/0/i/s?hl=pt-BR&amp;c=1298</t>
  </si>
  <si>
    <t>01/15/2020 15:43:48</t>
  </si>
  <si>
    <t>mail.google.com/sync/u/0/i/s?hl=pt-BR&amp;c=1303</t>
  </si>
  <si>
    <t>01/15/2020 15:43:58</t>
  </si>
  <si>
    <t>mail.google.com/sync/u/0/i/s?hl=pt-BR&amp;c=1306</t>
  </si>
  <si>
    <t>01/15/2020 15:46:42</t>
  </si>
  <si>
    <t>mail.google.com/sync/u/0/i/s?hl=pt-BR&amp;c=1320</t>
  </si>
  <si>
    <t>01/15/2020 15:43:39</t>
  </si>
  <si>
    <t>f21cdb79-f7c9-4e5a-beeb-e5788075f1f6.tmp</t>
  </si>
  <si>
    <t>\\acsfs\profiles$\nycolleemdj\Downloads\f21cdb79-f7c9-4e5a-beeb-e5788075f1f6.tmp</t>
  </si>
  <si>
    <t>01/15/2020 15:44:46</t>
  </si>
  <si>
    <t>01/15/2020 15:44:57</t>
  </si>
  <si>
    <t>01/15/2020 15:45:02</t>
  </si>
  <si>
    <t>01/15/2020 15:45:35</t>
  </si>
  <si>
    <t>01/15/2020 15:45:54</t>
  </si>
  <si>
    <t>01/15/2020 15:45:58</t>
  </si>
  <si>
    <t>01/15/2020 15:47:17</t>
  </si>
  <si>
    <t>bbb665d3-3d6d-4bbe-818f-49e3a789e4e1.tmp</t>
  </si>
  <si>
    <t>\\acsfs\profiles$\laylaams\Downloads\bbb665d3-3d6d-4bbe-818f-49e3a789e4e1.tmp</t>
  </si>
  <si>
    <t>01/15/2020 15:48:35</t>
  </si>
  <si>
    <t>01/15/2020 15:47:22</t>
  </si>
  <si>
    <t>01/15/2020 15:50:50</t>
  </si>
  <si>
    <t>063274d5-5d75-4b3e-b581-cd17bcef19dc.tmp</t>
  </si>
  <si>
    <t>\\acsfs\profiles$\fabianobmf\Downloads\063274d5-5d75-4b3e-b581-cd17bcef19dc.tmp</t>
  </si>
  <si>
    <t>01/15/2020 15:46:09</t>
  </si>
  <si>
    <t>f97f0029-2d20-4573-8857-77de3914bfad.tmp</t>
  </si>
  <si>
    <t>\\acsfs\profiles$\regisedsj\Downloads\f97f0029-2d20-4573-8857-77de3914bfad.tmp</t>
  </si>
  <si>
    <t>01/15/2020 15:49:08</t>
  </si>
  <si>
    <t>01/15/2020 15:51:49</t>
  </si>
  <si>
    <t>10.200.67.142</t>
  </si>
  <si>
    <t>40c6e6e7-cc08-4b36-a18e-051b184029b8.tmp</t>
  </si>
  <si>
    <t>\\acsfs\profiles$\paulohaf\Downloads\40c6e6e7-cc08-4b36-a18e-051b184029b8.tmp</t>
  </si>
  <si>
    <t>01/15/2020 15:50:23</t>
  </si>
  <si>
    <t>0cc3a5b6-7474-4f65-a721-5a5bcecdfe10.tmp</t>
  </si>
  <si>
    <t>\\acsfs\profiles$\paulohaf\Downloads\0cc3a5b6-7474-4f65-a721-5a5bcecdfe10.tmp</t>
  </si>
  <si>
    <t>01/15/2020 15:46:59</t>
  </si>
  <si>
    <t>01/15/2020 15:52:49</t>
  </si>
  <si>
    <t>mail.google.com/sync/u/0/i/s?hl=pt-BR&amp;c=1322</t>
  </si>
  <si>
    <t>01/15/2020 15:47:04</t>
  </si>
  <si>
    <t>01/15/2020 15:47:24</t>
  </si>
  <si>
    <t>01/15/2020 15:47:42</t>
  </si>
  <si>
    <t>01/15/2020 15:47:57</t>
  </si>
  <si>
    <t>mail.google.com/sync/u/0/i/s?hl=pt-BR&amp;c=1332</t>
  </si>
  <si>
    <t>01/15/2020 15:48:14</t>
  </si>
  <si>
    <t>mail.google.com/sync/u/0/i/s?hl=pt-BR&amp;c=1334</t>
  </si>
  <si>
    <t>01/15/2020 15:48:22</t>
  </si>
  <si>
    <t>01/15/2020 15:48:37</t>
  </si>
  <si>
    <t>mail.google.com/sync/u/0/i/s?hl=pt-BR&amp;c=1340</t>
  </si>
  <si>
    <t>01/15/2020 15:48:57</t>
  </si>
  <si>
    <t>mail.google.com/sync/u/0/i/s?hl=pt-BR&amp;c=1342</t>
  </si>
  <si>
    <t>01/15/2020 15:49:09</t>
  </si>
  <si>
    <t>mail.google.com/sync/u/0/i/s?hl=pt-BR&amp;c=1348</t>
  </si>
  <si>
    <t>01/15/2020 15:49:12</t>
  </si>
  <si>
    <t>mail.google.com/sync/u/0/i/s?hl=pt-BR&amp;c=1350</t>
  </si>
  <si>
    <t>01/15/2020 15:49:19</t>
  </si>
  <si>
    <t>mail.google.com/sync/u/0/i/s?hl=pt-BR&amp;c=1353</t>
  </si>
  <si>
    <t>01/15/2020 15:49:40</t>
  </si>
  <si>
    <t>mail.google.com/sync/u/0/i/s?hl=pt-BR&amp;c=1358</t>
  </si>
  <si>
    <t>01/15/2020 15:49:43</t>
  </si>
  <si>
    <t>mail.google.com/sync/u/0/i/s?hl=pt-BR&amp;c=1360</t>
  </si>
  <si>
    <t>01/15/2020 15:50:03</t>
  </si>
  <si>
    <t>mail.google.com/sync/u/0/i/s?hl=pt-BR&amp;c=1363</t>
  </si>
  <si>
    <t>01/15/2020 15:50:14</t>
  </si>
  <si>
    <t>mail.google.com/sync/u/0/i/s?hl=pt-BR&amp;c=1365</t>
  </si>
  <si>
    <t>01/15/2020 15:50:19</t>
  </si>
  <si>
    <t>mail.google.com/sync/u/0/i/s?hl=pt-BR&amp;c=1367</t>
  </si>
  <si>
    <t>01/15/2020 15:50:31</t>
  </si>
  <si>
    <t>mail.google.com/sync/u/0/i/s?hl=pt-BR&amp;c=1370</t>
  </si>
  <si>
    <t>01/15/2020 15:50:49</t>
  </si>
  <si>
    <t>mail.google.com/sync/u/0/i/s?hl=pt-BR&amp;c=1373</t>
  </si>
  <si>
    <t>01/15/2020 15:51:05</t>
  </si>
  <si>
    <t>01/15/2020 15:51:21</t>
  </si>
  <si>
    <t>01/15/2020 15:51:26</t>
  </si>
  <si>
    <t>mail.google.com/sync/u/0/i/s?hl=pt-BR&amp;c=1381</t>
  </si>
  <si>
    <t>01/15/2020 15:51:39</t>
  </si>
  <si>
    <t>mail.google.com/sync/u/0/i/s?hl=pt-BR&amp;c=1384</t>
  </si>
  <si>
    <t>01/15/2020 15:51:53</t>
  </si>
  <si>
    <t>mail.google.com/sync/u/0/i/s?hl=pt-BR&amp;c=1387</t>
  </si>
  <si>
    <t>01/15/2020 15:46:46</t>
  </si>
  <si>
    <t>01/15/2020 15:46:50</t>
  </si>
  <si>
    <t>01/15/2020 15:46:53</t>
  </si>
  <si>
    <t>01/15/2020 15:46:57</t>
  </si>
  <si>
    <t>01/15/2020 15:47:03</t>
  </si>
  <si>
    <t>01/15/2020 15:47:07</t>
  </si>
  <si>
    <t>01/15/2020 15:47:11</t>
  </si>
  <si>
    <t>01/15/2020 15:47:15</t>
  </si>
  <si>
    <t>01/15/2020 15:47:20</t>
  </si>
  <si>
    <t>01/15/2020 15:47:28</t>
  </si>
  <si>
    <t>01/15/2020 15:47:34</t>
  </si>
  <si>
    <t>01/15/2020 15:47:36</t>
  </si>
  <si>
    <t>01/15/2020 15:47:59</t>
  </si>
  <si>
    <t>01/15/2020 15:48:21</t>
  </si>
  <si>
    <t>01/15/2020 15:48:29</t>
  </si>
  <si>
    <t>01/15/2020 15:49:30</t>
  </si>
  <si>
    <t>01/15/2020 15:50:01</t>
  </si>
  <si>
    <t>01/15/2020 15:50:11</t>
  </si>
  <si>
    <t>01/15/2020 15:47:14</t>
  </si>
  <si>
    <t>01/15/2020 15:49:13</t>
  </si>
  <si>
    <t>01/15/2020 15:49:16</t>
  </si>
  <si>
    <t>01/15/2020 15:49:28</t>
  </si>
  <si>
    <t>01/15/2020 15:50:07</t>
  </si>
  <si>
    <t>01/15/2020 15:50:28</t>
  </si>
  <si>
    <t>01/15/2020 15:50:35</t>
  </si>
  <si>
    <t>01/15/2020 15:51:19</t>
  </si>
  <si>
    <t>01/15/2020 15:50:09</t>
  </si>
  <si>
    <t>33778247-6b99-4c1f-8d64-3dbdcbf0641c.tmp</t>
  </si>
  <si>
    <t>\\acsfs\profiles$\laylaams\Downloads\33778247-6b99-4c1f-8d64-3dbdcbf0641c.tmp</t>
  </si>
  <si>
    <t>01/15/2020 15:53:16</t>
  </si>
  <si>
    <t>01/15/2020 15:53:49</t>
  </si>
  <si>
    <t>01/15/2020 15:50:59</t>
  </si>
  <si>
    <t>01/15/2020 15:51:02</t>
  </si>
  <si>
    <t>01/15/2020 15:51:03</t>
  </si>
  <si>
    <t>01/15/2020 15:54:49</t>
  </si>
  <si>
    <t>01/15/2020 15:53:07</t>
  </si>
  <si>
    <t>01/15/2020 15:50:55</t>
  </si>
  <si>
    <t>817ff071-ee38-4b98-9b74-24eaa3f0f4d4.tmp</t>
  </si>
  <si>
    <t>\\acsfs\profiles$\myllenardl\Downloads\817ff071-ee38-4b98-9b74-24eaa3f0f4d4.tmp</t>
  </si>
  <si>
    <t>01/15/2020 15:50:40</t>
  </si>
  <si>
    <t>04cda608-4d82-46f7-a2a5-32b6c32c3eaa.tmp</t>
  </si>
  <si>
    <t>\\acsfs\profiles$\leticiala\Downloads\04cda608-4d82-46f7-a2a5-32b6c32c3eaa.tmp</t>
  </si>
  <si>
    <t>01/15/2020 15:55:50</t>
  </si>
  <si>
    <t>01/15/2020 15:52:53</t>
  </si>
  <si>
    <t>f4121ef3-3a76-4cb4-8239-cb89fe765a36.tmp</t>
  </si>
  <si>
    <t>\\acsfs\profiles$\regisedsj\Downloads\f4121ef3-3a76-4cb4-8239-cb89fe765a36.tmp</t>
  </si>
  <si>
    <t>01/15/2020 15:55:01</t>
  </si>
  <si>
    <t>2c93a866-9db3-4ecf-a0e9-b2a967b17e8c.tmp</t>
  </si>
  <si>
    <t>\\acsfs\profiles$\regisedsj\Downloads\2c93a866-9db3-4ecf-a0e9-b2a967b17e8c.tmp</t>
  </si>
  <si>
    <t>01/15/2020 15:51:32</t>
  </si>
  <si>
    <t>01/15/2020 15:56:49</t>
  </si>
  <si>
    <t>3a56954c-b679-48f8-a6c3-ec9426c2c821.tmp</t>
  </si>
  <si>
    <t>\\acsfs\profiles$\paulohaf\Downloads\3a56954c-b679-48f8-a6c3-ec9426c2c821.tmp</t>
  </si>
  <si>
    <t>01/15/2020 15:51:33</t>
  </si>
  <si>
    <t>63094b14-9d59-43e6-80cd-f00a57c9084c.tmp</t>
  </si>
  <si>
    <t>\\acsfs\profiles$\paulohaf\Downloads\63094b14-9d59-43e6-80cd-f00a57c9084c.tmp</t>
  </si>
  <si>
    <t>01/15/2020 15:52:00</t>
  </si>
  <si>
    <t>01/15/2020 15:57:49</t>
  </si>
  <si>
    <t>mail.google.com/sync/u/0/i/s?hl=pt-BR&amp;c=1389</t>
  </si>
  <si>
    <t>01/15/2020 15:52:21</t>
  </si>
  <si>
    <t>mail.google.com/sync/u/0/i/s?hl=pt-BR&amp;c=1391</t>
  </si>
  <si>
    <t>01/15/2020 15:52:43</t>
  </si>
  <si>
    <t>mail.google.com/sync/u/0/i/s?hl=pt-BR&amp;c=1395</t>
  </si>
  <si>
    <t>01/15/2020 15:52:59</t>
  </si>
  <si>
    <t>mail.google.com/sync/u/0/i/s?hl=pt-BR&amp;c=1398</t>
  </si>
  <si>
    <t>mail.google.com/sync/u/0/i/s?hl=pt-BR&amp;c=1401</t>
  </si>
  <si>
    <t>01/15/2020 15:53:21</t>
  </si>
  <si>
    <t>mail.google.com/sync/u/0/i/s?hl=pt-BR&amp;c=1403</t>
  </si>
  <si>
    <t>01/15/2020 15:53:46</t>
  </si>
  <si>
    <t>mail.google.com/sync/u/0/i/s?hl=pt-BR&amp;c=1406</t>
  </si>
  <si>
    <t>01/15/2020 15:53:56</t>
  </si>
  <si>
    <t>mail.google.com/sync/u/0/i/s?hl=pt-BR&amp;c=1410</t>
  </si>
  <si>
    <t>01/15/2020 15:54:03</t>
  </si>
  <si>
    <t>01/15/2020 15:54:26</t>
  </si>
  <si>
    <t>01/15/2020 15:54:42</t>
  </si>
  <si>
    <t>01/15/2020 15:54:48</t>
  </si>
  <si>
    <t>mail.google.com/sync/u/0/i/s?hl=pt-BR&amp;c=1421</t>
  </si>
  <si>
    <t>01/15/2020 15:55:30</t>
  </si>
  <si>
    <t>01/15/2020 15:55:33</t>
  </si>
  <si>
    <t>01/15/2020 15:56:42</t>
  </si>
  <si>
    <t>mail.google.com/sync/u/0/i/s?hl=pt-BR&amp;c=1431</t>
  </si>
  <si>
    <t>01/15/2020 15:57:50</t>
  </si>
  <si>
    <t>01/15/2020 16:00:48</t>
  </si>
  <si>
    <t>3452fbee-51b9-41ab-943b-2bb3f94bda0a.tmp</t>
  </si>
  <si>
    <t>\\acsfs\profiles$\fabianafv\Downloads\3452fbee-51b9-41ab-943b-2bb3f94bda0a.tmp</t>
  </si>
  <si>
    <t>01/15/2020 16:01:49</t>
  </si>
  <si>
    <t>01/15/2020 15:57:03</t>
  </si>
  <si>
    <t>01/15/2020 16:02:50</t>
  </si>
  <si>
    <t>Ligação Marcelle 14.01_1_6781770248278321231_1_32.wav</t>
  </si>
  <si>
    <t>01/15/2020 16:00:00</t>
  </si>
  <si>
    <t>01/15/2020 15:57:57</t>
  </si>
  <si>
    <t>lu2733221pjtt.tmp</t>
  </si>
  <si>
    <t>\\acsfs\profiles$\RAFAELRF\meu\lu2733221pjtt.tmp</t>
  </si>
  <si>
    <t>01/15/2020 15:58:35</t>
  </si>
  <si>
    <t>Layla Aparecida Macedo Silveira_1_6777758203363013867_1_32.wav</t>
  </si>
  <si>
    <t>\\acsfs\Deptos\EDUCACAO EMPRESARIAL\FERNANDA MONIT\Fernanda\MONITORIA JANEIRO\Ligação para MUTANT segundo ciclo janeiro\Layla Aparecida Macedo Silveira_1_6777758203363013867_1_32.wav</t>
  </si>
  <si>
    <t>01/15/2020 16:02:15</t>
  </si>
  <si>
    <t>01/15/2020 16:03:50</t>
  </si>
  <si>
    <t>01/15/2020 15:59:00</t>
  </si>
  <si>
    <t>01/15/2020 16:04:51</t>
  </si>
  <si>
    <t>01/15/2020 16:01:28</t>
  </si>
  <si>
    <t>0845ea20-fdf6-49f5-99b5-337748949ac4.tmp</t>
  </si>
  <si>
    <t>\\acsfs\profiles$\rafaelacdoc\Downloads\0845ea20-fdf6-49f5-99b5-337748949ac4.tmp</t>
  </si>
  <si>
    <t>01/15/2020 16:00:36</t>
  </si>
  <si>
    <t>01/15/2020 16:05:50</t>
  </si>
  <si>
    <t>01/15/2020 16:01:47</t>
  </si>
  <si>
    <t>1f05f20c-94da-4669-b919-6c102502a062.tmp</t>
  </si>
  <si>
    <t>\\acsfs\profiles$\fabianafv\Downloads\1f05f20c-94da-4669-b919-6c102502a062.tmp</t>
  </si>
  <si>
    <t>01/15/2020 16:01:08</t>
  </si>
  <si>
    <t>e428ed7a-64af-4a34-a0d2-f4ee0c98b38c.tmp</t>
  </si>
  <si>
    <t>\\acsfs\profiles$\regisedsj\Downloads\e428ed7a-64af-4a34-a0d2-f4ee0c98b38c.tmp</t>
  </si>
  <si>
    <t>01/15/2020 16:06:51</t>
  </si>
  <si>
    <t>01/15/2020 16:05:59</t>
  </si>
  <si>
    <t>01/15/2020 16:07:50</t>
  </si>
  <si>
    <t>a58e6064-0b13-4067-9c4e-fb3eb9b7c58d.tmp</t>
  </si>
  <si>
    <t>\\acsfs\profiles$\nycolleemdj\Downloads\a58e6064-0b13-4067-9c4e-fb3eb9b7c58d.tmp</t>
  </si>
  <si>
    <t>01/15/2020 16:02:59</t>
  </si>
  <si>
    <t>01/15/2020 16:04:17</t>
  </si>
  <si>
    <t>mail.google.com/sync/u/0/i/s?hl=pt-BR&amp;c=317</t>
  </si>
  <si>
    <t>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t>
  </si>
  <si>
    <t>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t>
  </si>
  <si>
    <t>01/15/2020 16:04:37</t>
  </si>
  <si>
    <t>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senildapdo@algartecnologia.com.br;supervisaobancovotorantim@algartech.com;taysdss@algartech.com;thiagolrc@bv.algartech.com;</t>
  </si>
  <si>
    <t>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senildapdo@algartecnologia.com.br,supervisaobancovotorantim@algartech.com,taysdss@algartech.com,thiagolrc@bv.algartech.com</t>
  </si>
  <si>
    <t>01/15/2020 16:05:00</t>
  </si>
  <si>
    <t>andrelpsa@algartech.com;catianalv@algartech.com;cpc-controldeskavon@algartech.com;joaogvc@algartech.com;joseasn@algartech.com;josiascdsj@algartech.com;leonardoao@algartech.com;lucianarsantos@algartech.com;marianadjc@algartech.com;maristelavodq@bv.algartech.com;paulacn@algartech.com;qualidadealgarbv@algartech.com;senildapdo@algartecnologia.com.br;supervisaobancovotorantim@algartech.com;taysdss@algartech.com;thiagolrc@bv.algartech.com;</t>
  </si>
  <si>
    <t>andrelpsa@algartech.com,catianalv@algartech.com,cpc-controldeskavon@algartech.com,joaogvc@algartech.com,joseasn@algartech.com,josiascdsj@algartech.com,leonardoao@algartech.com,lucianarsantos@algartech.com,marianadjc@algartech.com,maristelavodq@bv.algartech.com,paulacn@algartech.com,qualidadealgarbv@algartech.com,senildapdo@algartecnologia.com.br,supervisaobancovotorantim@algartech.com,taysdss@algartech.com,thiagolrc@bv.algartech.com</t>
  </si>
  <si>
    <t>01/15/2020 16:05:02</t>
  </si>
  <si>
    <t>01/15/2020 16:05:13</t>
  </si>
  <si>
    <t>01/15/2020 16:05:21</t>
  </si>
  <si>
    <t>01/15/2020 16:05:46</t>
  </si>
  <si>
    <t>01/15/2020 16:05:54</t>
  </si>
  <si>
    <t>01/15/2020 16:05:55</t>
  </si>
  <si>
    <t>01/15/2020 16:06:04</t>
  </si>
  <si>
    <t>01/15/2020 16:06:09</t>
  </si>
  <si>
    <t>100014122394468;catianalv@algartech.com;cpc-controldeskavon@algartech.com;joseasn@algartech.com;lucianarsantos@algartech.com;marianadjc@algartech.com;senildapdo@algartecnologia.com.br;</t>
  </si>
  <si>
    <t>100014122394468,catianalv@algartech.com,cpc-controldeskavon@algartech.com,joseasn@algartech.com,lucianarsantos@algartech.com,marianadjc@algartech.com,senildapdo@algartecnologia.com.br</t>
  </si>
  <si>
    <t>01/15/2020 16:06:16</t>
  </si>
  <si>
    <t>01/15/2020 16:06:20</t>
  </si>
  <si>
    <t>01/15/2020 16:06:21</t>
  </si>
  <si>
    <t>01/15/2020 16:03:21</t>
  </si>
  <si>
    <t>01/15/2020 16:08:51</t>
  </si>
  <si>
    <t>01/15/2020 16:04:16</t>
  </si>
  <si>
    <t>01/15/2020 16:07:02</t>
  </si>
  <si>
    <t>01/15/2020 16:10:50</t>
  </si>
  <si>
    <t>3ac04799-2298-4681-b557-a15132466c6f.tmp</t>
  </si>
  <si>
    <t>\\acsfs\profiles$\regisedsj\Downloads\3ac04799-2298-4681-b557-a15132466c6f.tmp</t>
  </si>
  <si>
    <t>01/15/2020 16:10:30</t>
  </si>
  <si>
    <t>01/15/2020 16:10:31</t>
  </si>
  <si>
    <t>lu11608y3zjm.tmp</t>
  </si>
  <si>
    <t>\\acsfs\profiles$\VIVIANALDS\My Documents\lu11608y3zjm.tmp</t>
  </si>
  <si>
    <t>\\acsfs\profiles$\VIVIANALDS\My Documents\lu11608y3zjm.tmp\</t>
  </si>
  <si>
    <t>\\acsfs\profiles$\VIVIANALDS\My Documents\lu11608y3zjm.tmp\META-INF\</t>
  </si>
  <si>
    <t>\\acsfs\profiles$\VIVIANALDS\My Documents\lu11608y3zjm.tmp\Thumbnails\</t>
  </si>
  <si>
    <t>01/15/2020 16:11:50</t>
  </si>
  <si>
    <t>01/15/2020 16:07:12</t>
  </si>
  <si>
    <t>01/15/2020 16:12:51</t>
  </si>
  <si>
    <t>01/15/2020 16:07:55</t>
  </si>
  <si>
    <t>14-01 RELATORIO DE LOGIN AVON - Cópia.xlsm</t>
  </si>
  <si>
    <t>\\acsfs\deptos\Operacao\PCP\5 - Comum\CONTROL DESK\2 - DAC2\Control Desk AVON\Relatorios\Status de login\2020\14-01 RELATORIO DE LOGIN AVON - Cópia.xlsm</t>
  </si>
  <si>
    <t>01/15/2020 16:11:32</t>
  </si>
  <si>
    <t>01/15/2020 16:11:40</t>
  </si>
  <si>
    <t>01/15/2020 16:08:25</t>
  </si>
  <si>
    <t>11d5363f-0f0d-4e02-9bee-9dc7e3f51491.tmp</t>
  </si>
  <si>
    <t>\\acsfs\profiles$\laylaams\Downloads\11d5363f-0f0d-4e02-9bee-9dc7e3f51491.tmp</t>
  </si>
  <si>
    <t>01/15/2020 16:13:50</t>
  </si>
  <si>
    <t>01/15/2020 16:12:00</t>
  </si>
  <si>
    <t>01/15/2020 16:12:44</t>
  </si>
  <si>
    <t>01/15/2020 16:14:51</t>
  </si>
  <si>
    <t>01/15/2020 16:13:45</t>
  </si>
  <si>
    <t>d313ea14-79c4-46c5-9b45-7e9fefd82d53.tmp</t>
  </si>
  <si>
    <t>\\acsfs\profiles$\fernandofs\Downloads\d313ea14-79c4-46c5-9b45-7e9fefd82d53.tmp</t>
  </si>
  <si>
    <t>01/15/2020 16:14:25</t>
  </si>
  <si>
    <t>01/15/2020 16:15:50</t>
  </si>
  <si>
    <t>ulog_AcroARM2_ARM2Update_3b8210f9-3618-47e4-b9cc-5aaaba62831a_6f75bdc0-a72b-41d3-a68f-4d61efd5eb13_0.log</t>
  </si>
  <si>
    <t>C:\Users\flaviacno\AppData\Roaming\Adobe\LogTransport2\Logs\ulog_AcroARM2_ARM2Update_3b8210f9-3618-47e4-b9cc-5aaaba62831a_6f75bdc0-a72b-41d3-a68f-4d61efd5eb13_0.log\</t>
  </si>
  <si>
    <t>ulog_AcroARM2_Reader_3b8210f9-3618-47e4-b9cc-5aaaba62831a_442dfaf9-6fca-40d1-9507-a7635be75fdc_0.log</t>
  </si>
  <si>
    <t>C:\Users\flaviacno\AppData\Roaming\Adobe\LogTransport2\Logs\ulog_AcroARM2_Reader_3b8210f9-3618-47e4-b9cc-5aaaba62831a_442dfaf9-6fca-40d1-9507-a7635be75fdc_0.log\</t>
  </si>
  <si>
    <t>ulog_AcroARM2_Reader_3b8210f9-3618-47e4-b9cc-5aaaba62831a_49e1ed28-b100-4855-b0a0-7b1239d39320_0.log</t>
  </si>
  <si>
    <t>C:\Users\flaviacno\AppData\Roaming\Adobe\LogTransport2\Logs\ulog_AcroARM2_Reader_3b8210f9-3618-47e4-b9cc-5aaaba62831a_49e1ed28-b100-4855-b0a0-7b1239d39320_0.log\</t>
  </si>
  <si>
    <t>01/15/2020 16:14:26</t>
  </si>
  <si>
    <t>ulog_AcroARM2_Reader_3b8210f9-3618-47e4-b9cc-5aaaba62831a_cb4c6584-826b-453d-89b2-771b67b0b47a_0.log</t>
  </si>
  <si>
    <t>C:\Users\flaviacno\AppData\Roaming\Adobe\LogTransport2\Logs\ulog_AcroARM2_Reader_3b8210f9-3618-47e4-b9cc-5aaaba62831a_cb4c6584-826b-453d-89b2-771b67b0b47a_0.log\</t>
  </si>
  <si>
    <t>01/15/2020 16:13:46</t>
  </si>
  <si>
    <t>01/15/2020 16:16:50</t>
  </si>
  <si>
    <t>01/15/2020 16:13:55</t>
  </si>
  <si>
    <t>\\acsfs\Deptos\Operacao\Banco_Votorantim\Supervisao\Thumbs.db</t>
  </si>
  <si>
    <t>01/15/2020 16:15:35</t>
  </si>
  <si>
    <t>\\acsfs\Deptos\Operacao\Banco_Votorantim\Supervisao\ROBSON ÁLVARES MEDEIROS\</t>
  </si>
  <si>
    <t>\\acsfs\Deptos\Operacao\Banco_Votorantim\Supervisao\ROBSON ÁLVARES MEDEIROS\Thumbs.db</t>
  </si>
  <si>
    <t>01/15/2020 16:12:05</t>
  </si>
  <si>
    <t>01/15/2020 16:17:50</t>
  </si>
  <si>
    <t>\\acsfs\DEPTOS\Operacao\Banco_Votorantim\Supervisao\SUPERS BV CARTÕES\</t>
  </si>
  <si>
    <t>Escala de FDS - Supers e Apoios.xlsx</t>
  </si>
  <si>
    <t>\\acsfs\DEPTOS\Operacao\Banco_Votorantim\Supervisao\SUPERS BV CARTÕES\Escala de FDS - Supers e Apoios.xlsx</t>
  </si>
  <si>
    <t>01/15/2020 16:12:12</t>
  </si>
  <si>
    <t>01/15/2020 16:12:23</t>
  </si>
  <si>
    <t>01/15/2020 16:12:33</t>
  </si>
  <si>
    <t>01/15/2020 16:12:41</t>
  </si>
  <si>
    <t>01/15/2020 16:12:46</t>
  </si>
  <si>
    <t>01/15/2020 16:14:27</t>
  </si>
  <si>
    <t>01/15/2020 16:15:45</t>
  </si>
  <si>
    <t>01/15/2020 16:15:48</t>
  </si>
  <si>
    <t>01/15/2020 16:15:51</t>
  </si>
  <si>
    <t>01/15/2020 16:15:52</t>
  </si>
  <si>
    <t>01/15/2020 16:15:55</t>
  </si>
  <si>
    <t>01/15/2020 16:16:17</t>
  </si>
  <si>
    <t>01/15/2020 16:13:59</t>
  </si>
  <si>
    <t>01/15/2020 16:14:00</t>
  </si>
  <si>
    <t>01/15/2020 16:14:06</t>
  </si>
  <si>
    <t>01/15/2020 16:14:07</t>
  </si>
  <si>
    <t>01/15/2020 16:13:58</t>
  </si>
  <si>
    <t>01/15/2020 16:18:50</t>
  </si>
  <si>
    <t>01/15/2020 16:19:50</t>
  </si>
  <si>
    <t>01/15/2020 16:17:29</t>
  </si>
  <si>
    <t>01/15/2020 16:17:32</t>
  </si>
  <si>
    <t>01/15/2020 16:16:57</t>
  </si>
  <si>
    <t>01/15/2020 16:20:50</t>
  </si>
  <si>
    <t>01/15/2020 16:19:33</t>
  </si>
  <si>
    <t>2db66563-1c9b-4211-92e7-0616e48ce895.tmp</t>
  </si>
  <si>
    <t>\\acsfs\profiles$\lucasgpe\Downloads\2db66563-1c9b-4211-92e7-0616e48ce895.tmp</t>
  </si>
  <si>
    <t>01/15/2020 16:21:50</t>
  </si>
  <si>
    <t>01/15/2020 16:16:59</t>
  </si>
  <si>
    <t>01/15/2020 16:22:50</t>
  </si>
  <si>
    <t>mail.google.com/sync/u/0/i/s?hl=pt-BR&amp;c=1567</t>
  </si>
  <si>
    <t>01/15/2020 16:17:08</t>
  </si>
  <si>
    <t>mail.google.com/sync/u/0/i/s?hl=pt-BR&amp;c=1569</t>
  </si>
  <si>
    <t>01/15/2020 16:17:38</t>
  </si>
  <si>
    <t>mail.google.com/sync/u/0/i/s?hl=pt-BR&amp;c=1575</t>
  </si>
  <si>
    <t>01/15/2020 16:17:54</t>
  </si>
  <si>
    <t>mail.google.com/sync/u/0/i/s?hl=pt-BR&amp;c=1578</t>
  </si>
  <si>
    <t>01/15/2020 16:18:29</t>
  </si>
  <si>
    <t>mail.google.com/sync/u/0/i/s?hl=pt-BR&amp;c=1585</t>
  </si>
  <si>
    <t>01/15/2020 16:18:49</t>
  </si>
  <si>
    <t>mail.google.com/sync/u/0/i/s?hl=pt-BR&amp;c=1588</t>
  </si>
  <si>
    <t>01/15/2020 16:18:53</t>
  </si>
  <si>
    <t>mail.google.com/sync/u/0/i/s?hl=pt-BR&amp;c=1590</t>
  </si>
  <si>
    <t>01/15/2020 16:19:02</t>
  </si>
  <si>
    <t>mail.google.com/sync/u/0/i/s?hl=pt-BR&amp;c=1592</t>
  </si>
  <si>
    <t>01/15/2020 16:19:22</t>
  </si>
  <si>
    <t>mail.google.com/sync/u/0/i/s?hl=pt-BR&amp;c=1594</t>
  </si>
  <si>
    <t>01/15/2020 16:19:28</t>
  </si>
  <si>
    <t>mail.google.com/sync/u/0/i/s?hl=pt-BR&amp;c=1597</t>
  </si>
  <si>
    <t>01/15/2020 16:19:47</t>
  </si>
  <si>
    <t>mail.google.com/sync/u/0/i/s?hl=pt-BR&amp;c=1601</t>
  </si>
  <si>
    <t>01/15/2020 16:20:01</t>
  </si>
  <si>
    <t>mail.google.com/sync/u/0/i/s?hl=pt-BR&amp;c=1603</t>
  </si>
  <si>
    <t>01/15/2020 16:20:13</t>
  </si>
  <si>
    <t>01/15/2020 16:20:21</t>
  </si>
  <si>
    <t>01/15/2020 16:20:58</t>
  </si>
  <si>
    <t>mail.google.com/sync/u/0/i/s?hl=pt-BR&amp;c=1613</t>
  </si>
  <si>
    <t>01/15/2020 16:21:12</t>
  </si>
  <si>
    <t>mail.google.com/sync/u/0/i/s?hl=pt-BR&amp;c=1616</t>
  </si>
  <si>
    <t>01/15/2020 16:21:35</t>
  </si>
  <si>
    <t>mail.google.com/sync/u/0/i/s?hl=pt-BR&amp;c=1619</t>
  </si>
  <si>
    <t>01/15/2020 16:21:40</t>
  </si>
  <si>
    <t>mail.google.com/sync/u/0/i/s?hl=pt-BR&amp;c=1621</t>
  </si>
  <si>
    <t>01/15/2020 16:17:25</t>
  </si>
  <si>
    <t>01/15/2020 16:17:30</t>
  </si>
  <si>
    <t>01/15/2020 16:17:46</t>
  </si>
  <si>
    <t>01/15/2020 16:17:51</t>
  </si>
  <si>
    <t>01/15/2020 16:18:06</t>
  </si>
  <si>
    <t>01/15/2020 16:18:38</t>
  </si>
  <si>
    <t>01/15/2020 16:19:13</t>
  </si>
  <si>
    <t>100014122394468;andrelpsa@algartech.com;cpc-controldeskavon@algartech.com;joaogvc@algartech.com;joseasn@algartech.com;josiascdsj@algartech.com;leonardoao@algartech.com;marianadjc@algartech.com;maristelavodq@bv.algartech.com;paulacn@algartech.com;qualidadealgarbv@algartech.com;supervisaobancovotorantim@algartech.com;taysdss@algartech.com;thiagolrc@bv.algartech.com;</t>
  </si>
  <si>
    <t>100014122394468,andrelpsa@algartech.com,cpc-controldeskavon@algartech.com,joaogvc@algartech.com,joseasn@algartech.com,josiascdsj@algartech.com,leonardoao@algartech.com,marianadjc@algartech.com,maristelavodq@bv.algartech.com,paulacn@algartech.com,qualidadealgarbv@algartech.com,supervisaobancovotorantim@algartech.com,taysdss@algartech.com,thiagolrc@bv.algartech.com</t>
  </si>
  <si>
    <t>01/15/2020 16:19:42</t>
  </si>
  <si>
    <t>01/15/2020 16:19:51</t>
  </si>
  <si>
    <t>andrelpsa@algartech.com;cpc-controldeskavon@algartech.com;joaogvc@algartech.com;joseasn@algartech.com;josiascdsj@algartech.com;leonardoao@algartech.com;marianadjc@algartech.com;maristelavodq@bv.algartech.com;paulacn@algartech.com;qualidadealgarbv@algartech.com;supervisaobancovotorantim@algartech.com;taysdss@algartech.com;thiagolrc@bv.algartech.com;</t>
  </si>
  <si>
    <t>andrelpsa@algartech.com,cpc-controldeskavon@algartech.com,joaogvc@algartech.com,joseasn@algartech.com,josiascdsj@algartech.com,leonardoao@algartech.com,marianadjc@algartech.com,maristelavodq@bv.algartech.com,paulacn@algartech.com,qualidadealgarbv@algartech.com,supervisaobancovotorantim@algartech.com,taysdss@algartech.com,thiagolrc@bv.algartech.com</t>
  </si>
  <si>
    <t>01/15/2020 16:19:54</t>
  </si>
  <si>
    <t>01/15/2020 16:19:56</t>
  </si>
  <si>
    <t>01/15/2020 16:20:03</t>
  </si>
  <si>
    <t>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01/15/2020 16:20:05</t>
  </si>
  <si>
    <t>01/15/2020 16:20:10</t>
  </si>
  <si>
    <t>01/15/2020 16:20:16</t>
  </si>
  <si>
    <t>01/15/2020 16:20:20</t>
  </si>
  <si>
    <t>01/15/2020 16:20:22</t>
  </si>
  <si>
    <t>01/15/2020 16:20:52</t>
  </si>
  <si>
    <t>15-01 RELATORIO DE LOGIN AVON.xlsm</t>
  </si>
  <si>
    <t>\\acsfs\deptos\Operacao\PCP\5 - Comum\CONTROL DESK\2 - DAC2\Control Desk AVON\Relatorios\Status de login\2020\15-01 RELATORIO DE LOGIN AVON.xlsm</t>
  </si>
  <si>
    <t>01/15/2020 16:20:15</t>
  </si>
  <si>
    <t>76f53889-c8a8-4fcd-a3e7-965f983655b6.tmp</t>
  </si>
  <si>
    <t>\\acsfs\profiles$\marcosvnds\Downloads\76f53889-c8a8-4fcd-a3e7-965f983655b6.tmp</t>
  </si>
  <si>
    <t>01/15/2020 16:22:44</t>
  </si>
  <si>
    <t>01/15/2020 16:23:50</t>
  </si>
  <si>
    <t>01/15/2020 16:21:52</t>
  </si>
  <si>
    <t>01/15/2020 16:25:50</t>
  </si>
  <si>
    <t>01/15/2020 16:22:06</t>
  </si>
  <si>
    <t>01/15/2020 16:22:26</t>
  </si>
  <si>
    <t>01/15/2020 16:22:41</t>
  </si>
  <si>
    <t>01/15/2020 16:23:02</t>
  </si>
  <si>
    <t>01/15/2020 16:23:16</t>
  </si>
  <si>
    <t>01/15/2020 16:23:18</t>
  </si>
  <si>
    <t>01/15/2020 16:24:16</t>
  </si>
  <si>
    <t>c629c2f2-0df1-410a-949c-6d4e111916a8.tmp</t>
  </si>
  <si>
    <t>\\acsfs\profiles$\lucasgpe\Downloads\c629c2f2-0df1-410a-949c-6d4e111916a8.tmp</t>
  </si>
  <si>
    <t>01/15/2020 16:26:51</t>
  </si>
  <si>
    <t>01/15/2020 16:24:04</t>
  </si>
  <si>
    <t>650df2b8-60ee-4a28-9415-1554b29b2794.tmp</t>
  </si>
  <si>
    <t>\\acsfs\profiles$\quindaizaagds\Downloads\650df2b8-60ee-4a28-9415-1554b29b2794.tmp</t>
  </si>
  <si>
    <t>01/15/2020 16:24:20</t>
  </si>
  <si>
    <t>01/15/2020 16:27:50</t>
  </si>
  <si>
    <t>0e360170-deca-42cf-9e47-f1b61cbf1145.tmp</t>
  </si>
  <si>
    <t>\\acsfs\profiles$\adelvinsonle\Downloads\0e360170-deca-42cf-9e47-f1b61cbf1145.tmp</t>
  </si>
  <si>
    <t>01/15/2020 16:22:46</t>
  </si>
  <si>
    <t>mail.google.com/sync/u/0/i/s?hl=pt-BR&amp;c=1625</t>
  </si>
  <si>
    <t>01/15/2020 16:23:09</t>
  </si>
  <si>
    <t>mail.google.com/sync/u/0/i/s?hl=pt-BR&amp;c=1627</t>
  </si>
  <si>
    <t>01/15/2020 16:23:31</t>
  </si>
  <si>
    <t>mail.google.com/sync/u/0/i/s?hl=pt-BR&amp;c=1629</t>
  </si>
  <si>
    <t>01/15/2020 16:23:37</t>
  </si>
  <si>
    <t>mail.google.com/sync/u/0/i/s?hl=pt-BR&amp;c=1632</t>
  </si>
  <si>
    <t>01/15/2020 16:23:45</t>
  </si>
  <si>
    <t>mail.google.com/sync/u/0/i/s?hl=pt-BR&amp;c=1634</t>
  </si>
  <si>
    <t>01/15/2020 16:24:00</t>
  </si>
  <si>
    <t>mail.google.com/sync/u/0/i/s?hl=pt-BR&amp;c=1636</t>
  </si>
  <si>
    <t>01/15/2020 16:24:10</t>
  </si>
  <si>
    <t>mail.google.com/sync/u/0/i/s?hl=pt-BR&amp;c=1638</t>
  </si>
  <si>
    <t>01/15/2020 16:24:21</t>
  </si>
  <si>
    <t>mail.google.com/sync/u/0/i/s?hl=pt-BR&amp;c=1641</t>
  </si>
  <si>
    <t>01/15/2020 16:24:23</t>
  </si>
  <si>
    <t>mail.google.com/sync/u/0/i/s?hl=pt-BR&amp;c=1643</t>
  </si>
  <si>
    <t>01/15/2020 16:24:28</t>
  </si>
  <si>
    <t>mail.google.com/sync/u/0/i/s?hl=pt-BR&amp;c=1645</t>
  </si>
  <si>
    <t>01/15/2020 16:24:32</t>
  </si>
  <si>
    <t>mail.google.com/sync/u/0/i/s?hl=pt-BR&amp;c=1648</t>
  </si>
  <si>
    <t>01/15/2020 16:24:38</t>
  </si>
  <si>
    <t>mail.google.com/sync/u/0/i/s?hl=pt-BR&amp;c=1651</t>
  </si>
  <si>
    <t>01/15/2020 16:25:02</t>
  </si>
  <si>
    <t>mail.google.com/sync/u/0/i/s?hl=pt-BR&amp;c=1653</t>
  </si>
  <si>
    <t>01/15/2020 16:25:06</t>
  </si>
  <si>
    <t>mail.google.com/sync/u/0/i/s?hl=pt-BR&amp;c=1655</t>
  </si>
  <si>
    <t>01/15/2020 16:25:13</t>
  </si>
  <si>
    <t>mail.google.com/sync/u/0/i/s?hl=pt-BR&amp;c=1657</t>
  </si>
  <si>
    <t>01/15/2020 16:25:19</t>
  </si>
  <si>
    <t>mail.google.com/sync/u/0/i/s?hl=pt-BR&amp;c=1659</t>
  </si>
  <si>
    <t>01/15/2020 16:25:24</t>
  </si>
  <si>
    <t>mail.google.com/sync/u/0/i/s?hl=pt-BR&amp;c=1661</t>
  </si>
  <si>
    <t>01/15/2020 16:25:49</t>
  </si>
  <si>
    <t>mail.google.com/sync/u/0/i/s?hl=pt-BR&amp;c=1665</t>
  </si>
  <si>
    <t>01/15/2020 16:26:07</t>
  </si>
  <si>
    <t>mail.google.com/sync/u/0/i/s?hl=pt-BR&amp;c=1667</t>
  </si>
  <si>
    <t>01/15/2020 16:26:17</t>
  </si>
  <si>
    <t>mail.google.com/sync/u/0/i/s?hl=pt-BR&amp;c=1669</t>
  </si>
  <si>
    <t>01/15/2020 16:26:24</t>
  </si>
  <si>
    <t>mail.google.com/sync/u/0/i/s?hl=pt-BR&amp;c=1672</t>
  </si>
  <si>
    <t>01/15/2020 16:24:35</t>
  </si>
  <si>
    <t>ac115754-209b-460e-8b96-45c1b82a9ad5.tmp</t>
  </si>
  <si>
    <t>\\acsfs\profiles$\ingridsm\Downloads\ac115754-209b-460e-8b96-45c1b82a9ad5.tmp</t>
  </si>
  <si>
    <t>01/15/2020 16:25:29</t>
  </si>
  <si>
    <t>01/15/2020 16:28:50</t>
  </si>
  <si>
    <t>11feb1ad-84a8-41d8-8d01-964a39ce1962.tmp</t>
  </si>
  <si>
    <t>\\acsfs\profiles$\cintiadjl\Downloads\11feb1ad-84a8-41d8-8d01-964a39ce1962.tmp</t>
  </si>
  <si>
    <t>01/15/2020 16:25:16</t>
  </si>
  <si>
    <t>01/15/2020 16:25:58</t>
  </si>
  <si>
    <t>b4213b70-56bc-4c7b-b7a8-ccbdc00375b4.tmp</t>
  </si>
  <si>
    <t>\\acsfs\profiles$\gabrielsma\Downloads\b4213b70-56bc-4c7b-b7a8-ccbdc00375b4.tmp</t>
  </si>
  <si>
    <t>01/15/2020 16:26:04</t>
  </si>
  <si>
    <t>01/15/2020 16:29:50</t>
  </si>
  <si>
    <t>01/15/2020 16:28:34</t>
  </si>
  <si>
    <t>1e436a16-b1de-48c3-b1d7-82be213701ea.tmp</t>
  </si>
  <si>
    <t>\\acsfs\profiles$\leticiala\Downloads\1e436a16-b1de-48c3-b1d7-82be213701ea.tmp</t>
  </si>
  <si>
    <t>01/15/2020 16:26:35</t>
  </si>
  <si>
    <t>01/15/2020 16:30:50</t>
  </si>
  <si>
    <t>0e9382af-e7d0-48a3-a547-88836c58b7db.tmp</t>
  </si>
  <si>
    <t>\\acsfs\profiles$\regisedsj\Downloads\0e9382af-e7d0-48a3-a547-88836c58b7db.tmp</t>
  </si>
  <si>
    <t>01/15/2020 16:27:16</t>
  </si>
  <si>
    <t>01/15/2020 16:31:50</t>
  </si>
  <si>
    <t>22958311-672f-440b-a3c5-583e8e2d0207.tmp</t>
  </si>
  <si>
    <t>\\acsfs\profiles$\quindaizaagds\Downloads\22958311-672f-440b-a3c5-583e8e2d0207.tmp</t>
  </si>
  <si>
    <t>01/15/2020 16:27:26</t>
  </si>
  <si>
    <t>9251f170-2a4d-4740-8b33-6637e23a5104.tmp</t>
  </si>
  <si>
    <t>\\acsfs\profiles$\quindaizaagds\Downloads\9251f170-2a4d-4740-8b33-6637e23a5104.tmp</t>
  </si>
  <si>
    <t>01/15/2020 16:26:58</t>
  </si>
  <si>
    <t>01/15/2020 16:32:51</t>
  </si>
  <si>
    <t>mail.google.com/sync/u/0/i/s?hl=pt-BR&amp;c=1677</t>
  </si>
  <si>
    <t>01/15/2020 16:27:06</t>
  </si>
  <si>
    <t>mail.google.com/sync/u/0/i/s?hl=pt-BR&amp;c=1679</t>
  </si>
  <si>
    <t>01/15/2020 16:27:15</t>
  </si>
  <si>
    <t>mail.google.com/sync/u/0/i/s?hl=pt-BR&amp;c=1681</t>
  </si>
  <si>
    <t>01/15/2020 16:27:45</t>
  </si>
  <si>
    <t>mail.google.com/sync/u/0/i/s?hl=pt-BR&amp;c=1685</t>
  </si>
  <si>
    <t>01/15/2020 16:28:13</t>
  </si>
  <si>
    <t>mail.google.com/sync/u/0/i/s?hl=pt-BR&amp;c=1687</t>
  </si>
  <si>
    <t>01/15/2020 16:29:22</t>
  </si>
  <si>
    <t>01/15/2020 16:31:13</t>
  </si>
  <si>
    <t>01/15/2020 16:30:16</t>
  </si>
  <si>
    <t>Maria Gabriela Silva Gomes_1_6778115235404391814_1_32.wav</t>
  </si>
  <si>
    <t>\\acsfs\Deptos\EDUCACAO EMPRESARIAL\FERNANDA MONIT\Fernanda\MONITORIA JANEIRO\Ligação para MUTANT segundo ciclo janeiro\Maria Gabriela Silva Gomes_1_6778115235404391814_1_32.wav</t>
  </si>
  <si>
    <t>01/15/2020 16:29:23</t>
  </si>
  <si>
    <t>lu12164xmeiu.tmp</t>
  </si>
  <si>
    <t>\\acsfs\profiles$\victoriaksr\My Documents\lu12164xmeiu.tmp</t>
  </si>
  <si>
    <t>01/15/2020 16:33:50</t>
  </si>
  <si>
    <t>01/15/2020 16:31:36</t>
  </si>
  <si>
    <t>ad87a743-2a02-4a25-a9e8-4c50bbe3a22e.tmp</t>
  </si>
  <si>
    <t>\\acsfs\profiles$\gabrielsma\Downloads\ad87a743-2a02-4a25-a9e8-4c50bbe3a22e.tmp</t>
  </si>
  <si>
    <t>01/15/2020 16:31:46</t>
  </si>
  <si>
    <t>resultadosSupersDezembro.csv.crdownload</t>
  </si>
  <si>
    <t>\\acsfs\ACS\Gabriel da Silva\Contemporânea\Gen\resultadosSupersDezembro.csv.crdownload</t>
  </si>
  <si>
    <t>01/15/2020 16:29:10</t>
  </si>
  <si>
    <t>01/15/2020 16:34:50</t>
  </si>
  <si>
    <t>46b37f8c-545e-4290-bfef-52455da84ef8.tmp</t>
  </si>
  <si>
    <t>\\acsfs\profiles$\leticiala\Downloads\46b37f8c-545e-4290-bfef-52455da84ef8.tmp</t>
  </si>
  <si>
    <t>01/15/2020 16:31:49</t>
  </si>
  <si>
    <t>01/15/2020 16:35:50</t>
  </si>
  <si>
    <t>b203f41b-b3b1-4676-bcfe-bec6cac2ae85.tmp</t>
  </si>
  <si>
    <t>\\acsfs\profiles$\lorrainerdl\Downloads\b203f41b-b3b1-4676-bcfe-bec6cac2ae85.tmp</t>
  </si>
  <si>
    <t>01/15/2020 16:31:04</t>
  </si>
  <si>
    <t>lu115168bv7.tmp</t>
  </si>
  <si>
    <t>\\acsfs\profiles$\lucasgpe\Desktop\lu115168bv7.tmp</t>
  </si>
  <si>
    <t>\\acsfs\profiles$\lucasgpe\Desktop\lu115168bv7.tmp\</t>
  </si>
  <si>
    <t>\\acsfs\profiles$\lucasgpe\Desktop\lu115168bv7.tmp\META-INF\</t>
  </si>
  <si>
    <t>\\acsfs\profiles$\lucasgpe\Desktop\lu115168bv7.tmp\Thumbnails\</t>
  </si>
  <si>
    <t>01/15/2020 16:33:29</t>
  </si>
  <si>
    <t>01/15/2020 16:36:50</t>
  </si>
  <si>
    <t>01/15/2020 16:32:42</t>
  </si>
  <si>
    <t>01/15/2020 16:36:26</t>
  </si>
  <si>
    <t>01/15/2020 16:34:05</t>
  </si>
  <si>
    <t>9fdba09e-dc80-407e-9355-2a930bc3099b.tmp</t>
  </si>
  <si>
    <t>\\acsfs\profiles$\geovannasm\Downloads\9fdba09e-dc80-407e-9355-2a930bc3099b.tmp</t>
  </si>
  <si>
    <t>01/15/2020 16:34:17</t>
  </si>
  <si>
    <t>efd91875-4ce2-4006-b112-4c5783a674bd.tmp</t>
  </si>
  <si>
    <t>\\acsfs\profiles$\geovannasm\Downloads\efd91875-4ce2-4006-b112-4c5783a674bd.tmp</t>
  </si>
  <si>
    <t>01/15/2020 16:37:50</t>
  </si>
  <si>
    <t>01/15/2020 16:32:17</t>
  </si>
  <si>
    <t>mail.google.com/sync/u/0/i/s?hl=pt-BR&amp;c=1707</t>
  </si>
  <si>
    <t>01/15/2020 16:32:29</t>
  </si>
  <si>
    <t>01/15/2020 16:32:32</t>
  </si>
  <si>
    <t>01/15/2020 16:32:33</t>
  </si>
  <si>
    <t>01/15/2020 16:34:21</t>
  </si>
  <si>
    <t>01/15/2020 16:29:47</t>
  </si>
  <si>
    <t>01/15/2020 16:38:50</t>
  </si>
  <si>
    <t>dff0facb-0e07-4737-9c51-5e154e8c104a.tmp</t>
  </si>
  <si>
    <t>\\acsfs\profiles$\gabrielsma\Downloads\dff0facb-0e07-4737-9c51-5e154e8c104a.tmp</t>
  </si>
  <si>
    <t>01/15/2020 16:30:00</t>
  </si>
  <si>
    <t>resultadosSupersSetembro.csv.crdownload</t>
  </si>
  <si>
    <t>\\acsfs\ACS\Gabriel da Silva\Contemporânea\Gen\resultadosSupersSetembro.csv.crdownload</t>
  </si>
  <si>
    <t>01/15/2020 16:30:14</t>
  </si>
  <si>
    <t>9f0ec435-fed4-46c5-9042-bc2c426f0baa.tmp</t>
  </si>
  <si>
    <t>\\acsfs\profiles$\gabrielsma\Downloads\9f0ec435-fed4-46c5-9042-bc2c426f0baa.tmp</t>
  </si>
  <si>
    <t>01/15/2020 16:30:26</t>
  </si>
  <si>
    <t>ce378e46-4c97-429f-a8d4-7f50f3b5b4b2.tmp</t>
  </si>
  <si>
    <t>\\acsfs\profiles$\gabrielsma\Downloads\ce378e46-4c97-429f-a8d4-7f50f3b5b4b2.tmp</t>
  </si>
  <si>
    <t>01/15/2020 16:30:45</t>
  </si>
  <si>
    <t>resultadosSupersOutubro.csv.crdownload</t>
  </si>
  <si>
    <t>\\acsfs\ACS\Gabriel da Silva\Contemporânea\Gen\resultadosSupersOutubro.csv.crdownload</t>
  </si>
  <si>
    <t>01/15/2020 16:31:09</t>
  </si>
  <si>
    <t>1e8e3ac9-7207-4047-a4d1-09d4b97f5a0d.tmp</t>
  </si>
  <si>
    <t>\\acsfs\profiles$\gabrielsma\Downloads\1e8e3ac9-7207-4047-a4d1-09d4b97f5a0d.tmp</t>
  </si>
  <si>
    <t>01/15/2020 16:31:25</t>
  </si>
  <si>
    <t>resultadosSupersNovembro.csv.crdownload</t>
  </si>
  <si>
    <t>\\acsfs\ACS\Gabriel da Silva\Contemporânea\Gen\resultadosSupersNovembro.csv.crdownload</t>
  </si>
  <si>
    <t>01/15/2020 16:35:09</t>
  </si>
  <si>
    <t>01/15/2020 16:40:50</t>
  </si>
  <si>
    <t>0f3693ca-3931-4d87-b488-85ebef7605af.tmp</t>
  </si>
  <si>
    <t>\\acsfs\profiles$\fabianafv\Downloads\0f3693ca-3931-4d87-b488-85ebef7605af.tmp</t>
  </si>
  <si>
    <t>01/15/2020 16:40:15</t>
  </si>
  <si>
    <t>dd27acf4-3add-4e58-8cbc-b8836f8e398d.tmp</t>
  </si>
  <si>
    <t>\\acsfs\profiles$\lorrainerdl\Downloads\dd27acf4-3add-4e58-8cbc-b8836f8e398d.tmp</t>
  </si>
  <si>
    <t>01/15/2020 16:41:50</t>
  </si>
  <si>
    <t>01/15/2020 16:42:50</t>
  </si>
  <si>
    <t>01/15/2020 16:40:02</t>
  </si>
  <si>
    <t>ec6fe078-099c-44b6-83b9-1159c70ffff0.tmp</t>
  </si>
  <si>
    <t>\\acsfs\profiles$\paulohaf\Downloads\ec6fe078-099c-44b6-83b9-1159c70ffff0.tmp</t>
  </si>
  <si>
    <t>01/15/2020 16:40:35</t>
  </si>
  <si>
    <t>3da4cd76-1121-4d53-95ff-d2ddcc526728.tmp</t>
  </si>
  <si>
    <t>\\acsfs\profiles$\paulohaf\Downloads\3da4cd76-1121-4d53-95ff-d2ddcc526728.tmp</t>
  </si>
  <si>
    <t>01/15/2020 16:40:26</t>
  </si>
  <si>
    <t>01/15/2020 16:43:50</t>
  </si>
  <si>
    <t>01/15/2020 16:40:28</t>
  </si>
  <si>
    <t>01/15/2020 16:39:54</t>
  </si>
  <si>
    <t>01/15/2020 16:39:58</t>
  </si>
  <si>
    <t>01/15/2020 16:42:53</t>
  </si>
  <si>
    <t>01/15/2020 16:44:50</t>
  </si>
  <si>
    <t>11fe0f2e-6744-436f-ad26-489f720ec652.tmp</t>
  </si>
  <si>
    <t>\\acsfs\profiles$\andreapdsg\Downloads\11fe0f2e-6744-436f-ad26-489f720ec652.tmp</t>
  </si>
  <si>
    <t>01/15/2020 16:42:03</t>
  </si>
  <si>
    <t>01/15/2020 16:46:50</t>
  </si>
  <si>
    <t>01/15/2020 16:42:41</t>
  </si>
  <si>
    <t>01/15/2020 16:42:47</t>
  </si>
  <si>
    <t>01/15/2020 16:43:10</t>
  </si>
  <si>
    <t>01/15/2020 16:43:14</t>
  </si>
  <si>
    <t>01/15/2020 16:43:18</t>
  </si>
  <si>
    <t>01/15/2020 16:43:24</t>
  </si>
  <si>
    <t>01/15/2020 16:43:27</t>
  </si>
  <si>
    <t>01/15/2020 16:44:03</t>
  </si>
  <si>
    <t>01/15/2020 16:47:50</t>
  </si>
  <si>
    <t>1c585864-7ac0-4ad0-a742-f14ed52edebd.tmp</t>
  </si>
  <si>
    <t>\\acsfs\profiles$\gabrielamdp\Downloads\1c585864-7ac0-4ad0-a742-f14ed52edebd.tmp</t>
  </si>
  <si>
    <t>cc8fdc84-2dc4-4fb8-935e-e7e4a48e7c37.tmp</t>
  </si>
  <si>
    <t>\\acsfs\profiles$\gabrielamdp\Downloads\cc8fdc84-2dc4-4fb8-935e-e7e4a48e7c37.tmp</t>
  </si>
  <si>
    <t>d917f26e-ce1c-4a5b-a22b-ff6b3ce84638.tmp</t>
  </si>
  <si>
    <t>\\acsfs\profiles$\gabrielamdp\Downloads\d917f26e-ce1c-4a5b-a22b-ff6b3ce84638.tmp</t>
  </si>
  <si>
    <t>01/15/2020 16:46:10</t>
  </si>
  <si>
    <t>1970f150-3d66-4c7d-9f81-7dba5b1d03fd.tmp</t>
  </si>
  <si>
    <t>\\acsfs\profiles$\gabrielamdp\Downloads\1970f150-3d66-4c7d-9f81-7dba5b1d03fd.tmp</t>
  </si>
  <si>
    <t>01/15/2020 16:49:50</t>
  </si>
  <si>
    <t>01/15/2020 16:48:17</t>
  </si>
  <si>
    <t>01/15/2020 16:48:18</t>
  </si>
  <si>
    <t>lu421204vjwiy.tmp</t>
  </si>
  <si>
    <t>\\acsfs\profiles$\LORRAYNEVAM\lu421204vjwiy.tmp</t>
  </si>
  <si>
    <t>\\acsfs\profiles$\LORRAYNEVAM\lu421204vjwiy.tmp\</t>
  </si>
  <si>
    <t>\\acsfs\profiles$\LORRAYNEVAM\lu421204vjwiy.tmp\META-INF\</t>
  </si>
  <si>
    <t>\\acsfs\profiles$\LORRAYNEVAM\lu421204vjwiy.tmp\Thumbnails\</t>
  </si>
  <si>
    <t>01/15/2020 16:49:15</t>
  </si>
  <si>
    <t>01/15/2020 16:50:49</t>
  </si>
  <si>
    <t>01/15/2020 16:51:50</t>
  </si>
  <si>
    <t>01/15/2020 16:47:23</t>
  </si>
  <si>
    <t>01/15/2020 16:52:50</t>
  </si>
  <si>
    <t>mail.google.com/sync/u/0/i/s?hl=pt-BR&amp;c=1808</t>
  </si>
  <si>
    <t>01/15/2020 16:47:29</t>
  </si>
  <si>
    <t>mail.google.com/sync/u/0/i/s?hl=pt-BR&amp;c=1810</t>
  </si>
  <si>
    <t>01/15/2020 16:47:32</t>
  </si>
  <si>
    <t>mail.google.com/sync/u/0/i/s?hl=pt-BR&amp;c=1812</t>
  </si>
  <si>
    <t>01/15/2020 16:47:48</t>
  </si>
  <si>
    <t>mail.google.com/sync/u/0/i/s?hl=pt-BR&amp;c=1815</t>
  </si>
  <si>
    <t>01/15/2020 16:47:52</t>
  </si>
  <si>
    <t>01/15/2020 16:54:50</t>
  </si>
  <si>
    <t>01/15/2020 16:52:39</t>
  </si>
  <si>
    <t>efc4d062-c88c-496d-a219-16a3cc183ead.tmp</t>
  </si>
  <si>
    <t>\\acsfs\profiles$\brendadsl\Downloads\efc4d062-c88c-496d-a219-16a3cc183ead.tmp</t>
  </si>
  <si>
    <t>01/15/2020 16:51:46</t>
  </si>
  <si>
    <t>01/15/2020 16:55:50</t>
  </si>
  <si>
    <t>d0bc1c1a-c27b-4915-a280-25cef9184a77.tmp</t>
  </si>
  <si>
    <t>\\acsfs\profiles$\fabianobmf\Downloads\d0bc1c1a-c27b-4915-a280-25cef9184a77.tmp</t>
  </si>
  <si>
    <t>01/15/2020 16:55:17</t>
  </si>
  <si>
    <t>01/15/2020 16:56:50</t>
  </si>
  <si>
    <t>kit_pre_deslig_ant_term_contrato_empregado_124231_rayane rosilene santos.pdf</t>
  </si>
  <si>
    <t>01/15/2020 16:52:35</t>
  </si>
  <si>
    <t>lu393321o1y9w.tmp</t>
  </si>
  <si>
    <t>\\acsfs\profiles$\LUISPLS\My Documents\Nova pasta\lu393321o1y9w.tmp</t>
  </si>
  <si>
    <t>\\acsfs\profiles$\LUISPLS\My Documents\Nova pasta\lu393321o1y9w.tmp\</t>
  </si>
  <si>
    <t>\\acsfs\profiles$\LUISPLS\My Documents\Nova pasta\lu393321o1y9w.tmp\META-INF\</t>
  </si>
  <si>
    <t>\\acsfs\profiles$\LUISPLS\My Documents\Nova pasta\lu393321o1y9w.tmp\Thumbnails\</t>
  </si>
  <si>
    <t>01/15/2020 16:52:45</t>
  </si>
  <si>
    <t>01/15/2020 16:57:49</t>
  </si>
  <si>
    <t>mail.google.com/sync/u/0/i/s?hl=pt-BR&amp;c=1854</t>
  </si>
  <si>
    <t>01/15/2020 16:53:16</t>
  </si>
  <si>
    <t>mail.google.com/sync/u/0/i/s?hl=pt-BR&amp;c=1856</t>
  </si>
  <si>
    <t>01/15/2020 16:53:24</t>
  </si>
  <si>
    <t>mail.google.com/sync/u/0/i/s?hl=pt-BR&amp;c=1858</t>
  </si>
  <si>
    <t>01/15/2020 16:53:27</t>
  </si>
  <si>
    <t>mail.google.com/sync/u/0/i/s?hl=pt-BR&amp;c=1860</t>
  </si>
  <si>
    <t>01/15/2020 16:53:29</t>
  </si>
  <si>
    <t>mail.google.com/sync/u/0/i/s?hl=pt-BR&amp;c=1862</t>
  </si>
  <si>
    <t>01/15/2020 16:53:57</t>
  </si>
  <si>
    <t>mail.google.com/sync/u/0/i/s?hl=pt-BR&amp;c=1867</t>
  </si>
  <si>
    <t>01/15/2020 16:54:13</t>
  </si>
  <si>
    <t>mail.google.com/sync/u/0/i/s?hl=pt-BR&amp;c=1871</t>
  </si>
  <si>
    <t>01/15/2020 16:54:18</t>
  </si>
  <si>
    <t>mail.google.com/sync/u/0/i/s?hl=pt-BR&amp;c=1873</t>
  </si>
  <si>
    <t>01/15/2020 16:55:27</t>
  </si>
  <si>
    <t>mail.google.com/sync/u/0/i/s?hl=pt-BR&amp;c=1883</t>
  </si>
  <si>
    <t>01/15/2020 16:55:44</t>
  </si>
  <si>
    <t>mail.google.com/sync/u/0/i/s?hl=pt-BR&amp;c=1888</t>
  </si>
  <si>
    <t>mail.google.com/sync/u/0/i/s?hl=pt-BR&amp;c=1891</t>
  </si>
  <si>
    <t>01/15/2020 16:55:59</t>
  </si>
  <si>
    <t>mail.google.com/sync/u/0/i/s?hl=pt-BR&amp;c=1895</t>
  </si>
  <si>
    <t>01/15/2020 16:56:06</t>
  </si>
  <si>
    <t>mail.google.com/sync/u/0/i/s?hl=pt-BR&amp;c=1897</t>
  </si>
  <si>
    <t>01/15/2020 16:56:09</t>
  </si>
  <si>
    <t>mail.google.com/sync/u/0/i/s?hl=pt-BR&amp;c=1899</t>
  </si>
  <si>
    <t>01/15/2020 16:56:22</t>
  </si>
  <si>
    <t>mail.google.com/sync/u/0/i/s?hl=pt-BR&amp;c=1901</t>
  </si>
  <si>
    <t>01/15/2020 16:56:28</t>
  </si>
  <si>
    <t>mail.google.com/sync/u/0/i/s?hl=pt-BR&amp;c=1907</t>
  </si>
  <si>
    <t>01/15/2020 16:56:32</t>
  </si>
  <si>
    <t>mail.google.com/sync/u/0/i/s?hl=pt-BR&amp;c=1910</t>
  </si>
  <si>
    <t>01/15/2020 16:56:36</t>
  </si>
  <si>
    <t>mail.google.com/sync/u/0/i/s?hl=pt-BR&amp;c=1913</t>
  </si>
  <si>
    <t>01/15/2020 16:56:39</t>
  </si>
  <si>
    <t>mail.google.com/sync/u/0/i/s?hl=pt-BR&amp;c=1916</t>
  </si>
  <si>
    <t>01/15/2020 16:56:49</t>
  </si>
  <si>
    <t>mail.google.com/sync/u/0/i/s?hl=pt-BR&amp;c=1922</t>
  </si>
  <si>
    <t>01/15/2020 16:56:58</t>
  </si>
  <si>
    <t>mail.google.com/sync/u/0/i/s?hl=pt-BR&amp;c=1926</t>
  </si>
  <si>
    <t>01/15/2020 16:54:10</t>
  </si>
  <si>
    <t>01/15/2020 16:55:26</t>
  </si>
  <si>
    <t>01/15/2020 16:55:35</t>
  </si>
  <si>
    <t>01/15/2020 16:55:42</t>
  </si>
  <si>
    <t>01/15/2020 16:55:46</t>
  </si>
  <si>
    <t>01/15/2020 16:56:10</t>
  </si>
  <si>
    <t>01/15/2020 16:56:14</t>
  </si>
  <si>
    <t>01/15/2020 16:56:41</t>
  </si>
  <si>
    <t>01/15/2020 16:56:42</t>
  </si>
  <si>
    <t>01/15/2020 16:56:47</t>
  </si>
  <si>
    <t>01/15/2020 16:56:54</t>
  </si>
  <si>
    <t>01/15/2020 16:57:46</t>
  </si>
  <si>
    <t>01/15/2020 16:58:50</t>
  </si>
  <si>
    <t>01/15/2020 16:59:03</t>
  </si>
  <si>
    <t>01/15/2020 17:00:50</t>
  </si>
  <si>
    <t>01/15/2020 17:01:51</t>
  </si>
  <si>
    <t>01/15/2020 17:00:16</t>
  </si>
  <si>
    <t>01/15/2020 17:02:50</t>
  </si>
  <si>
    <t>0d5e8d79-384a-4c34-9943-d1373df8ad88.tmp</t>
  </si>
  <si>
    <t>\\acsfs\profiles$\gabrielamdp\Downloads\0d5e8d79-384a-4c34-9943-d1373df8ad88.tmp</t>
  </si>
  <si>
    <t>01/15/2020 16:57:14</t>
  </si>
  <si>
    <t>mail.google.com/sync/u/0/i/s?hl=pt-BR&amp;c=1928</t>
  </si>
  <si>
    <t>01/15/2020 16:57:26</t>
  </si>
  <si>
    <t>mail.google.com/sync/u/0/i/s?hl=pt-BR&amp;c=1932</t>
  </si>
  <si>
    <t>01/15/2020 16:57:35</t>
  </si>
  <si>
    <t>mail.google.com/sync/u/0/i/s?hl=pt-BR&amp;c=1936</t>
  </si>
  <si>
    <t>01/15/2020 16:57:54</t>
  </si>
  <si>
    <t>mail.google.com/sync/u/0/i/s?hl=pt-BR&amp;c=1941</t>
  </si>
  <si>
    <t>01/15/2020 16:58:10</t>
  </si>
  <si>
    <t>mail.google.com/sync/u/0/i/s?hl=pt-BR&amp;c=1943</t>
  </si>
  <si>
    <t>01/15/2020 16:58:16</t>
  </si>
  <si>
    <t>mail.google.com/sync/u/0/i/s?hl=pt-BR&amp;c=1945</t>
  </si>
  <si>
    <t>01/15/2020 16:58:21</t>
  </si>
  <si>
    <t>mail.google.com/sync/u/0/i/s?hl=pt-BR&amp;c=1947</t>
  </si>
  <si>
    <t>01/15/2020 16:58:28</t>
  </si>
  <si>
    <t>mail.google.com/sync/u/0/i/s?hl=pt-BR&amp;c=1949</t>
  </si>
  <si>
    <t>01/15/2020 16:58:32</t>
  </si>
  <si>
    <t>mail.google.com/sync/u/0/i/s?hl=pt-BR&amp;c=1951</t>
  </si>
  <si>
    <t>01/15/2020 16:58:35</t>
  </si>
  <si>
    <t>mail.google.com/sync/u/0/i/s?hl=pt-BR&amp;c=1956</t>
  </si>
  <si>
    <t>01/15/2020 16:58:57</t>
  </si>
  <si>
    <t>mail.google.com/sync/u/0/i/s?hl=pt-BR&amp;c=1960</t>
  </si>
  <si>
    <t>15/01/2020;thiagordu@algartech.com;</t>
  </si>
  <si>
    <t>15/01/2020,thiagordu@algartech.com</t>
  </si>
  <si>
    <t>mail.google.com/sync/u/0/i/s?hl=pt-BR&amp;c=1962</t>
  </si>
  <si>
    <t>01/15/2020 16:59:39</t>
  </si>
  <si>
    <t>mail.google.com/sync/u/0/i/s?hl=pt-BR&amp;c=1970</t>
  </si>
  <si>
    <t>01/15/2020 16:59:53</t>
  </si>
  <si>
    <t>mail.google.com/sync/u/0/i/s?hl=pt-BR&amp;c=1972</t>
  </si>
  <si>
    <t>01/15/2020 17:00:03</t>
  </si>
  <si>
    <t>mail.google.com/sync/u/0/i/s?hl=pt-BR&amp;c=1974</t>
  </si>
  <si>
    <t>01/15/2020 17:00:26</t>
  </si>
  <si>
    <t>mail.google.com/sync/u/0/i/s?hl=pt-BR&amp;c=1977</t>
  </si>
  <si>
    <t>01/15/2020 17:00:29</t>
  </si>
  <si>
    <t>mail.google.com/sync/u/0/i/s?hl=pt-BR&amp;c=1979</t>
  </si>
  <si>
    <t>01/15/2020 17:00:30</t>
  </si>
  <si>
    <t>01/15/2020 17:00:33</t>
  </si>
  <si>
    <t>mail.google.com/sync/u/0/i/s?hl=pt-BR&amp;c=1982</t>
  </si>
  <si>
    <t>mail.google.com/sync/u/0/i/s?hl=pt-BR&amp;c=1986</t>
  </si>
  <si>
    <t>01/15/2020 17:00:55</t>
  </si>
  <si>
    <t>mail.google.com/sync/u/0/i/s?hl=pt-BR&amp;c=1988</t>
  </si>
  <si>
    <t>01/15/2020 17:00:59</t>
  </si>
  <si>
    <t>mail.google.com/sync/u/0/i/s?hl=pt-BR&amp;c=1990</t>
  </si>
  <si>
    <t>01/15/2020 17:01:05</t>
  </si>
  <si>
    <t>mail.google.com/sync/u/0/i/s?hl=pt-BR&amp;c=1992</t>
  </si>
  <si>
    <t>01/15/2020 17:01:10</t>
  </si>
  <si>
    <t>mail.google.com/sync/u/0/i/s?hl=pt-BR&amp;c=1994</t>
  </si>
  <si>
    <t>01/15/2020 17:01:13</t>
  </si>
  <si>
    <t>mail.google.com/sync/u/0/i/s?hl=pt-BR&amp;c=1996</t>
  </si>
  <si>
    <t>01/15/2020 17:01:20</t>
  </si>
  <si>
    <t>mail.google.com/sync/u/0/i/s?hl=pt-BR&amp;c=1998</t>
  </si>
  <si>
    <t>01/15/2020 17:01:24</t>
  </si>
  <si>
    <t>mail.google.com/sync/u/0/i/s?hl=pt-BR&amp;c=2000</t>
  </si>
  <si>
    <t>01/15/2020 17:01:34</t>
  </si>
  <si>
    <t>mail.google.com/sync/u/0/i/s?hl=pt-BR&amp;c=2005</t>
  </si>
  <si>
    <t>01/15/2020 17:01:47</t>
  </si>
  <si>
    <t>mail.google.com/sync/u/0/i/s?hl=pt-BR&amp;c=2009</t>
  </si>
  <si>
    <t>01/15/2020 17:00:23</t>
  </si>
  <si>
    <t>01/15/2020 17:02:11</t>
  </si>
  <si>
    <t>01/15/2020 16:57:43</t>
  </si>
  <si>
    <t>01/15/2020 16:58:20</t>
  </si>
  <si>
    <t>01/15/2020 16:59:31</t>
  </si>
  <si>
    <t>01/15/2020 17:00:57</t>
  </si>
  <si>
    <t>01/15/2020 17:04:50</t>
  </si>
  <si>
    <t>01/15/2020 17:02:34</t>
  </si>
  <si>
    <t>01/15/2020 17:02:46</t>
  </si>
  <si>
    <t>01/15/2020 17:02:59</t>
  </si>
  <si>
    <t>01/15/2020 17:03:09</t>
  </si>
  <si>
    <t>01/15/2020 17:03:16</t>
  </si>
  <si>
    <t>01/15/2020 17:03:21</t>
  </si>
  <si>
    <t>01/15/2020 17:03:25</t>
  </si>
  <si>
    <t>01/15/2020 17:03:26</t>
  </si>
  <si>
    <t>01/15/2020 17:06:50</t>
  </si>
  <si>
    <t>01/15/2020 17:06:44</t>
  </si>
  <si>
    <t>01/15/2020 17:07:50</t>
  </si>
  <si>
    <t>9cfeda68-497b-4f66-ab15-4f3c63dc9313.tmp</t>
  </si>
  <si>
    <t>\\acsfs\profiles$\gabrielamdp\Downloads\9cfeda68-497b-4f66-ab15-4f3c63dc9313.tmp</t>
  </si>
  <si>
    <t>01/15/2020 17:06:19</t>
  </si>
  <si>
    <t>01/15/2020 17:06:14</t>
  </si>
  <si>
    <t>https://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t>
  </si>
  <si>
    <t>01/15/2020 17:02:37</t>
  </si>
  <si>
    <t>mail.google.com/sync/u/0/i/s?hl=pt-BR&amp;c=231</t>
  </si>
  <si>
    <t>01/15/2020 17:02:58</t>
  </si>
  <si>
    <t>01/15/2020 17:03:03</t>
  </si>
  <si>
    <t>01/15/2020 17:03:35</t>
  </si>
  <si>
    <t>01/15/2020 17:03:47</t>
  </si>
  <si>
    <t>01/15/2020 17:03:55</t>
  </si>
  <si>
    <t>01/15/2020 17:04:11</t>
  </si>
  <si>
    <t>01/15/2020 17:05:46</t>
  </si>
  <si>
    <t>01/15/2020 17:06:25</t>
  </si>
  <si>
    <t>01/15/2020 17:08:49</t>
  </si>
  <si>
    <t>01/15/2020 17:03:36</t>
  </si>
  <si>
    <t>Cartão Brunna.pdf</t>
  </si>
  <si>
    <t>01/15/2020 17:09:50</t>
  </si>
  <si>
    <t>01/15/2020 17:05:37</t>
  </si>
  <si>
    <t>7b4ad674-020c-4023-8a47-27046c2957be.tmp</t>
  </si>
  <si>
    <t>\\acsfs\profiles$\philipegsf\Downloads\7b4ad674-020c-4023-8a47-27046c2957be.tmp</t>
  </si>
  <si>
    <t>01/15/2020 17:10:50</t>
  </si>
  <si>
    <t>01/15/2020 17:11:50</t>
  </si>
  <si>
    <t>84919e8b-b005-403d-a171-29e3f2fa9f94.tmp</t>
  </si>
  <si>
    <t>\\acsfs\profiles$\gabrielhca\Downloads\84919e8b-b005-403d-a171-29e3f2fa9f94.tmp</t>
  </si>
  <si>
    <t>01/15/2020 17:08:33</t>
  </si>
  <si>
    <t>01/15/2020 17:12:51</t>
  </si>
  <si>
    <t>C:\Users\adilsonloj\Desktop\RENEG Encaminhado Validação\</t>
  </si>
  <si>
    <t>\\acsfs\DEPTOS\Operacao\Banco_Votorantim\Comum\00 - COMUM - BV CARTÕES\RENEG\RENEG Encaminhado Validação\Reneg - Vcto 01-01-20.xlsx</t>
  </si>
  <si>
    <t>01/15/2020 17:09:35</t>
  </si>
  <si>
    <t>\\acsfs\DEPTOS\Operacao\Banco_Votorantim\Comum\00 - COMUM - BV CARTÕES\EQUIPE ADILSON\Reneg\RENEG Encaminhado Validação\Reneg - Vcto 01-01-20.xlsx</t>
  </si>
  <si>
    <t>01/15/2020 17:09:44</t>
  </si>
  <si>
    <t>\\acsfs\DEPTOS\Operacao\Banco_Votorantim\Comum\00 - COMUM - BV CARTÕES\EQUIPE ADILSON\Reneg\RENEG Encaminhado Validação\Reneg - Vcto 20-12-19.xlsx</t>
  </si>
  <si>
    <t>01/15/2020 17:09:53</t>
  </si>
  <si>
    <t>\\acsfs\DEPTOS\Operacao\Banco_Votorantim\Comum\00 - COMUM - BV CARTÕES\EQUIPE ADILSON\Reneg\RENEG Encaminhado Validação\Reneg - Vcto 26-12-19.xlsx</t>
  </si>
  <si>
    <t>01/15/2020 17:10:02</t>
  </si>
  <si>
    <t>\\acsfs\DEPTOS\Operacao\Banco_Votorantim\Comum\00 - COMUM - BV CARTÕES\EQUIPE ADILSON\Reneg\RENEG Encaminhado Validação\Reneg - Vcto 28-12-19.xlsx</t>
  </si>
  <si>
    <t>01/15/2020 17:10:07</t>
  </si>
  <si>
    <t>01/15/2020 17:10:16</t>
  </si>
  <si>
    <t>01/15/2020 17:10:25</t>
  </si>
  <si>
    <t>01/15/2020 17:10:34</t>
  </si>
  <si>
    <t>01/15/2020 17:10:39</t>
  </si>
  <si>
    <t>\\acsfs\DEPTOS\Operacao\Banco_Votorantim\Comum\00 - COMUM - BV CARTÕES\RENEG Encaminhado Validação\Reneg - Vcto 01-01-20.xlsx</t>
  </si>
  <si>
    <t>01/15/2020 17:10:48</t>
  </si>
  <si>
    <t>\\acsfs\DEPTOS\Operacao\Banco_Votorantim\Comum\00 - COMUM - BV CARTÕES\RENEG Encaminhado Validação\Reneg - Vcto 20-12-19.xlsx</t>
  </si>
  <si>
    <t>01/15/2020 17:10:57</t>
  </si>
  <si>
    <t>\\acsfs\DEPTOS\Operacao\Banco_Votorantim\Comum\00 - COMUM - BV CARTÕES\RENEG Encaminhado Validação\Reneg - Vcto 26-12-19.xlsx</t>
  </si>
  <si>
    <t>01/15/2020 17:11:06</t>
  </si>
  <si>
    <t>\\acsfs\DEPTOS\Operacao\Banco_Votorantim\Comum\00 - COMUM - BV CARTÕES\RENEG Encaminhado Validação\Reneg - Vcto 28-12-19.xlsx</t>
  </si>
  <si>
    <t>01/15/2020 17:07:24</t>
  </si>
  <si>
    <t>6e683413-cf9a-400e-ae03-b7d6f0dd3872.tmp</t>
  </si>
  <si>
    <t>\\acsfs\profiles$\ingridsm\Downloads\6e683413-cf9a-400e-ae03-b7d6f0dd3872.tmp</t>
  </si>
  <si>
    <t>01/15/2020 17:08:08</t>
  </si>
  <si>
    <t>cartao</t>
  </si>
  <si>
    <t>01/15/2020 17:09:48</t>
  </si>
  <si>
    <t>01/15/2020 17:10:11</t>
  </si>
  <si>
    <t>01/15/2020 17:10:27</t>
  </si>
  <si>
    <t>01/15/2020 17:10:33</t>
  </si>
  <si>
    <t>01/15/2020 17:10:43</t>
  </si>
  <si>
    <t>01/15/2020 17:10:46</t>
  </si>
  <si>
    <t>01/15/2020 17:10:49</t>
  </si>
  <si>
    <t>01/15/2020 17:11:14</t>
  </si>
  <si>
    <t>01/15/2020 17:11:29</t>
  </si>
  <si>
    <t>01/15/2020 17:10:59</t>
  </si>
  <si>
    <t>01/15/2020 17:15:50</t>
  </si>
  <si>
    <t>048b19cd-6437-4a88-a9f9-52f1f33939b3.tmp</t>
  </si>
  <si>
    <t>\\acsfs\profiles$\fabianobmf\Downloads\048b19cd-6437-4a88-a9f9-52f1f33939b3.tmp</t>
  </si>
  <si>
    <t>01/15/2020 17:16:51</t>
  </si>
  <si>
    <t>01/15/2020 17:17:49</t>
  </si>
  <si>
    <t>01/15/2020 17:14:41</t>
  </si>
  <si>
    <t>\\acsfs\DEPTOS\Operacao\Banco_Votorantim\Comum\00 - COMUM - BV CARTÕES\RENEG Validação\</t>
  </si>
  <si>
    <t>\\acsfs\DEPTOS\Operacao\Banco_Votorantim\Comum\00 - COMUM - BV CARTÕES\RENEG Validação\Reneg - Vcto 20-12-19.xlsx</t>
  </si>
  <si>
    <t>01/15/2020 17:12:31</t>
  </si>
  <si>
    <t>01/15/2020 17:14:40</t>
  </si>
  <si>
    <t>01/15/2020 17:14:42</t>
  </si>
  <si>
    <t>mail.google.com/sync/u/0/i/s?hl=pt-BR&amp;c=448</t>
  </si>
  <si>
    <t>01/15/2020 17:15:19</t>
  </si>
  <si>
    <t>01/15/2020 17:15:45</t>
  </si>
  <si>
    <t>01/15/2020 17:15:51</t>
  </si>
  <si>
    <t>01/15/2020 17:15:57</t>
  </si>
  <si>
    <t>01/15/2020 17:16:16</t>
  </si>
  <si>
    <t>01/15/2020 17:16:22</t>
  </si>
  <si>
    <t>01/15/2020 17:16:24</t>
  </si>
  <si>
    <t>01/15/2020 17:16:39</t>
  </si>
  <si>
    <t>01/15/2020 17:16:44</t>
  </si>
  <si>
    <t>01/15/2020 17:17:02</t>
  </si>
  <si>
    <t>01/15/2020 17:17:07</t>
  </si>
  <si>
    <t>mail.google.com/sync/u/0/i/s?hl=pt-BR&amp;c=477</t>
  </si>
  <si>
    <t>01/15/2020 17:17:11</t>
  </si>
  <si>
    <t>01/15/2020 17:17:15</t>
  </si>
  <si>
    <t>01/15/2020 17:17:18</t>
  </si>
  <si>
    <t>01/15/2020 17:17:50</t>
  </si>
  <si>
    <t>01/15/2020 17:17:21</t>
  </si>
  <si>
    <t>mail.google.com/sync/u/0/i/s?hl=pt-BR&amp;c=486</t>
  </si>
  <si>
    <t>01/15/2020 17:19:49</t>
  </si>
  <si>
    <t>01/15/2020 17:15:12</t>
  </si>
  <si>
    <t>9d91adb1-28f6-4a79-883b-b9b5b549a45a.tmp</t>
  </si>
  <si>
    <t>\\acsfs\profiles$\nathaliarmr\Downloads\9d91adb1-28f6-4a79-883b-b9b5b549a45a.tmp</t>
  </si>
  <si>
    <t>01/15/2020 17:15:26</t>
  </si>
  <si>
    <t>3bb65f14-0dc8-4591-8ee1-2a0e202228e1.tmp</t>
  </si>
  <si>
    <t>\\acsfs\profiles$\nathaliarmr\Downloads\3bb65f14-0dc8-4591-8ee1-2a0e202228e1.tmp</t>
  </si>
  <si>
    <t>01/15/2020 17:15:36</t>
  </si>
  <si>
    <t>c3bafd5c-0b6e-462d-a994-08317c3bf533.tmp</t>
  </si>
  <si>
    <t>\\acsfs\profiles$\nathaliarmr\Downloads\c3bafd5c-0b6e-462d-a994-08317c3bf533.tmp</t>
  </si>
  <si>
    <t>01/15/2020 17:15:48</t>
  </si>
  <si>
    <t>01/15/2020 17:20:50</t>
  </si>
  <si>
    <t>3da9cfbd-7657-4df8-997d-b293d0b0a86d.tmp</t>
  </si>
  <si>
    <t>\\acsfs\profiles$\fabianobmf\Downloads\3da9cfbd-7657-4df8-997d-b293d0b0a86d.tmp</t>
  </si>
  <si>
    <t>01/15/2020 17:21:51</t>
  </si>
  <si>
    <t>01/15/2020 17:22:50</t>
  </si>
  <si>
    <t>01/15/2020 17:17:12</t>
  </si>
  <si>
    <t>\\acsfs\DEPTOS\Operacao\Banco_Votorantim\Comum\00 - COMUM - BV CARTÕES\RENEG Validação\Reneg - Vcto 26-12-19.xlsx</t>
  </si>
  <si>
    <t>01/15/2020 17:17:38</t>
  </si>
  <si>
    <t>mail.google.com/sync/u/0/i/s?hl=pt-BR&amp;c=2119</t>
  </si>
  <si>
    <t>01/15/2020 17:17:44</t>
  </si>
  <si>
    <t>mail.google.com/sync/u/0/i/s?hl=pt-BR&amp;c=2121</t>
  </si>
  <si>
    <t>mail.google.com/sync/u/0/i/s?hl=pt-BR&amp;c=2128</t>
  </si>
  <si>
    <t>01/15/2020 17:25:50</t>
  </si>
  <si>
    <t>01/15/2020 17:22:19</t>
  </si>
  <si>
    <t>9c8ae07f-bff8-4e9a-8ff4-f303861f24b3.tmp</t>
  </si>
  <si>
    <t>\\acsfs\profiles$\matheusmax\Downloads\9c8ae07f-bff8-4e9a-8ff4-f303861f24b3.tmp</t>
  </si>
  <si>
    <t>01/15/2020 17:26:50</t>
  </si>
  <si>
    <t>01/15/2020 17:23:31</t>
  </si>
  <si>
    <t>01/15/2020 17:27:50</t>
  </si>
  <si>
    <t>ca2c262c-44d8-401d-9d00-183db5169aa3.tmp</t>
  </si>
  <si>
    <t>\\acsfs\profiles$\adelvinsonle\Downloads\ca2c262c-44d8-401d-9d00-183db5169aa3.tmp</t>
  </si>
  <si>
    <t>01/15/2020 17:26:22</t>
  </si>
  <si>
    <t>01/15/2020 17:28:50</t>
  </si>
  <si>
    <t>01/15/2020 17:26:48</t>
  </si>
  <si>
    <t>01/15/2020 17:27:40</t>
  </si>
  <si>
    <t>01/15/2020 17:28:27</t>
  </si>
  <si>
    <t>e2d4c2a3-e4c3-4018-9f58-27cb999d8e94.tmp</t>
  </si>
  <si>
    <t>\\acsfs\profiles$\gabrielsma\Downloads\e2d4c2a3-e4c3-4018-9f58-27cb999d8e94.tmp</t>
  </si>
  <si>
    <t>01/15/2020 17:28:29</t>
  </si>
  <si>
    <t>01/15/2020 17:29:37</t>
  </si>
  <si>
    <t>01/15/2020 17:30:50</t>
  </si>
  <si>
    <t>ef8a6042-a151-49b0-b92a-9e18de5b80fe.tmp</t>
  </si>
  <si>
    <t>\\acsfs\profiles$\Adrieledgc\Downloads\ef8a6042-a151-49b0-b92a-9e18de5b80fe.tmp</t>
  </si>
  <si>
    <t>01/15/2020 17:31:50</t>
  </si>
  <si>
    <t>01/15/2020 17:32:50</t>
  </si>
  <si>
    <t>01/15/2020 17:28:05</t>
  </si>
  <si>
    <t>01/15/2020 17:32:01</t>
  </si>
  <si>
    <t>01/15/2020 17:33:50</t>
  </si>
  <si>
    <t>01/15/2020 17:34:24</t>
  </si>
  <si>
    <t>01/15/2020 17:35:50</t>
  </si>
  <si>
    <t>2227d0ae-4810-410d-afc7-6bba647ace2f.tmp</t>
  </si>
  <si>
    <t>\\acsfs\profiles$\fabianobmf\Downloads\2227d0ae-4810-410d-afc7-6bba647ace2f.tmp</t>
  </si>
  <si>
    <t>01/15/2020 17:34:41</t>
  </si>
  <si>
    <t>83bce4b6-b41d-431b-9adf-35524058c06a.tmp</t>
  </si>
  <si>
    <t>\\acsfs\profiles$\fabianafv\Downloads\83bce4b6-b41d-431b-9adf-35524058c06a.tmp</t>
  </si>
  <si>
    <t>01/15/2020 17:36:50</t>
  </si>
  <si>
    <t>01/15/2020 17:36:51</t>
  </si>
  <si>
    <t>01/15/2020 17:35:27</t>
  </si>
  <si>
    <t>01/15/2020 17:37:50</t>
  </si>
  <si>
    <t>01/15/2020 17:35:48</t>
  </si>
  <si>
    <t>01/15/2020 17:35:51</t>
  </si>
  <si>
    <t>01/15/2020 17:36:18</t>
  </si>
  <si>
    <t>01/15/2020 17:36:22</t>
  </si>
  <si>
    <t>01/15/2020 17:32:25</t>
  </si>
  <si>
    <t>f740400e-ff61-458e-942c-7e138b6970e9.tmp</t>
  </si>
  <si>
    <t>\\acsfs\profiles$\nycolleemdj\Downloads\f740400e-ff61-458e-942c-7e138b6970e9.tmp</t>
  </si>
  <si>
    <t>01/15/2020 17:34:53</t>
  </si>
  <si>
    <t>\\acsfs\Deptos\Operacao\Banco_Votorantim\Supervisao\SUPERS BV CARTÕES\ADILSON\LAYOUT BV Cartoes Equipe.xlsx</t>
  </si>
  <si>
    <t>01/15/2020 17:36:28</t>
  </si>
  <si>
    <t>01/15/2020 17:38:50</t>
  </si>
  <si>
    <t>01/15/2020 17:35:18</t>
  </si>
  <si>
    <t>01/15/2020 17:35:29</t>
  </si>
  <si>
    <t>01/15/2020 17:35:43</t>
  </si>
  <si>
    <t>01/15/2020 17:35:52</t>
  </si>
  <si>
    <t>01/15/2020 17:36:08</t>
  </si>
  <si>
    <t>01/15/2020 17:36:09</t>
  </si>
  <si>
    <t>01/15/2020 17:36:20</t>
  </si>
  <si>
    <t>01/15/2020 17:36:23</t>
  </si>
  <si>
    <t>01/15/2020 17:36:25</t>
  </si>
  <si>
    <t>01/15/2020 17:36:26</t>
  </si>
  <si>
    <t>01/15/2020 17:36:27</t>
  </si>
  <si>
    <t>01/15/2020 17:36:29</t>
  </si>
  <si>
    <t>01/15/2020 17:36:30</t>
  </si>
  <si>
    <t>01/15/2020 17:36:31</t>
  </si>
  <si>
    <t>01/15/2020 17:36:37</t>
  </si>
  <si>
    <t>01/15/2020 17:36:38</t>
  </si>
  <si>
    <t>01/15/2020 17:36:40</t>
  </si>
  <si>
    <t>01/15/2020 17:36:41</t>
  </si>
  <si>
    <t>01/15/2020 17:36:43</t>
  </si>
  <si>
    <t>01/15/2020 17:36:46</t>
  </si>
  <si>
    <t>01/15/2020 17:36:48</t>
  </si>
  <si>
    <t>01/15/2020 17:36:56</t>
  </si>
  <si>
    <t>01/15/2020 17:36:58</t>
  </si>
  <si>
    <t>01/15/2020 17:36:59</t>
  </si>
  <si>
    <t>01/15/2020 17:37:03</t>
  </si>
  <si>
    <t>01/15/2020 17:37:04</t>
  </si>
  <si>
    <t>01/15/2020 17:37:11</t>
  </si>
  <si>
    <t>01/15/2020 17:37:13</t>
  </si>
  <si>
    <t>01/15/2020 17:37:14</t>
  </si>
  <si>
    <t>01/15/2020 17:37:16</t>
  </si>
  <si>
    <t>01/15/2020 17:37:18</t>
  </si>
  <si>
    <t>01/15/2020 17:37:49</t>
  </si>
  <si>
    <t>01/15/2020 17:39:08</t>
  </si>
  <si>
    <t>01/15/2020 17:39:50</t>
  </si>
  <si>
    <t>01/15/2020 17:41:50</t>
  </si>
  <si>
    <t>Apuração.xlsx</t>
  </si>
  <si>
    <t>01/15/2020 17:40:33</t>
  </si>
  <si>
    <t>01/15/2020 17:40:49</t>
  </si>
  <si>
    <t>01/15/2020 17:43:50</t>
  </si>
  <si>
    <t>01/15/2020 17:39:17</t>
  </si>
  <si>
    <t>b020ee6b-f9d8-454f-aadf-b28299efe3f0.tmp</t>
  </si>
  <si>
    <t>\\acsfs\profiles$\mariajaf\Downloads\b020ee6b-f9d8-454f-aadf-b28299efe3f0.tmp</t>
  </si>
  <si>
    <t>fb2343cf-36ce-4737-84f3-9cb62b8b17a5.tmp</t>
  </si>
  <si>
    <t>\\acsfs\profiles$\mariajaf\Downloads\fb2343cf-36ce-4737-84f3-9cb62b8b17a5.tmp</t>
  </si>
  <si>
    <t>01/15/2020 17:44:03</t>
  </si>
  <si>
    <t>01/15/2020 17:45:51</t>
  </si>
  <si>
    <t>01/15/2020 17:46:50</t>
  </si>
  <si>
    <t>01/15/2020 17:47:49</t>
  </si>
  <si>
    <t>01/15/2020 17:42:42</t>
  </si>
  <si>
    <t>01/15/2020 17:43:03</t>
  </si>
  <si>
    <t>01/15/2020 17:44:53</t>
  </si>
  <si>
    <t>01/15/2020 17:45:04</t>
  </si>
  <si>
    <t>01/15/2020 17:45:05</t>
  </si>
  <si>
    <t>01/15/2020 17:45:08</t>
  </si>
  <si>
    <t>01/15/2020 17:45:10</t>
  </si>
  <si>
    <t>01/15/2020 17:45:11</t>
  </si>
  <si>
    <t>01/15/2020 17:45:15</t>
  </si>
  <si>
    <t>01/15/2020 17:45:30</t>
  </si>
  <si>
    <t>01/15/2020 17:47:50</t>
  </si>
  <si>
    <t>01/15/2020 17:46:16</t>
  </si>
  <si>
    <t>01/15/2020 17:46:17</t>
  </si>
  <si>
    <t>01/15/2020 17:46:19</t>
  </si>
  <si>
    <t>01/15/2020 17:46:20</t>
  </si>
  <si>
    <t>01/15/2020 17:46:33</t>
  </si>
  <si>
    <t>01/15/2020 17:46:42</t>
  </si>
  <si>
    <t>0c3bfd66-e942-460f-bd06-bdb30092d647.tmp</t>
  </si>
  <si>
    <t>\\acsfs\profiles$\ingridsm\Downloads\0c3bfd66-e942-460f-bd06-bdb30092d647.tmp</t>
  </si>
  <si>
    <t>10.200.66.177</t>
  </si>
  <si>
    <t>\\acsfs\profiles$\leonardocb\My Documents\My Pictures\</t>
  </si>
  <si>
    <t>\\acsfs\profiles$\leonardocb\My Documents\My Videos\desktop.ini</t>
  </si>
  <si>
    <t>01/15/2020 17:44:59</t>
  </si>
  <si>
    <t>\\acsfs\profiles$\leonardocb\My Documents\My Videos\</t>
  </si>
  <si>
    <t>\\acsfs\profiles$\leonardocb\My Documents\My Music\</t>
  </si>
  <si>
    <t>\\acsfs\profiles$\leonardocb\My Documents\My Pictures\desktop.ini</t>
  </si>
  <si>
    <t>01/15/2020 17:45:16</t>
  </si>
  <si>
    <t>01/15/2020 17:45:28</t>
  </si>
  <si>
    <t>\\acsfs\profiles$\leonardocb\Contacts\</t>
  </si>
  <si>
    <t>\\acsfs\profiles$\leonardocb\Contacts\desktop.ini</t>
  </si>
  <si>
    <t>01/15/2020 17:45:39</t>
  </si>
  <si>
    <t>01/15/2020 17:45:41</t>
  </si>
  <si>
    <t>01/15/2020 17:45:42</t>
  </si>
  <si>
    <t>01/15/2020 17:45:43</t>
  </si>
  <si>
    <t>\\acsfs\profiles$\leonardocb\My Documents\</t>
  </si>
  <si>
    <t>\\acsfs\profiles$\leonardocb\Favorites\desktop.ini</t>
  </si>
  <si>
    <t>01/15/2020 17:46:32</t>
  </si>
  <si>
    <t>01/15/2020 17:46:34</t>
  </si>
  <si>
    <t>01/15/2020 17:46:36</t>
  </si>
  <si>
    <t>\\acsfs\profiles$\leonardocb\My Documents\My Music\desktop.ini</t>
  </si>
  <si>
    <t>01/15/2020 17:46:38</t>
  </si>
  <si>
    <t>01/15/2020 17:46:40</t>
  </si>
  <si>
    <t>01/15/2020 17:46:55</t>
  </si>
  <si>
    <t>01/15/2020 17:46:58</t>
  </si>
  <si>
    <t>\\acsfs\profiles$\leonardocb\Searches\</t>
  </si>
  <si>
    <t>\\acsfs\profiles$\leonardocb\Searches\desktop.ini</t>
  </si>
  <si>
    <t>01/15/2020 17:47:00</t>
  </si>
  <si>
    <t>01/15/2020 17:47:02</t>
  </si>
  <si>
    <t>01/15/2020 17:47:04</t>
  </si>
  <si>
    <t>01/15/2020 17:48:50</t>
  </si>
  <si>
    <t>01/15/2020 17:47:05</t>
  </si>
  <si>
    <t>01/15/2020 17:47:08</t>
  </si>
  <si>
    <t>\\acsfs\profiles$\leonardocb\Downloads\desktop.ini</t>
  </si>
  <si>
    <t>01/15/2020 17:47:09</t>
  </si>
  <si>
    <t>01/15/2020 17:47:12</t>
  </si>
  <si>
    <t>\\acsfs\profiles$\leonardocb\Favorites\</t>
  </si>
  <si>
    <t>\\acsfs\profiles$\leonardocb\My Documents\desktop.ini</t>
  </si>
  <si>
    <t>01/15/2020 17:47:14</t>
  </si>
  <si>
    <t>01/15/2020 17:47:16</t>
  </si>
  <si>
    <t>01/15/2020 17:47:18</t>
  </si>
  <si>
    <t>01/15/2020 17:47:20</t>
  </si>
  <si>
    <t>01/15/2020 17:47:22</t>
  </si>
  <si>
    <t>\\acsfs\profiles$\leonardocb\Saved Games\</t>
  </si>
  <si>
    <t>\\acsfs\profiles$\leonardocb\Saved Games\desktop.ini</t>
  </si>
  <si>
    <t>75c259bd-3867-4773-a649-78c686a93983.tmp</t>
  </si>
  <si>
    <t>\\acsfs\profiles$\nathaliaos\Downloads\75c259bd-3867-4773-a649-78c686a93983.tmp</t>
  </si>
  <si>
    <t>01/15/2020 17:49:51</t>
  </si>
  <si>
    <t>01/15/2020 17:46:48</t>
  </si>
  <si>
    <t>487a074d-e16b-4c1a-932b-a0a246d3248b.tmp</t>
  </si>
  <si>
    <t>\\acsfs\profiles$\myllenardl\Downloads\487a074d-e16b-4c1a-932b-a0a246d3248b.tmp</t>
  </si>
  <si>
    <t>01/15/2020 17:50:45</t>
  </si>
  <si>
    <t>01/15/2020 17:51:50</t>
  </si>
  <si>
    <t>679b722f-c4b7-4c61-b236-63583ae6591f.tmp</t>
  </si>
  <si>
    <t>\\acsfs\profiles$\andrezacapf\Downloads\679b722f-c4b7-4c61-b236-63583ae6591f.tmp</t>
  </si>
  <si>
    <t>01/15/2020 17:51:51</t>
  </si>
  <si>
    <t>01/15/2020 17:52:50</t>
  </si>
  <si>
    <t>01/15/2020 17:48:02</t>
  </si>
  <si>
    <t>01/15/2020 17:49:47</t>
  </si>
  <si>
    <t>01/15/2020 17:50:12</t>
  </si>
  <si>
    <t>01/15/2020 17:50:27</t>
  </si>
  <si>
    <t>01/15/2020 17:50:30</t>
  </si>
  <si>
    <t>01/15/2020 17:50:34</t>
  </si>
  <si>
    <t>01/15/2020 17:50:44</t>
  </si>
  <si>
    <t>01/15/2020 17:50:47</t>
  </si>
  <si>
    <t>01/15/2020 17:51:52</t>
  </si>
  <si>
    <t>01/15/2020 17:51:55</t>
  </si>
  <si>
    <t>01/15/2020 17:53:50</t>
  </si>
  <si>
    <t>winrt--{S-1-5-21-602162358-764733703-839522115-352940}-.searchconnector-ms</t>
  </si>
  <si>
    <t>\\acsfs\profiles$\leonardocb\Searches\winrt--{S-1-5-21-602162358-764733703-839522115-352940}-.searchconnector-ms</t>
  </si>
  <si>
    <t>c93c7a76-796a-4e3c-9dfb-6e7e9d3c65d1.tmp</t>
  </si>
  <si>
    <t>\\acsfs\profiles$\leonardocb\Downloads\c93c7a76-796a-4e3c-9dfb-6e7e9d3c65d1.tmp</t>
  </si>
  <si>
    <t>9390c116-67e4-45d6-aa33-6f5075b997f6.tmp</t>
  </si>
  <si>
    <t>\\acsfs\profiles$\leonardocb\Downloads\9390c116-67e4-45d6-aa33-6f5075b997f6.tmp</t>
  </si>
  <si>
    <t>01/15/2020 17:49:06</t>
  </si>
  <si>
    <t>01/15/2020 17:49:40</t>
  </si>
  <si>
    <t>mail.google.com/sync/u/0/i/s?hl=pt-BR&amp;c=5</t>
  </si>
  <si>
    <t>01/15/2020 17:49:45</t>
  </si>
  <si>
    <t>01/15/2020 17:50:05</t>
  </si>
  <si>
    <t>01/15/2020 17:50:42</t>
  </si>
  <si>
    <t>01/15/2020 17:52:23</t>
  </si>
  <si>
    <t>01/15/2020 17:54:25</t>
  </si>
  <si>
    <t>01/15/2020 17:55:50</t>
  </si>
  <si>
    <t>876a430c-5dc2-4e73-a6ca-e1d80c9fed12.tmp</t>
  </si>
  <si>
    <t>\\acsfs\profiles$\taylaedoa\Downloads\876a430c-5dc2-4e73-a6ca-e1d80c9fed12.tmp</t>
  </si>
  <si>
    <t>01/15/2020 17:56:50</t>
  </si>
  <si>
    <t>01/15/2020 17:54:23</t>
  </si>
  <si>
    <t>01/15/2020 17:57:50</t>
  </si>
  <si>
    <t>70ca2c46-4b93-4f31-85dd-2d080095a0d0.tmp</t>
  </si>
  <si>
    <t>\\acsfs\profiles$\laurandos\Downloads\70ca2c46-4b93-4f31-85dd-2d080095a0d0.tmp</t>
  </si>
  <si>
    <t>01/15/2020 17:54:22</t>
  </si>
  <si>
    <t>01/15/2020 17:56:10</t>
  </si>
  <si>
    <t>01/15/2020 17:56:53</t>
  </si>
  <si>
    <t>01/15/2020 17:57:00</t>
  </si>
  <si>
    <t>01/15/2020 17:55:55</t>
  </si>
  <si>
    <t>01/15/2020 17:53:53</t>
  </si>
  <si>
    <t>\\acsfs\profiles$\ciceraads\Downloads\</t>
  </si>
  <si>
    <t>586c022f-a8c9-4699-93e4-9873dddae883.tmp</t>
  </si>
  <si>
    <t>\\acsfs\profiles$\ciceraads\Downloads\586c022f-a8c9-4699-93e4-9873dddae883.tmp</t>
  </si>
  <si>
    <t>01/15/2020 17:54:14</t>
  </si>
  <si>
    <t>567ace28-494f-4973-9dca-f76b1a0ec49f.tmp</t>
  </si>
  <si>
    <t>\\acsfs\profiles$\ciceraads\Downloads\567ace28-494f-4973-9dca-f76b1a0ec49f.tmp</t>
  </si>
  <si>
    <t>01/15/2020 17:54:24</t>
  </si>
  <si>
    <t>129b1795-6d80-4bc1-8f3f-6c62394ebb3b.tmp</t>
  </si>
  <si>
    <t>\\acsfs\profiles$\ciceraads\Downloads\129b1795-6d80-4bc1-8f3f-6c62394ebb3b.tmp</t>
  </si>
  <si>
    <t>01/15/2020 17:56:46</t>
  </si>
  <si>
    <t>Não confirmado 916928.crdownload</t>
  </si>
  <si>
    <t>\\acsfs\profiles$\ciceraads\Downloads\Não confirmado 916928.crdownload</t>
  </si>
  <si>
    <t>4a800751-3adc-4050-ba88-adb9ccd9e9ce.tmp</t>
  </si>
  <si>
    <t>\\acsfs\profiles$\joycemmdl\Downloads\4a800751-3adc-4050-ba88-adb9ccd9e9ce.tmp</t>
  </si>
  <si>
    <t>5d5e6675-3cd2-42fa-829c-12128b6b95f6.tmp</t>
  </si>
  <si>
    <t>\\acsfs\profiles$\joycemmdl\Downloads\5d5e6675-3cd2-42fa-829c-12128b6b95f6.tmp</t>
  </si>
  <si>
    <t>01/15/2020 17:58:50</t>
  </si>
  <si>
    <t>10.200.66.129</t>
  </si>
  <si>
    <t>78-2B-CB-C1-06-43</t>
  </si>
  <si>
    <t>VOTORANT-WB007</t>
  </si>
  <si>
    <t>thaisyms</t>
  </si>
  <si>
    <t>https://udpwfmniceap02/web/guest/home?p_auth=pdr81ncs&amp;p_p_id=58&amp;p_p_lifecycle=1&amp;p_p_state=maximized&amp;p_p_mode=view&amp;savelastpath=0&amp;_58_struts_action=/login/forgot_password</t>
  </si>
  <si>
    <t>01/15/2020 17:57:51</t>
  </si>
  <si>
    <t>01/15/2020 17:58:02</t>
  </si>
  <si>
    <t>01/15/2020 18:01:50</t>
  </si>
  <si>
    <t>01/15/2020 18:02:50</t>
  </si>
  <si>
    <t>01/15/2020 18:01:20</t>
  </si>
  <si>
    <t>01/15/2020 18:01:31</t>
  </si>
  <si>
    <t>01/15/2020 18:02:03</t>
  </si>
  <si>
    <t>01/15/2020 18:01:00</t>
  </si>
  <si>
    <t>4fe19ef0-246d-4d47-a038-e2aca21b6092.tmp</t>
  </si>
  <si>
    <t>\\acsfs\profiles$\laylaams\Downloads\4fe19ef0-246d-4d47-a038-e2aca21b6092.tmp</t>
  </si>
  <si>
    <t>01/15/2020 18:03:50</t>
  </si>
  <si>
    <t>01/15/2020 18:01:45</t>
  </si>
  <si>
    <t>01/15/2020 18:02:08</t>
  </si>
  <si>
    <t>01/15/2020 18:02:09</t>
  </si>
  <si>
    <t>01/15/2020 17:59:16</t>
  </si>
  <si>
    <t>01/15/2020 18:02:49</t>
  </si>
  <si>
    <t>01/15/2020 18:04:50</t>
  </si>
  <si>
    <t>3d50a7f5-4204-495c-819e-6c1be494ab71.tmp</t>
  </si>
  <si>
    <t>\\acsfs\profiles$\fernandofs\Downloads\3d50a7f5-4204-495c-819e-6c1be494ab71.tmp</t>
  </si>
  <si>
    <t>01/15/2020 18:04:53</t>
  </si>
  <si>
    <t>01/15/2020 18:05:50</t>
  </si>
  <si>
    <t>4fa90895-0476-49e6-a0a5-d3da61264794.tmp</t>
  </si>
  <si>
    <t>\\acsfs\profiles$\taylaedoa\Downloads\4fa90895-0476-49e6-a0a5-d3da61264794.tmp</t>
  </si>
  <si>
    <t>01/15/2020 18:06:50</t>
  </si>
  <si>
    <t>01/15/2020 18:07:50</t>
  </si>
  <si>
    <t>01/15/2020 18:04:30</t>
  </si>
  <si>
    <t>01/15/2020 18:05:02</t>
  </si>
  <si>
    <t>01/15/2020 18:05:13</t>
  </si>
  <si>
    <t>Pasta1.xlsx</t>
  </si>
  <si>
    <t>01/15/2020 18:05:31</t>
  </si>
  <si>
    <t>01/15/2020 18:05:34</t>
  </si>
  <si>
    <t>01/15/2020 18:06:16</t>
  </si>
  <si>
    <t>8047f8c5-8781-40cb-b3f7-44fd16185731.tmp</t>
  </si>
  <si>
    <t>\\acsfs\profiles$\ciceraads\Downloads\8047f8c5-8781-40cb-b3f7-44fd16185731.tmp</t>
  </si>
  <si>
    <t>01/15/2020 18:07:08</t>
  </si>
  <si>
    <t>a633f040-9d1e-4e64-8655-3d11318faa1d.tmp</t>
  </si>
  <si>
    <t>\\acsfs\profiles$\laylaams\Downloads\a633f040-9d1e-4e64-8655-3d11318faa1d.tmp</t>
  </si>
  <si>
    <t>01/15/2020 18:08:50</t>
  </si>
  <si>
    <t>01/15/2020 18:04:33</t>
  </si>
  <si>
    <t>01/15/2020 18:04:39</t>
  </si>
  <si>
    <t>01/15/2020 18:05:33</t>
  </si>
  <si>
    <t>01/15/2020 18:05:58</t>
  </si>
  <si>
    <t>01/15/2020 18:06:31</t>
  </si>
  <si>
    <t>01/15/2020 18:06:45</t>
  </si>
  <si>
    <t>01/15/2020 18:06:49</t>
  </si>
  <si>
    <t>01/15/2020 18:07:12</t>
  </si>
  <si>
    <t>01/15/2020 18:07:27</t>
  </si>
  <si>
    <t>01/15/2020 18:07:55</t>
  </si>
  <si>
    <t>01/15/2020 18:08:11</t>
  </si>
  <si>
    <t>01/15/2020 18:08:14</t>
  </si>
  <si>
    <t>01/15/2020 18:08:22</t>
  </si>
  <si>
    <t>01/15/2020 18:07:52</t>
  </si>
  <si>
    <t>01/15/2020 18:09:49</t>
  </si>
  <si>
    <t>01/15/2020 18:09:43</t>
  </si>
  <si>
    <t>01/15/2020 18:11:50</t>
  </si>
  <si>
    <t>01/15/2020 18:09:46</t>
  </si>
  <si>
    <t>01/15/2020 18:09:47</t>
  </si>
  <si>
    <t>01/15/2020 18:09:48</t>
  </si>
  <si>
    <t>01/15/2020 18:09:50</t>
  </si>
  <si>
    <t>01/15/2020 18:09:51</t>
  </si>
  <si>
    <t>01/15/2020 18:09:52</t>
  </si>
  <si>
    <t>01/15/2020 18:09:53</t>
  </si>
  <si>
    <t>01/15/2020 18:09:54</t>
  </si>
  <si>
    <t>01/15/2020 18:09:56</t>
  </si>
  <si>
    <t>01/15/2020 18:09:57</t>
  </si>
  <si>
    <t>01/15/2020 18:09:58</t>
  </si>
  <si>
    <t>01/15/2020 18:09:59</t>
  </si>
  <si>
    <t>01/15/2020 18:10:00</t>
  </si>
  <si>
    <t>01/15/2020 18:10:02</t>
  </si>
  <si>
    <t>01/15/2020 18:10:03</t>
  </si>
  <si>
    <t>01/15/2020 18:10:05</t>
  </si>
  <si>
    <t>01/15/2020 18:10:07</t>
  </si>
  <si>
    <t>01/15/2020 18:10:08</t>
  </si>
  <si>
    <t>01/15/2020 18:10:09</t>
  </si>
  <si>
    <t>01/15/2020 18:10:10</t>
  </si>
  <si>
    <t>01/15/2020 18:10:11</t>
  </si>
  <si>
    <t>01/15/2020 18:10:13</t>
  </si>
  <si>
    <t>01/15/2020 18:10:15</t>
  </si>
  <si>
    <t>01/15/2020 18:10:16</t>
  </si>
  <si>
    <t>01/15/2020 18:10:17</t>
  </si>
  <si>
    <t>01/15/2020 18:10:18</t>
  </si>
  <si>
    <t>01/15/2020 18:10:19</t>
  </si>
  <si>
    <t>01/15/2020 18:10:20</t>
  </si>
  <si>
    <t>01/15/2020 18:10:21</t>
  </si>
  <si>
    <t>01/15/2020 18:10:22</t>
  </si>
  <si>
    <t>01/15/2020 18:10:24</t>
  </si>
  <si>
    <t>01/15/2020 18:10:25</t>
  </si>
  <si>
    <t>01/15/2020 18:10:40</t>
  </si>
  <si>
    <t>01/15/2020 18:12:50</t>
  </si>
  <si>
    <t>01/15/2020 18:11:15</t>
  </si>
  <si>
    <t>a7731c44-698e-445a-8eaa-245afe723de8.tmp</t>
  </si>
  <si>
    <t>\\acsfs\profiles$\nycolleemdj\Downloads\a7731c44-698e-445a-8eaa-245afe723de8.tmp</t>
  </si>
  <si>
    <t>01/15/2020 18:08:23</t>
  </si>
  <si>
    <t>01/15/2020 18:13:50</t>
  </si>
  <si>
    <t>01/15/2020 18:13:52</t>
  </si>
  <si>
    <t>01/15/2020 18:14:50</t>
  </si>
  <si>
    <t>0bb1fcee-ad58-48ea-a262-208bdb2e5c43.tmp</t>
  </si>
  <si>
    <t>\\acsfs\profiles$\brendadsl\Downloads\0bb1fcee-ad58-48ea-a262-208bdb2e5c43.tmp</t>
  </si>
  <si>
    <t>01/15/2020 18:13:06</t>
  </si>
  <si>
    <t>01/15/2020 18:16:50</t>
  </si>
  <si>
    <t>397aee90-ad92-4f96-9f99-ae0276ea4ea8.tmp</t>
  </si>
  <si>
    <t>\\acsfs\profiles$\nathaliaos\Downloads\397aee90-ad92-4f96-9f99-ae0276ea4ea8.tmp</t>
  </si>
  <si>
    <t>01/15/2020 18:14:37</t>
  </si>
  <si>
    <t>4c1eee2e-efb7-476e-8386-b68a5be6bfdc.tmp</t>
  </si>
  <si>
    <t>\\acsfs\profiles$\nathaliaos\Downloads\4c1eee2e-efb7-476e-8386-b68a5be6bfdc.tmp</t>
  </si>
  <si>
    <t>01/15/2020 18:17:49</t>
  </si>
  <si>
    <t>01/15/2020 18:13:54</t>
  </si>
  <si>
    <t>01/15/2020 18:13:58</t>
  </si>
  <si>
    <t>01/15/2020 18:13:57</t>
  </si>
  <si>
    <t>image2020-01-15-171638.zip</t>
  </si>
  <si>
    <t>\\acsfs\Deptos\Operacao\Banco_Votorantim\Supervisao\Maristela\CRBV vendas\Desligamento\image2020-01-15-171638.zip\</t>
  </si>
  <si>
    <t>image2020-01-15-171638.pdf</t>
  </si>
  <si>
    <t>01/15/2020 18:15:07</t>
  </si>
  <si>
    <t>https://algar.folhasinergyrh.com.br/rescisao/upload?id=0&amp;idsolicitacao=21537&amp;idprerescisao=0</t>
  </si>
  <si>
    <t>15/01/2020;</t>
  </si>
  <si>
    <t>https://15/01/2020</t>
  </si>
  <si>
    <t>01/15/2020 18:14:22</t>
  </si>
  <si>
    <t>01/15/2020 18:18:50</t>
  </si>
  <si>
    <t>0da86dcb-275d-4a47-85cd-acef2809c1d2.tmp</t>
  </si>
  <si>
    <t>\\acsfs\profiles$\erichds\Downloads\0da86dcb-275d-4a47-85cd-acef2809c1d2.tmp</t>
  </si>
  <si>
    <t>Advertência Cinthia.pdf</t>
  </si>
  <si>
    <t>01/15/2020 18:18:28</t>
  </si>
  <si>
    <t>01/15/2020 18:20:50</t>
  </si>
  <si>
    <t>306e214d-0b08-416c-86be-c9f4add2be82.tmp</t>
  </si>
  <si>
    <t>\\acsfs\profiles$\Adrieledgc\Downloads\306e214d-0b08-416c-86be-c9f4add2be82.tmp</t>
  </si>
  <si>
    <t>01/15/2020 18:21:50</t>
  </si>
  <si>
    <t>01/15/2020 18:23:50</t>
  </si>
  <si>
    <t>01/15/2020 18:23:08</t>
  </si>
  <si>
    <t>bfe1d287-5c6d-49c1-89ff-c39f21a334e4.tmp</t>
  </si>
  <si>
    <t>\\acsfs\profiles$\nycolleemdj\Downloads\bfe1d287-5c6d-49c1-89ff-c39f21a334e4.tmp</t>
  </si>
  <si>
    <t>01/15/2020 18:23:43</t>
  </si>
  <si>
    <t>81473b98-842c-4b7d-81de-674d7280b4a9.tmp</t>
  </si>
  <si>
    <t>\\acsfs\profiles$\nycolleemdj\Downloads\81473b98-842c-4b7d-81de-674d7280b4a9.tmp</t>
  </si>
  <si>
    <t>01/15/2020 18:26:50</t>
  </si>
  <si>
    <t>01/15/2020 18:26:15</t>
  </si>
  <si>
    <t>01/15/2020 18:27:15</t>
  </si>
  <si>
    <t>01/15/2020 18:28:50</t>
  </si>
  <si>
    <t>01/15/2020 18:27:44</t>
  </si>
  <si>
    <t>01/15/2020 18:24:34</t>
  </si>
  <si>
    <t>b27955f0-4b40-4d20-9b34-30c433b3628c.tmp</t>
  </si>
  <si>
    <t>\\acsfs\profiles$\nycolleemdj\Downloads\b27955f0-4b40-4d20-9b34-30c433b3628c.tmp</t>
  </si>
  <si>
    <t>01/15/2020 18:29:49</t>
  </si>
  <si>
    <t>261e99e1-4b7c-4dbd-aad1-f7daf02d39b2.tmp</t>
  </si>
  <si>
    <t>\\acsfs\profiles$\rafaelacdoc\Downloads\261e99e1-4b7c-4dbd-aad1-f7daf02d39b2.tmp</t>
  </si>
  <si>
    <t>01/15/2020 18:26:24</t>
  </si>
  <si>
    <t>01/15/2020 18:30:50</t>
  </si>
  <si>
    <t>10.200.66.148</t>
  </si>
  <si>
    <t>78-2B-CB-C1-05-44</t>
  </si>
  <si>
    <t>VOTORANT-IB017</t>
  </si>
  <si>
    <t>01/15/2020 18:29:25</t>
  </si>
  <si>
    <t>01/15/2020 18:31:50</t>
  </si>
  <si>
    <t>01/15/2020 18:29:39</t>
  </si>
  <si>
    <t>811793dd-a320-4b24-9399-3f2a31e66838.tmp</t>
  </si>
  <si>
    <t>\\acsfs\profiles$\myllenardl\Downloads\811793dd-a320-4b24-9399-3f2a31e66838.tmp</t>
  </si>
  <si>
    <t>01/15/2020 18:29:45</t>
  </si>
  <si>
    <t>78d5077f-d674-462e-8974-7c9e967e62a0.tmp</t>
  </si>
  <si>
    <t>\\acsfs\profiles$\myllenardl\Downloads\78d5077f-d674-462e-8974-7c9e967e62a0.tmp</t>
  </si>
  <si>
    <t>01/15/2020 18:31:06</t>
  </si>
  <si>
    <t>66652bfd-a581-4faf-987c-d8c90002df18.tmp</t>
  </si>
  <si>
    <t>\\acsfs\profiles$\myllenardl\Downloads\66652bfd-a581-4faf-987c-d8c90002df18.tmp</t>
  </si>
  <si>
    <t>01/15/2020 18:29:38</t>
  </si>
  <si>
    <t>01/15/2020 18:32:50</t>
  </si>
  <si>
    <t>e05c3adf-2345-4bf9-8fdd-c358f2768339.tmp</t>
  </si>
  <si>
    <t>\\acsfs\profiles$\laurandos\Downloads\e05c3adf-2345-4bf9-8fdd-c358f2768339.tmp</t>
  </si>
  <si>
    <t>01/15/2020 18:31:11</t>
  </si>
  <si>
    <t>01/15/2020 18:32:45</t>
  </si>
  <si>
    <t>01/15/2020 18:33:50</t>
  </si>
  <si>
    <t>01/15/2020 18:34:49</t>
  </si>
  <si>
    <t>01/15/2020 18:31:20</t>
  </si>
  <si>
    <t>01/15/2020 18:31:22</t>
  </si>
  <si>
    <t>01/15/2020 18:34:00</t>
  </si>
  <si>
    <t>01/15/2020 18:35:50</t>
  </si>
  <si>
    <t>karinarm</t>
  </si>
  <si>
    <t>01/15/2020 18:31:38</t>
  </si>
  <si>
    <t>01/15/2020 18:36:50</t>
  </si>
  <si>
    <t>dc60c754-249a-4f89-a91c-fa7e9cea42f8.tmp</t>
  </si>
  <si>
    <t>\\acsfs\profiles$\nathaliaos\Downloads\dc60c754-249a-4f89-a91c-fa7e9cea42f8.tmp</t>
  </si>
  <si>
    <t>01/15/2020 18:36:51</t>
  </si>
  <si>
    <t>01/15/2020 18:35:14</t>
  </si>
  <si>
    <t>01/15/2020 18:39:50</t>
  </si>
  <si>
    <t>13186c40-f1f8-4b0b-ac72-0f7f7113f696.tmp</t>
  </si>
  <si>
    <t>\\acsfs\profiles$\rafaelacdoc\Downloads\13186c40-f1f8-4b0b-ac72-0f7f7113f696.tmp</t>
  </si>
  <si>
    <t>01/15/2020 18:36:45</t>
  </si>
  <si>
    <t>765d282e-5036-4050-aef8-b9207e9091e1.tmp</t>
  </si>
  <si>
    <t>\\acsfs\profiles$\rafaelacdoc\Downloads\765d282e-5036-4050-aef8-b9207e9091e1.tmp</t>
  </si>
  <si>
    <t>01/15/2020 18:41:50</t>
  </si>
  <si>
    <t>01/15/2020 18:42:50</t>
  </si>
  <si>
    <t>01/15/2020 18:39:45</t>
  </si>
  <si>
    <t>a332781d-6135-4962-b70b-cd1c8da03e84.tmp</t>
  </si>
  <si>
    <t>\\acsfs\profiles$\victorgl\Downloads\a332781d-6135-4962-b70b-cd1c8da03e84.tmp</t>
  </si>
  <si>
    <t>01/15/2020 18:40:41</t>
  </si>
  <si>
    <t>e3d16961-0e96-4318-8f49-12e178498c78.tmp</t>
  </si>
  <si>
    <t>\\acsfs\profiles$\victorgl\Downloads\e3d16961-0e96-4318-8f49-12e178498c78.tmp</t>
  </si>
  <si>
    <t>01/15/2020 18:40:46</t>
  </si>
  <si>
    <t>01/15/2020 18:43:50</t>
  </si>
  <si>
    <t>5658cebe-253d-467a-b3e3-33e1925f97d4.tmp</t>
  </si>
  <si>
    <t>\\acsfs\profiles$\cintiadjl\Downloads\5658cebe-253d-467a-b3e3-33e1925f97d4.tmp</t>
  </si>
  <si>
    <t>01/15/2020 18:43:17</t>
  </si>
  <si>
    <t>01/15/2020 18:44:50</t>
  </si>
  <si>
    <t>8fd0bac7-33c6-4bcf-836f-3172b18212da.tmp</t>
  </si>
  <si>
    <t>\\acsfs\profiles$\brendadsl\Downloads\8fd0bac7-33c6-4bcf-836f-3172b18212da.tmp</t>
  </si>
  <si>
    <t>01/15/2020 18:46:50</t>
  </si>
  <si>
    <t>01/15/2020 18:47:49</t>
  </si>
  <si>
    <t>01/15/2020 18:45:41</t>
  </si>
  <si>
    <t>https://www.youtube.com/error_204?a=logerror&amp;t=jserror&amp;type=syntaxerror&amp;msg=unexpected token &lt; in json at position 0&amp;line=not available&amp;level=warning&amp;client.name=1</t>
  </si>
  <si>
    <t>01/15/2020 18:45:46</t>
  </si>
  <si>
    <t>01/15/2020 18:48:50</t>
  </si>
  <si>
    <t>01/15/2020 18:46:52</t>
  </si>
  <si>
    <t>84e0ac62-8343-4db2-8f7a-bdf934aa44aa.tmp</t>
  </si>
  <si>
    <t>\\acsfs\profiles$\cintiadjl\Downloads\84e0ac62-8343-4db2-8f7a-bdf934aa44aa.tmp</t>
  </si>
  <si>
    <t>01/15/2020 18:47:40</t>
  </si>
  <si>
    <t>4e8c0553-9d8d-42ed-8d8b-7483f346ba73.tmp</t>
  </si>
  <si>
    <t>\\acsfs\profiles$\cintiadjl\Downloads\4e8c0553-9d8d-42ed-8d8b-7483f346ba73.tmp</t>
  </si>
  <si>
    <t>01/15/2020 18:51:50</t>
  </si>
  <si>
    <t>01/15/2020 18:52:50</t>
  </si>
  <si>
    <t>01/15/2020 18:48:01</t>
  </si>
  <si>
    <t>01/15/2020 18:48:02</t>
  </si>
  <si>
    <t>01/15/2020 18:48:09</t>
  </si>
  <si>
    <t>01/15/2020 18:48:21</t>
  </si>
  <si>
    <t>01/15/2020 18:48:25</t>
  </si>
  <si>
    <t>01/15/2020 18:48:28</t>
  </si>
  <si>
    <t>01/15/2020 18:48:40</t>
  </si>
  <si>
    <t>01/15/2020 18:48:44</t>
  </si>
  <si>
    <t>01/15/2020 18:48:47</t>
  </si>
  <si>
    <t>01/15/2020 18:52:45</t>
  </si>
  <si>
    <t>01/15/2020 18:53:50</t>
  </si>
  <si>
    <t>01/15/2020 18:51:53</t>
  </si>
  <si>
    <t>01/15/2020 18:54:50</t>
  </si>
  <si>
    <t>10.200.66.197</t>
  </si>
  <si>
    <t>74-86-7A-FC-CE-DF</t>
  </si>
  <si>
    <t>VOTORANT-SB006</t>
  </si>
  <si>
    <t>otaidesadsj</t>
  </si>
  <si>
    <t>https://udpwfmniceap02/web/guest/home?p_auth=mloh4far&amp;p_p_id=58&amp;p_p_lifecycle=1&amp;p_p_state=maximized&amp;p_p_mode=view&amp;savelastpath=0&amp;_58_struts_action=/login/forgot_password</t>
  </si>
  <si>
    <t>01/15/2020 18:52:35</t>
  </si>
  <si>
    <t>01/15/2020 18:55:50</t>
  </si>
  <si>
    <t>01/15/2020 18:51:57</t>
  </si>
  <si>
    <t>01/15/2020 18:56:51</t>
  </si>
  <si>
    <t>26d21527-56ff-4bb4-ba56-dc1697244f52.tmp</t>
  </si>
  <si>
    <t>\\acsfs\profiles$\myllenardl\Downloads\26d21527-56ff-4bb4-ba56-dc1697244f52.tmp</t>
  </si>
  <si>
    <t>01/15/2020 18:57:50</t>
  </si>
  <si>
    <t>01/15/2020 18:55:37</t>
  </si>
  <si>
    <t>01/15/2020 18:58:50</t>
  </si>
  <si>
    <t>01/15/2020 18:57:18</t>
  </si>
  <si>
    <t>01/15/2020 18:55:54</t>
  </si>
  <si>
    <t>01/15/2020 18:59:50</t>
  </si>
  <si>
    <t>41cd1bc0-3f63-49b2-8b70-a94d58a89ae8.tmp</t>
  </si>
  <si>
    <t>\\acsfs\profiles$\brendadsl\Downloads\41cd1bc0-3f63-49b2-8b70-a94d58a89ae8.tmp</t>
  </si>
  <si>
    <t>01/15/2020 18:56:37</t>
  </si>
  <si>
    <t>4cbd7f4f-59cf-4bb9-bd58-6653ff53b220.tmp</t>
  </si>
  <si>
    <t>\\acsfs\profiles$\brendadsl\Downloads\4cbd7f4f-59cf-4bb9-bd58-6653ff53b220.tmp</t>
  </si>
  <si>
    <t>01/15/2020 18:56:47</t>
  </si>
  <si>
    <t>5299a72e-1ccd-4127-a848-469caea53572.tmp</t>
  </si>
  <si>
    <t>\\acsfs\profiles$\brendadsl\Downloads\5299a72e-1ccd-4127-a848-469caea53572.tmp</t>
  </si>
  <si>
    <t>01/15/2020 18:59:41</t>
  </si>
  <si>
    <t>01/15/2020 19:00:50</t>
  </si>
  <si>
    <t>1e899643-d58f-40be-9fa6-c752b0de2a06.tmp</t>
  </si>
  <si>
    <t>\\acsfs\profiles$\matheusmax\Downloads\1e899643-d58f-40be-9fa6-c752b0de2a06.tmp</t>
  </si>
  <si>
    <t>01/15/2020 19:00:07</t>
  </si>
  <si>
    <t>62196a97-87b7-4943-b7db-d128b619fd5f.tmp</t>
  </si>
  <si>
    <t>\\acsfs\profiles$\matheusmax\Downloads\62196a97-87b7-4943-b7db-d128b619fd5f.tmp</t>
  </si>
  <si>
    <t>01/15/2020 18:56:00</t>
  </si>
  <si>
    <t>7c4b89fc-4160-478c-b1f5-d528c8bf590f.tmp</t>
  </si>
  <si>
    <t>\\acsfs\profiles$\taylaedoa\Downloads\7c4b89fc-4160-478c-b1f5-d528c8bf590f.tmp</t>
  </si>
  <si>
    <t>01/15/2020 18:59:39</t>
  </si>
  <si>
    <t>86e24f20-c16e-4dad-924a-fc4e29946100.tmp</t>
  </si>
  <si>
    <t>\\acsfs\profiles$\cintiadjl\Downloads\86e24f20-c16e-4dad-924a-fc4e29946100.tmp</t>
  </si>
  <si>
    <t>01/15/2020 19:00:27</t>
  </si>
  <si>
    <t>01/15/2020 19:01:50</t>
  </si>
  <si>
    <t>01/15/2020 19:00:45</t>
  </si>
  <si>
    <t>01/15/2020 19:01:03</t>
  </si>
  <si>
    <t>01/15/2020 19:01:09</t>
  </si>
  <si>
    <t>01/15/2020 19:02:50</t>
  </si>
  <si>
    <t>01/15/2020 18:59:19</t>
  </si>
  <si>
    <t>01/15/2020 19:03:50</t>
  </si>
  <si>
    <t>01/15/2020 19:00:59</t>
  </si>
  <si>
    <t>01/15/2020 19:05:50</t>
  </si>
  <si>
    <t>31cf3e57-59ba-4672-931b-2f52905e0dd7.tmp</t>
  </si>
  <si>
    <t>\\acsfs\profiles$\cintiadjl\Downloads\31cf3e57-59ba-4672-931b-2f52905e0dd7.tmp</t>
  </si>
  <si>
    <t>01/15/2020 19:06:50</t>
  </si>
  <si>
    <t>01/15/2020 19:02:23</t>
  </si>
  <si>
    <t>C:\Users\robsonams\Documents\Diario de bordo - DEZEMBRO.pptx\</t>
  </si>
  <si>
    <t>image1.emf</t>
  </si>
  <si>
    <t>image2.emf</t>
  </si>
  <si>
    <t>C:\Users\robsonams\Documents\</t>
  </si>
  <si>
    <t>Diario de bordo - DEZEMBRO.pptx</t>
  </si>
  <si>
    <t>01/15/2020 19:02:26</t>
  </si>
  <si>
    <t>01/15/2020 19:02:36</t>
  </si>
  <si>
    <t>01/15/2020 19:07:50</t>
  </si>
  <si>
    <t>01/15/2020 19:12:50</t>
  </si>
  <si>
    <t>01/15/2020 19:11:58</t>
  </si>
  <si>
    <t>01/15/2020 19:15:50</t>
  </si>
  <si>
    <t>d3637d94-9846-438b-b593-332ce7038e8e.tmp</t>
  </si>
  <si>
    <t>\\acsfs\profiles$\fabianafv\Downloads\d3637d94-9846-438b-b593-332ce7038e8e.tmp</t>
  </si>
  <si>
    <t>01/15/2020 19:13:59</t>
  </si>
  <si>
    <t>01/15/2020 19:14:26</t>
  </si>
  <si>
    <t>01/15/2020 19:17:50</t>
  </si>
  <si>
    <t>01/15/2020 19:15:18</t>
  </si>
  <si>
    <t>01/15/2020 19:18:51</t>
  </si>
  <si>
    <t>f2261d68-6270-43ea-9601-ed8faafa5eb1.tmp</t>
  </si>
  <si>
    <t>\\acsfs\profiles$\erichds\Downloads\f2261d68-6270-43ea-9601-ed8faafa5eb1.tmp</t>
  </si>
  <si>
    <t>01/15/2020 19:19:47</t>
  </si>
  <si>
    <t>01/15/2020 19:20:50</t>
  </si>
  <si>
    <t>01/15/2020 19:22:50</t>
  </si>
  <si>
    <t>01/15/2020 19:23:27</t>
  </si>
  <si>
    <t>01/15/2020 19:25:50</t>
  </si>
  <si>
    <t>bc26887e-a979-48d5-b75a-8537b2ccd3ff.tmp</t>
  </si>
  <si>
    <t>\\acsfs\profiles$\matheusmax\Downloads\bc26887e-a979-48d5-b75a-8537b2ccd3ff.tmp</t>
  </si>
  <si>
    <t>01/15/2020 19:27:50</t>
  </si>
  <si>
    <t>01/15/2020 19:32:50</t>
  </si>
  <si>
    <t>01/15/2020 19:32:09</t>
  </si>
  <si>
    <t>01/15/2020 19:34:50</t>
  </si>
  <si>
    <t>2ca6e92e-a403-4745-9b4f-f7d26eed7682.tmp</t>
  </si>
  <si>
    <t>\\acsfs\profiles$\brendadsl\Downloads\2ca6e92e-a403-4745-9b4f-f7d26eed7682.tmp</t>
  </si>
  <si>
    <t>01/15/2020 19:37:49</t>
  </si>
  <si>
    <t>01/15/2020 19:42:49</t>
  </si>
  <si>
    <t>01/15/2020 19:45:49</t>
  </si>
  <si>
    <t>01/15/2020 19:44:48</t>
  </si>
  <si>
    <t>10.200.66.172</t>
  </si>
  <si>
    <t>01/15/2020 19:47:49</t>
  </si>
  <si>
    <t>01/15/2020 19:52:49</t>
  </si>
  <si>
    <t>01/15/2020 19:57:49</t>
  </si>
  <si>
    <t>01/15/2020 19:52:51</t>
  </si>
  <si>
    <t>b9bf050a-b8b7-4b64-a8a6-a91145e3ae95.tmp</t>
  </si>
  <si>
    <t>\\acsfs\profiles$\ingridsm\Downloads\b9bf050a-b8b7-4b64-a8a6-a91145e3ae95.tmp</t>
  </si>
  <si>
    <t>01/15/2020 19:58:14</t>
  </si>
  <si>
    <t>01/15/2020 20:00:49</t>
  </si>
  <si>
    <t>.~lock.VENDAS DEZEMBRO..!.ods#</t>
  </si>
  <si>
    <t>\\acsfs\profiles$\regisedsj\My Documents\.~lock.VENDAS DEZEMBRO..!.ods#</t>
  </si>
  <si>
    <t>01/15/2020 19:58:24</t>
  </si>
  <si>
    <t>\\acsfs\profiles$\regisedsj\My Documents\.~lock.VENDAS.ods#</t>
  </si>
  <si>
    <t>01/15/2020 19:58:35</t>
  </si>
  <si>
    <t>01/15/2020 19:58:36</t>
  </si>
  <si>
    <t>lu1572819c09c.tmp</t>
  </si>
  <si>
    <t>\\acsfs\profiles$\regisedsj\My Documents\lu1572819c09c.tmp</t>
  </si>
  <si>
    <t>\\acsfs\profiles$\regisedsj\My Documents\lu1572819c09c.tmp\</t>
  </si>
  <si>
    <t>\\acsfs\profiles$\regisedsj\My Documents\lu1572819c09c.tmp\META-INF\</t>
  </si>
  <si>
    <t>\\acsfs\profiles$\regisedsj\My Documents\lu1572819c09c.tmp\Thumbnails\</t>
  </si>
  <si>
    <t>01/15/2020 19:58:40</t>
  </si>
  <si>
    <t>01/15/2020 20:02:49</t>
  </si>
  <si>
    <t>01/15/2020 20:01:37</t>
  </si>
  <si>
    <t>01/15/2020 20:03:49</t>
  </si>
  <si>
    <t>01/15/2020 20:03:14</t>
  </si>
  <si>
    <t>01/15/2020 20:05:50</t>
  </si>
  <si>
    <t>lu1572819c09h.tmp</t>
  </si>
  <si>
    <t>\\acsfs\profiles$\regisedsj\My Documents\lu1572819c09h.tmp</t>
  </si>
  <si>
    <t>\\acsfs\profiles$\regisedsj\My Documents\lu1572819c09h.tmp\</t>
  </si>
  <si>
    <t>\\acsfs\profiles$\regisedsj\My Documents\lu1572819c09h.tmp\META-INF\</t>
  </si>
  <si>
    <t>\\acsfs\profiles$\regisedsj\My Documents\lu1572819c09h.tmp\Thumbnails\</t>
  </si>
  <si>
    <t>01/15/2020 20:03:31</t>
  </si>
  <si>
    <t>.~lock.VENDAS ATUALIZADAS JANEIRO.ods#</t>
  </si>
  <si>
    <t>\\acsfs\profiles$\regisedsj\My Documents\.~lock.VENDAS ATUALIZADAS JANEIRO.ods#</t>
  </si>
  <si>
    <t>01/15/2020 20:03:32</t>
  </si>
  <si>
    <t>lu1572819c09m.tmp</t>
  </si>
  <si>
    <t>\\acsfs\profiles$\regisedsj\My Documents\lu1572819c09m.tmp</t>
  </si>
  <si>
    <t>\\acsfs\profiles$\regisedsj\My Documents\lu1572819c09m.tmp\</t>
  </si>
  <si>
    <t>\\acsfs\profiles$\regisedsj\My Documents\lu1572819c09m.tmp\META-INF\</t>
  </si>
  <si>
    <t>\\acsfs\profiles$\regisedsj\My Documents\lu1572819c09m.tmp\Thumbnails\</t>
  </si>
  <si>
    <t>01/15/2020 20:04:44</t>
  </si>
  <si>
    <t>01/15/2020 20:07:49</t>
  </si>
  <si>
    <t>01/15/2020 20:06:53</t>
  </si>
  <si>
    <t>01/15/2020 20:06:54</t>
  </si>
  <si>
    <t>01/15/2020 20:06:55</t>
  </si>
  <si>
    <t>01/15/2020 20:06:56</t>
  </si>
  <si>
    <t>01/15/2020 20:07:00</t>
  </si>
  <si>
    <t>01/15/2020 20:07:01</t>
  </si>
  <si>
    <t>01/15/2020 20:07:02</t>
  </si>
  <si>
    <t>01/15/2020 20:07:03</t>
  </si>
  <si>
    <t>01/15/2020 20:07:04</t>
  </si>
  <si>
    <t>01/15/2020 20:07:05</t>
  </si>
  <si>
    <t>01/15/2020 20:07:06</t>
  </si>
  <si>
    <t>01/15/2020 20:07:07</t>
  </si>
  <si>
    <t>01/15/2020 20:07:13</t>
  </si>
  <si>
    <t>01/15/2020 20:07:17</t>
  </si>
  <si>
    <t>01/15/2020 20:07:22</t>
  </si>
  <si>
    <t>01/15/2020 20:07:23</t>
  </si>
  <si>
    <t>01/15/2020 20:07:24</t>
  </si>
  <si>
    <t>01/15/2020 20:07:26</t>
  </si>
  <si>
    <t>01/15/2020 20:07:28</t>
  </si>
  <si>
    <t>01/15/2020 20:07:33</t>
  </si>
  <si>
    <t>01/15/2020 20:06:16</t>
  </si>
  <si>
    <t>01/15/2020 20:08:49</t>
  </si>
  <si>
    <t>01/15/2020 20:04:16</t>
  </si>
  <si>
    <t>https://joaogvc@algartech.com,leonardoao@algartech.com,marianacds@algartech.com,marianadjc@algartech.com,paulacn@algartech.com,ricardodfm@algartech.com.br,robsonams@algartech.com,taysdss@algartech.com,thiagordu@algartech.com,viniciussg@algartech.com</t>
  </si>
  <si>
    <t>01/15/2020 20:05:13</t>
  </si>
  <si>
    <t>01/15/2020 20:09:50</t>
  </si>
  <si>
    <t>44dbbdb2-cc44-4fd7-baf5-2d9f3a735902.tmp</t>
  </si>
  <si>
    <t>\\acsfs\profiles$\brendadsl\Downloads\44dbbdb2-cc44-4fd7-baf5-2d9f3a735902.tmp</t>
  </si>
  <si>
    <t>01/15/2020 20:08:37</t>
  </si>
  <si>
    <t>01/15/2020 20:10:50</t>
  </si>
  <si>
    <t>7ab58068-3fb0-4d51-a994-247038008b03.tmp</t>
  </si>
  <si>
    <t>\\acsfs\profiles$\fabianobmf\Downloads\7ab58068-3fb0-4d51-a994-247038008b03.tmp</t>
  </si>
  <si>
    <t>01/15/2020 20:12:49</t>
  </si>
  <si>
    <t>01/15/2020 20:07:51</t>
  </si>
  <si>
    <t>01/15/2020 20:08:03</t>
  </si>
  <si>
    <t>01/15/2020 20:08:07</t>
  </si>
  <si>
    <t>01/15/2020 20:08:08</t>
  </si>
  <si>
    <t>01/15/2020 20:08:09</t>
  </si>
  <si>
    <t>01/15/2020 20:08:10</t>
  </si>
  <si>
    <t>01/15/2020 20:08:13</t>
  </si>
  <si>
    <t>01/15/2020 20:08:15</t>
  </si>
  <si>
    <t>01/15/2020 20:08:36</t>
  </si>
  <si>
    <t>01/15/2020 20:08:38</t>
  </si>
  <si>
    <t>01/15/2020 20:08:39</t>
  </si>
  <si>
    <t>01/15/2020 20:08:40</t>
  </si>
  <si>
    <t>01/15/2020 20:08:45</t>
  </si>
  <si>
    <t>01/15/2020 20:08:47</t>
  </si>
  <si>
    <t>01/15/2020 20:08:50</t>
  </si>
  <si>
    <t>01/15/2020 20:08:51</t>
  </si>
  <si>
    <t>01/15/2020 20:08:54</t>
  </si>
  <si>
    <t>01/15/2020 20:08:57</t>
  </si>
  <si>
    <t>01/15/2020 20:08:58</t>
  </si>
  <si>
    <t>01/15/2020 20:09:00</t>
  </si>
  <si>
    <t>01/15/2020 20:09:01</t>
  </si>
  <si>
    <t>01/15/2020 20:13:50</t>
  </si>
  <si>
    <t>01/15/2020 20:09:02</t>
  </si>
  <si>
    <t>01/15/2020 20:09:05</t>
  </si>
  <si>
    <t>01/15/2020 20:09:06</t>
  </si>
  <si>
    <t>01/15/2020 20:09:07</t>
  </si>
  <si>
    <t>01/15/2020 20:09:16</t>
  </si>
  <si>
    <t>01/15/2020 20:09:19</t>
  </si>
  <si>
    <t>01/15/2020 20:09:20</t>
  </si>
  <si>
    <t>01/15/2020 20:09:21</t>
  </si>
  <si>
    <t>01/15/2020 20:09:25</t>
  </si>
  <si>
    <t>01/15/2020 20:09:26</t>
  </si>
  <si>
    <t>01/15/2020 20:09:28</t>
  </si>
  <si>
    <t>01/15/2020 20:09:32</t>
  </si>
  <si>
    <t>01/15/2020 20:09:33</t>
  </si>
  <si>
    <t>01/15/2020 20:09:34</t>
  </si>
  <si>
    <t>01/15/2020 20:09:35</t>
  </si>
  <si>
    <t>01/15/2020 20:09:36</t>
  </si>
  <si>
    <t>01/15/2020 20:09:38</t>
  </si>
  <si>
    <t>01/15/2020 20:09:39</t>
  </si>
  <si>
    <t>01/15/2020 20:09:40</t>
  </si>
  <si>
    <t>01/15/2020 20:09:43</t>
  </si>
  <si>
    <t>01/15/2020 20:09:44</t>
  </si>
  <si>
    <t>01/15/2020 20:09:46</t>
  </si>
  <si>
    <t>01/15/2020 20:09:48</t>
  </si>
  <si>
    <t>01/15/2020 20:09:51</t>
  </si>
  <si>
    <t>01/15/2020 20:09:55</t>
  </si>
  <si>
    <t>01/15/2020 20:10:00</t>
  </si>
  <si>
    <t>01/15/2020 20:10:51</t>
  </si>
  <si>
    <t>01/15/2020 20:15:49</t>
  </si>
  <si>
    <t>01/15/2020 20:10:27</t>
  </si>
  <si>
    <t>01/15/2020 20:17:50</t>
  </si>
  <si>
    <t>01/15/2020 20:13:04</t>
  </si>
  <si>
    <t>01/15/2020 20:18:50</t>
  </si>
  <si>
    <t>01/15/2020 20:13:08</t>
  </si>
  <si>
    <t>01/15/2020 20:13:14</t>
  </si>
  <si>
    <t>01/15/2020 20:13:24</t>
  </si>
  <si>
    <t>01/15/2020 20:13:26</t>
  </si>
  <si>
    <t>01/15/2020 20:13:27</t>
  </si>
  <si>
    <t>01/15/2020 20:13:28</t>
  </si>
  <si>
    <t>01/15/2020 20:13:32</t>
  </si>
  <si>
    <t>01/15/2020 20:13:37</t>
  </si>
  <si>
    <t>01/15/2020 20:13:48</t>
  </si>
  <si>
    <t>01/15/2020 20:13:54</t>
  </si>
  <si>
    <t>01/15/2020 20:13:55</t>
  </si>
  <si>
    <t>01/15/2020 20:13:57</t>
  </si>
  <si>
    <t>01/15/2020 20:13:58</t>
  </si>
  <si>
    <t>01/15/2020 20:14:01</t>
  </si>
  <si>
    <t>01/15/2020 20:19:50</t>
  </si>
  <si>
    <t>01/15/2020 20:14:37</t>
  </si>
  <si>
    <t>d03096c4-c265-4b91-8e4e-15199b66f6e5;</t>
  </si>
  <si>
    <t>01/15/2020 20:15:32</t>
  </si>
  <si>
    <t>01/15/2020 20:20:49</t>
  </si>
  <si>
    <t>01/15/2020 20:15:36</t>
  </si>
  <si>
    <t>01/15/2020 20:22:49</t>
  </si>
  <si>
    <t>01/15/2020 20:23:50</t>
  </si>
  <si>
    <t>01/15/2020 20:21:16</t>
  </si>
  <si>
    <t>01/15/2020 20:24:49</t>
  </si>
  <si>
    <t>01/15/2020 20:20:47</t>
  </si>
  <si>
    <t>01/15/2020 20:20:56</t>
  </si>
  <si>
    <t>01/15/2020 20:21:03</t>
  </si>
  <si>
    <t>01/15/2020 20:21:08</t>
  </si>
  <si>
    <t>01/15/2020 20:21:42</t>
  </si>
  <si>
    <t>01/15/2020 20:21:47</t>
  </si>
  <si>
    <t>01/15/2020 20:22:10</t>
  </si>
  <si>
    <t>01/15/2020 20:22:15</t>
  </si>
  <si>
    <t>01/15/2020 20:22:43</t>
  </si>
  <si>
    <t>01/15/2020 20:22:59</t>
  </si>
  <si>
    <t>01/15/2020 20:23:09</t>
  </si>
  <si>
    <t>01/15/2020 20:25:49</t>
  </si>
  <si>
    <t>01/15/2020 20:22:56</t>
  </si>
  <si>
    <t>01/15/2020 20:23:27</t>
  </si>
  <si>
    <t>01/15/2020 20:27:49</t>
  </si>
  <si>
    <t>be5580d0-6491-4297-aae1-251e0781732c.tmp</t>
  </si>
  <si>
    <t>\\acsfs\profiles$\gabrielamdp\Downloads\be5580d0-6491-4297-aae1-251e0781732c.tmp</t>
  </si>
  <si>
    <t>01/15/2020 20:25:36</t>
  </si>
  <si>
    <t>01/15/2020 20:28:50</t>
  </si>
  <si>
    <t>01/15/2020 20:25:38</t>
  </si>
  <si>
    <t>01/15/2020 20:25:41</t>
  </si>
  <si>
    <t>01/15/2020 20:25:42</t>
  </si>
  <si>
    <t>01/15/2020 20:25:45</t>
  </si>
  <si>
    <t>01/15/2020 20:25:48</t>
  </si>
  <si>
    <t>01/15/2020 20:26:05</t>
  </si>
  <si>
    <t>01/15/2020 20:26:07</t>
  </si>
  <si>
    <t>01/15/2020 20:26:08</t>
  </si>
  <si>
    <t>01/15/2020 20:26:09</t>
  </si>
  <si>
    <t>01/15/2020 20:26:10</t>
  </si>
  <si>
    <t>01/15/2020 20:26:15</t>
  </si>
  <si>
    <t>01/15/2020 20:26:16</t>
  </si>
  <si>
    <t>01/15/2020 20:26:29</t>
  </si>
  <si>
    <t>01/15/2020 20:26:33</t>
  </si>
  <si>
    <t>01/15/2020 20:26:34</t>
  </si>
  <si>
    <t>01/15/2020 20:26:35</t>
  </si>
  <si>
    <t>01/15/2020 20:26:41</t>
  </si>
  <si>
    <t>01/15/2020 20:26:48</t>
  </si>
  <si>
    <t>01/15/2020 20:26:53</t>
  </si>
  <si>
    <t>01/15/2020 20:26:54</t>
  </si>
  <si>
    <t>01/15/2020 20:26:59</t>
  </si>
  <si>
    <t>01/15/2020 20:27:02</t>
  </si>
  <si>
    <t>01/15/2020 20:27:04</t>
  </si>
  <si>
    <t>01/15/2020 20:27:05</t>
  </si>
  <si>
    <t>01/15/2020 20:27:07</t>
  </si>
  <si>
    <t>01/15/2020 20:27:10</t>
  </si>
  <si>
    <t>01/15/2020 20:27:11</t>
  </si>
  <si>
    <t>01/15/2020 20:27:18</t>
  </si>
  <si>
    <t>01/15/2020 20:27:19</t>
  </si>
  <si>
    <t>01/15/2020 20:27:20</t>
  </si>
  <si>
    <t>01/15/2020 20:27:24</t>
  </si>
  <si>
    <t>01/15/2020 20:27:25</t>
  </si>
  <si>
    <t>01/15/2020 20:27:48</t>
  </si>
  <si>
    <t>01/15/2020 20:27:50</t>
  </si>
  <si>
    <t>01/15/2020 20:30:50</t>
  </si>
  <si>
    <t>01/15/2020 20:26:12</t>
  </si>
  <si>
    <t>01/15/2020 20:29:03</t>
  </si>
  <si>
    <t>01/15/2020 20:32:50</t>
  </si>
  <si>
    <t>01/15/2020 20:27:51</t>
  </si>
  <si>
    <t>01/15/2020 20:33:50</t>
  </si>
  <si>
    <t>01/15/2020 20:27:52</t>
  </si>
  <si>
    <t>01/15/2020 20:27:55</t>
  </si>
  <si>
    <t>01/15/2020 20:27:57</t>
  </si>
  <si>
    <t>01/15/2020 20:28:04</t>
  </si>
  <si>
    <t>01/15/2020 20:28:09</t>
  </si>
  <si>
    <t>01/15/2020 20:28:10</t>
  </si>
  <si>
    <t>01/15/2020 20:28:11</t>
  </si>
  <si>
    <t>01/15/2020 20:28:14</t>
  </si>
  <si>
    <t>01/15/2020 20:28:16</t>
  </si>
  <si>
    <t>01/15/2020 20:28:40</t>
  </si>
  <si>
    <t>01/15/2020 20:28:43</t>
  </si>
  <si>
    <t>01/15/2020 20:28:44</t>
  </si>
  <si>
    <t>01/15/2020 20:28:45</t>
  </si>
  <si>
    <t>01/15/2020 20:28:51</t>
  </si>
  <si>
    <t>01/15/2020 20:30:39</t>
  </si>
  <si>
    <t>01/15/2020 20:30:41</t>
  </si>
  <si>
    <t>01/15/2020 20:30:42</t>
  </si>
  <si>
    <t>01/15/2020 20:30:43</t>
  </si>
  <si>
    <t>01/15/2020 20:30:44</t>
  </si>
  <si>
    <t>01/15/2020 20:30:47</t>
  </si>
  <si>
    <t>01/15/2020 20:30:49</t>
  </si>
  <si>
    <t>01/15/2020 20:30:51</t>
  </si>
  <si>
    <t>01/15/2020 20:30:52</t>
  </si>
  <si>
    <t>01/15/2020 20:30:53</t>
  </si>
  <si>
    <t>01/15/2020 20:30:54</t>
  </si>
  <si>
    <t>01/15/2020 20:30:58</t>
  </si>
  <si>
    <t>01/15/2020 20:28:13</t>
  </si>
  <si>
    <t>01/15/2020 20:34:50</t>
  </si>
  <si>
    <t>01/15/2020 20:33:42</t>
  </si>
  <si>
    <t>efb59477-c859-4262-9aba-fc133de8b1a7.tmp</t>
  </si>
  <si>
    <t>\\acsfs\profiles$\rafaelacdoc\Downloads\efb59477-c859-4262-9aba-fc133de8b1a7.tmp</t>
  </si>
  <si>
    <t>01/15/2020 20:33:22</t>
  </si>
  <si>
    <t>01/15/2020 20:35:50</t>
  </si>
  <si>
    <t>01/15/2020 20:33:14</t>
  </si>
  <si>
    <t>01/15/2020 20:33:19</t>
  </si>
  <si>
    <t>01/15/2020 20:31:34</t>
  </si>
  <si>
    <t>ea0d262f-959b-4aad-8f9d-6f12500f79e1.tmp</t>
  </si>
  <si>
    <t>\\acsfs\profiles$\taylaedoa\Downloads\ea0d262f-959b-4aad-8f9d-6f12500f79e1.tmp</t>
  </si>
  <si>
    <t>01/15/2020 20:37:50</t>
  </si>
  <si>
    <t>01/15/2020 20:34:54</t>
  </si>
  <si>
    <t>01/15/2020 20:38:50</t>
  </si>
  <si>
    <t>01/15/2020 20:34:56</t>
  </si>
  <si>
    <t>01/15/2020 20:35:15</t>
  </si>
  <si>
    <t>01/15/2020 20:35:19</t>
  </si>
  <si>
    <t>01/15/2020 20:35:20</t>
  </si>
  <si>
    <t>01/15/2020 20:35:21</t>
  </si>
  <si>
    <t>01/15/2020 20:35:26</t>
  </si>
  <si>
    <t>01/15/2020 20:35:27</t>
  </si>
  <si>
    <t>01/15/2020 20:35:29</t>
  </si>
  <si>
    <t>01/15/2020 20:35:30</t>
  </si>
  <si>
    <t>01/15/2020 20:35:31</t>
  </si>
  <si>
    <t>01/15/2020 20:35:32</t>
  </si>
  <si>
    <t>01/15/2020 20:35:37</t>
  </si>
  <si>
    <t>01/15/2020 20:35:59</t>
  </si>
  <si>
    <t>01/15/2020 20:36:18</t>
  </si>
  <si>
    <t>01/15/2020 20:36:20</t>
  </si>
  <si>
    <t>01/15/2020 20:36:21</t>
  </si>
  <si>
    <t>01/15/2020 20:36:22</t>
  </si>
  <si>
    <t>01/15/2020 20:36:24</t>
  </si>
  <si>
    <t>01/15/2020 20:36:27</t>
  </si>
  <si>
    <t>01/15/2020 20:36:29</t>
  </si>
  <si>
    <t>01/15/2020 20:36:32</t>
  </si>
  <si>
    <t>01/15/2020 20:36:33</t>
  </si>
  <si>
    <t>01/15/2020 20:36:35</t>
  </si>
  <si>
    <t>01/15/2020 20:36:36</t>
  </si>
  <si>
    <t>01/15/2020 20:36:41</t>
  </si>
  <si>
    <t>01/15/2020 20:36:47</t>
  </si>
  <si>
    <t>01/15/2020 20:36:48</t>
  </si>
  <si>
    <t>01/15/2020 20:36:49</t>
  </si>
  <si>
    <t>01/15/2020 20:37:24</t>
  </si>
  <si>
    <t>01/15/2020 20:37:25</t>
  </si>
  <si>
    <t>01/15/2020 20:37:26</t>
  </si>
  <si>
    <t>01/15/2020 20:37:27</t>
  </si>
  <si>
    <t>01/15/2020 20:37:41</t>
  </si>
  <si>
    <t>01/15/2020 20:37:44</t>
  </si>
  <si>
    <t>01/15/2020 20:37:46</t>
  </si>
  <si>
    <t>01/15/2020 20:37:48</t>
  </si>
  <si>
    <t>01/15/2020 20:35:22</t>
  </si>
  <si>
    <t>01/15/2020 20:40:50</t>
  </si>
  <si>
    <t>5ec84fae-c305-4b48-8c39-b18fbfa920b8.tmp</t>
  </si>
  <si>
    <t>\\acsfs\profiles$\fabianafv\Downloads\5ec84fae-c305-4b48-8c39-b18fbfa920b8.tmp</t>
  </si>
  <si>
    <t>01/15/2020 20:42:51</t>
  </si>
  <si>
    <t>01/15/2020 20:41:59</t>
  </si>
  <si>
    <t>01/15/2020 20:45:50</t>
  </si>
  <si>
    <t>01/15/2020 20:42:59</t>
  </si>
  <si>
    <t>01/15/2020 20:47:50</t>
  </si>
  <si>
    <t>01/15/2020 20:48:50</t>
  </si>
  <si>
    <t>01/15/2020 20:47:48</t>
  </si>
  <si>
    <t>01/15/2020 20:47:51</t>
  </si>
  <si>
    <t>01/15/2020 20:47:52</t>
  </si>
  <si>
    <t>01/15/2020 20:47:56</t>
  </si>
  <si>
    <t>01/15/2020 20:47:57</t>
  </si>
  <si>
    <t>01/15/2020 20:49:50</t>
  </si>
  <si>
    <t>01/15/2020 20:48:58</t>
  </si>
  <si>
    <t>672a4c03-3efe-4b5a-8c0e-1b4d78b9fea9.tmp</t>
  </si>
  <si>
    <t>\\acsfs\profiles$\andressamf\Downloads\672a4c03-3efe-4b5a-8c0e-1b4d78b9fea9.tmp</t>
  </si>
  <si>
    <t>01/15/2020 20:48:44</t>
  </si>
  <si>
    <t>lu117049zky.tmp</t>
  </si>
  <si>
    <t>\\acsfs\profiles$\jalilebds\Downloads\lu117049zky.tmp</t>
  </si>
  <si>
    <t>01/15/2020 20:52:50</t>
  </si>
  <si>
    <t>01/15/2020 20:48:00</t>
  </si>
  <si>
    <t>01/15/2020 20:53:50</t>
  </si>
  <si>
    <t>01/15/2020 20:48:01</t>
  </si>
  <si>
    <t>01/15/2020 20:48:02</t>
  </si>
  <si>
    <t>01/15/2020 20:48:07</t>
  </si>
  <si>
    <t>bgrayenywbdwabdfxvdoe0fctvkjgasmw1dktlxrqljcc0c=;</t>
  </si>
  <si>
    <t>https://bgrayenywbdwabdfxvdoe0fctvkjgasmw1dktlxrqljcc0c=</t>
  </si>
  <si>
    <t>01/15/2020 20:48:12</t>
  </si>
  <si>
    <t>01/15/2020 20:48:23</t>
  </si>
  <si>
    <t>01/15/2020 20:48:26</t>
  </si>
  <si>
    <t>01/15/2020 20:48:29</t>
  </si>
  <si>
    <t>01/15/2020 20:48:30</t>
  </si>
  <si>
    <t>01/15/2020 20:48:31</t>
  </si>
  <si>
    <t>01/15/2020 20:48:37</t>
  </si>
  <si>
    <t>01/15/2020 20:48:42</t>
  </si>
  <si>
    <t>01/15/2020 20:48:59</t>
  </si>
  <si>
    <t>01/15/2020 20:49:12</t>
  </si>
  <si>
    <t>01/15/2020 20:50:56</t>
  </si>
  <si>
    <t>01/15/2020 20:54:50</t>
  </si>
  <si>
    <t>01/15/2020 20:51:04</t>
  </si>
  <si>
    <t>01/15/2020 20:51:13</t>
  </si>
  <si>
    <t>01/15/2020 20:51:46</t>
  </si>
  <si>
    <t>01/15/2020 20:51:50</t>
  </si>
  <si>
    <t>01/15/2020 20:52:30</t>
  </si>
  <si>
    <t>01/15/2020 20:52:44</t>
  </si>
  <si>
    <t>01/15/2020 20:52:45</t>
  </si>
  <si>
    <t>01/15/2020 20:52:49</t>
  </si>
  <si>
    <t>01/15/2020 20:52:52</t>
  </si>
  <si>
    <t>01/15/2020 20:52:46</t>
  </si>
  <si>
    <t>01/15/2020 20:52:47</t>
  </si>
  <si>
    <t>lu117049zl1.tmp</t>
  </si>
  <si>
    <t>\\acsfs\profiles$\jalilebds\Downloads\lu117049zl1.tmp</t>
  </si>
  <si>
    <t>01/15/2020 20:55:18</t>
  </si>
  <si>
    <t>01/15/2020 20:56:50</t>
  </si>
  <si>
    <t>301b95a2-296e-4399-9c41-8e13fcee8a53.tmp</t>
  </si>
  <si>
    <t>\\acsfs\profiles$\regisadsa\Downloads\301b95a2-296e-4399-9c41-8e13fcee8a53.tmp</t>
  </si>
  <si>
    <t>01/15/2020 20:57:50</t>
  </si>
  <si>
    <t>01/15/2020 20:55:55</t>
  </si>
  <si>
    <t>01/15/2020 20:58:50</t>
  </si>
  <si>
    <t>01/15/2020 20:55:56</t>
  </si>
  <si>
    <t>01/15/2020 20:55:57</t>
  </si>
  <si>
    <t>01/15/2020 20:55:59</t>
  </si>
  <si>
    <t>01/15/2020 20:56:00</t>
  </si>
  <si>
    <t>01/15/2020 20:56:05</t>
  </si>
  <si>
    <t>01/15/2020 20:56:32</t>
  </si>
  <si>
    <t>01/15/2020 20:56:38</t>
  </si>
  <si>
    <t>01/15/2020 20:56:39</t>
  </si>
  <si>
    <t>01/15/2020 20:56:40</t>
  </si>
  <si>
    <t>01/15/2020 20:56:45</t>
  </si>
  <si>
    <t>01/15/2020 20:56:46</t>
  </si>
  <si>
    <t>01/15/2020 20:56:47</t>
  </si>
  <si>
    <t>01/15/2020 20:56:49</t>
  </si>
  <si>
    <t>01/15/2020 20:56:52</t>
  </si>
  <si>
    <t>01/15/2020 20:56:54</t>
  </si>
  <si>
    <t>01/15/2020 20:56:55</t>
  </si>
  <si>
    <t>01/15/2020 20:56:56</t>
  </si>
  <si>
    <t>01/15/2020 20:56:57</t>
  </si>
  <si>
    <t>01/15/2020 20:56:58</t>
  </si>
  <si>
    <t>01/15/2020 20:57:00</t>
  </si>
  <si>
    <t>01/15/2020 20:57:01</t>
  </si>
  <si>
    <t>01/15/2020 20:57:06</t>
  </si>
  <si>
    <t>01/15/2020 20:57:08</t>
  </si>
  <si>
    <t>01/15/2020 20:57:09</t>
  </si>
  <si>
    <t>01/15/2020 20:57:11</t>
  </si>
  <si>
    <t>01/15/2020 20:57:13</t>
  </si>
  <si>
    <t>01/15/2020 20:57:15</t>
  </si>
  <si>
    <t>01/15/2020 20:57:16</t>
  </si>
  <si>
    <t>01/15/2020 20:57:17</t>
  </si>
  <si>
    <t>01/15/2020 20:57:18</t>
  </si>
  <si>
    <t>01/15/2020 20:57:19</t>
  </si>
  <si>
    <t>01/15/2020 20:57:20</t>
  </si>
  <si>
    <t>01/15/2020 20:57:22</t>
  </si>
  <si>
    <t>01/15/2020 20:57:25</t>
  </si>
  <si>
    <t>01/15/2020 20:57:39</t>
  </si>
  <si>
    <t>01/15/2020 20:57:40</t>
  </si>
  <si>
    <t>01/15/2020 21:02:50</t>
  </si>
  <si>
    <t>01/15/2020 21:01:46</t>
  </si>
  <si>
    <t>01/15/2020 21:03:50</t>
  </si>
  <si>
    <t>01/15/2020 20:58:09</t>
  </si>
  <si>
    <t>01/15/2020 20:58:44</t>
  </si>
  <si>
    <t>01/15/2020 20:58:47</t>
  </si>
  <si>
    <t>01/15/2020 20:58:48</t>
  </si>
  <si>
    <t>01/15/2020 20:58:49</t>
  </si>
  <si>
    <t>01/15/2020 20:58:52</t>
  </si>
  <si>
    <t>01/15/2020 20:58:57</t>
  </si>
  <si>
    <t>01/15/2020 21:01:19</t>
  </si>
  <si>
    <t>01/15/2020 21:01:20</t>
  </si>
  <si>
    <t>01/15/2020 21:02:17</t>
  </si>
  <si>
    <t>01/15/2020 21:04:50</t>
  </si>
  <si>
    <t>01/15/2020 21:03:11</t>
  </si>
  <si>
    <t>324f461b-79e4-4b18-9259-fa91b1c7d16d.tmp</t>
  </si>
  <si>
    <t>\\acsfs\profiles$\regisadsa\Downloads\324f461b-79e4-4b18-9259-fa91b1c7d16d.tmp</t>
  </si>
  <si>
    <t>01/15/2020 21:04:28</t>
  </si>
  <si>
    <t>01/15/2020 21:05:50</t>
  </si>
  <si>
    <t>67d7ce4b-a577-49bb-90a6-dfa298cb1ec2.tmp</t>
  </si>
  <si>
    <t>\\acsfs\profiles$\fabianafv\Downloads\67d7ce4b-a577-49bb-90a6-dfa298cb1ec2.tmp</t>
  </si>
  <si>
    <t>01/15/2020 21:07:50</t>
  </si>
  <si>
    <t>01/15/2020 21:08:49</t>
  </si>
  <si>
    <t>b1cc2509-535b-4e85-9b8b-f6c0ff3d1d5f.tmp</t>
  </si>
  <si>
    <t>\\acsfs\profiles$\victorgl\Downloads\b1cc2509-535b-4e85-9b8b-f6c0ff3d1d5f.tmp</t>
  </si>
  <si>
    <t>01/15/2020 21:09:49</t>
  </si>
  <si>
    <t>01/15/2020 21:07:13</t>
  </si>
  <si>
    <t>f3fe99f4-f69d-4d27-bb4d-5420ebc894a2.tmp</t>
  </si>
  <si>
    <t>\\acsfs\profiles$\regisadsa\Downloads\f3fe99f4-f69d-4d27-bb4d-5420ebc894a2.tmp</t>
  </si>
  <si>
    <t>01/15/2020 21:07:18</t>
  </si>
  <si>
    <t>6eb07ce2-d01a-4213-8514-8c3ceb7744b7.tmp</t>
  </si>
  <si>
    <t>\\acsfs\profiles$\regisadsa\Downloads\6eb07ce2-d01a-4213-8514-8c3ceb7744b7.tmp</t>
  </si>
  <si>
    <t>01/15/2020 21:07:40</t>
  </si>
  <si>
    <t>8dea7690-6979-4c2d-bb84-956b2ebdea24.tmp</t>
  </si>
  <si>
    <t>\\acsfs\profiles$\regisadsa\Downloads\8dea7690-6979-4c2d-bb84-956b2ebdea24.tmp</t>
  </si>
  <si>
    <t>01/15/2020 21:08:44</t>
  </si>
  <si>
    <t>a7d12280-dee4-4d22-a305-bf955c1c9d28.tmp</t>
  </si>
  <si>
    <t>\\acsfs\profiles$\regisadsa\Downloads\a7d12280-dee4-4d22-a305-bf955c1c9d28.tmp</t>
  </si>
  <si>
    <t>01/15/2020 21:09:04</t>
  </si>
  <si>
    <t>01/15/2020 21:12:50</t>
  </si>
  <si>
    <t>e7d21023-2eb7-4bd8-8bf8-c634fb10e50c.tmp</t>
  </si>
  <si>
    <t>\\acsfs\profiles$\gabrielamdp\Downloads\e7d21023-2eb7-4bd8-8bf8-c634fb10e50c.tmp</t>
  </si>
  <si>
    <t>01/15/2020 21:09:06</t>
  </si>
  <si>
    <t>3dcee751-7710-4944-b7f5-eb7fd7d597f5.tmp</t>
  </si>
  <si>
    <t>\\acsfs\profiles$\gabrielamdp\Downloads\3dcee751-7710-4944-b7f5-eb7fd7d597f5.tmp</t>
  </si>
  <si>
    <t>01/15/2020 21:10:16</t>
  </si>
  <si>
    <t>01/15/2020 21:14:50</t>
  </si>
  <si>
    <t>be0209c9-cb9e-4a39-864b-f9990cbac029.tmp</t>
  </si>
  <si>
    <t>\\acsfs\profiles$\andressamf\Downloads\be0209c9-cb9e-4a39-864b-f9990cbac029.tmp</t>
  </si>
  <si>
    <t>01/15/2020 21:11:16</t>
  </si>
  <si>
    <t>a2c265f1-4057-4897-af03-dca9371e7fef.tmp</t>
  </si>
  <si>
    <t>\\acsfs\profiles$\andressamf\Downloads\a2c265f1-4057-4897-af03-dca9371e7fef.tmp</t>
  </si>
  <si>
    <t>01/15/2020 21:15:49</t>
  </si>
  <si>
    <t>01/15/2020 21:12:54</t>
  </si>
  <si>
    <t>XLOG_anakcs_15012020_150301.log</t>
  </si>
  <si>
    <t>\\acsfs\profiles$\anakcs\My Documents\xworkcenter\logs\XLOG_anakcs_15012020_150301.log</t>
  </si>
  <si>
    <t>01/15/2020 21:14:28</t>
  </si>
  <si>
    <t>01/15/2020 21:14:29</t>
  </si>
  <si>
    <t>01/15/2020 21:14:30</t>
  </si>
  <si>
    <t>01/15/2020 21:14:31</t>
  </si>
  <si>
    <t>01/15/2020 21:14:32</t>
  </si>
  <si>
    <t>01/15/2020 21:14:33</t>
  </si>
  <si>
    <t>01/15/2020 21:14:34</t>
  </si>
  <si>
    <t>01/15/2020 21:14:35</t>
  </si>
  <si>
    <t>01/15/2020 21:14:36</t>
  </si>
  <si>
    <t>01/15/2020 21:14:37</t>
  </si>
  <si>
    <t>01/15/2020 21:14:38</t>
  </si>
  <si>
    <t>01/15/2020 21:14:39</t>
  </si>
  <si>
    <t>01/15/2020 21:14:40</t>
  </si>
  <si>
    <t>01/15/2020 21:14:41</t>
  </si>
  <si>
    <t>01/15/2020 21:14:42</t>
  </si>
  <si>
    <t>01/15/2020 21:14:43</t>
  </si>
  <si>
    <t>01/15/2020 21:14:44</t>
  </si>
  <si>
    <t>01/15/2020 21:14:45</t>
  </si>
  <si>
    <t>01/15/2020 21:14:46</t>
  </si>
  <si>
    <t>01/15/2020 21:17:50</t>
  </si>
  <si>
    <t>01/15/2020 21:18:18</t>
  </si>
  <si>
    <t>01/15/2020 21:18:49</t>
  </si>
  <si>
    <t>3ad243b8-323d-4f3a-8674-7d287bb23ec6.tmp</t>
  </si>
  <si>
    <t>\\acsfs\profiles$\KARENJSS\Downloads\3ad243b8-323d-4f3a-8674-7d287bb23ec6.tmp</t>
  </si>
  <si>
    <t>01/15/2020 21:19:58</t>
  </si>
  <si>
    <t>01/15/2020 21:20:50</t>
  </si>
  <si>
    <t>XLOG_anakcs_15012020_211421.log</t>
  </si>
  <si>
    <t>\\acsfs\profiles$\anakcs\My Documents\xworkcenter\logs\XLOG_anakcs_15012020_211421.log</t>
  </si>
  <si>
    <t>01/15/2020 21:22:50</t>
  </si>
  <si>
    <t>01/15/2020 21:27:50</t>
  </si>
  <si>
    <t>01/15/2020 21:32:51</t>
  </si>
  <si>
    <t>01/15/2020 21:32:24</t>
  </si>
  <si>
    <t>01/15/2020 21:34:50</t>
  </si>
  <si>
    <t>lu117049zl9.tmp</t>
  </si>
  <si>
    <t>\\acsfs\profiles$\jalilebds\Downloads\lu117049zl9.tmp</t>
  </si>
  <si>
    <t>01/15/2020 21:34:10</t>
  </si>
  <si>
    <t>01/15/2020 21:37:51</t>
  </si>
  <si>
    <t>b4b7da65-87dd-4c14-aa41-4326feff3904.tmp</t>
  </si>
  <si>
    <t>\\acsfs\profiles$\gabrielamdp\Downloads\b4b7da65-87dd-4c14-aa41-4326feff3904.tmp</t>
  </si>
  <si>
    <t>01/15/2020 21:36:18</t>
  </si>
  <si>
    <t>01/15/2020 21:38:50</t>
  </si>
  <si>
    <t>01/15/2020 21:36:19</t>
  </si>
  <si>
    <t>01/15/2020 21:36:22</t>
  </si>
  <si>
    <t>01/15/2020 21:36:23</t>
  </si>
  <si>
    <t>01/15/2020 21:36:28</t>
  </si>
  <si>
    <t>01/15/2020 21:36:29</t>
  </si>
  <si>
    <t>01/15/2020 21:42:51</t>
  </si>
  <si>
    <t>01/15/2020 21:41:45</t>
  </si>
  <si>
    <t>01/15/2020 21:43:50</t>
  </si>
  <si>
    <t>01/15/2020 21:41:52</t>
  </si>
  <si>
    <t>01/15/2020 21:41:53</t>
  </si>
  <si>
    <t>01/15/2020 21:41:54</t>
  </si>
  <si>
    <t>01/15/2020 21:41:56</t>
  </si>
  <si>
    <t>01/15/2020 21:42:01</t>
  </si>
  <si>
    <t>01/15/2020 21:42:15</t>
  </si>
  <si>
    <t>01/15/2020 21:42:16</t>
  </si>
  <si>
    <t>01/15/2020 21:42:22</t>
  </si>
  <si>
    <t>01/15/2020 21:42:34</t>
  </si>
  <si>
    <t>01/15/2020 21:42:37</t>
  </si>
  <si>
    <t>01/15/2020 21:42:43</t>
  </si>
  <si>
    <t>01/15/2020 21:42:56</t>
  </si>
  <si>
    <t>01/15/2020 21:43:00</t>
  </si>
  <si>
    <t>01/15/2020 21:43:01</t>
  </si>
  <si>
    <t>01/15/2020 21:43:02</t>
  </si>
  <si>
    <t>01/15/2020 21:43:03</t>
  </si>
  <si>
    <t>01/15/2020 21:43:05</t>
  </si>
  <si>
    <t>01/15/2020 21:43:07</t>
  </si>
  <si>
    <t>01/15/2020 21:43:10</t>
  </si>
  <si>
    <t>01/15/2020 21:44:39</t>
  </si>
  <si>
    <t>01/15/2020 21:45:50</t>
  </si>
  <si>
    <t>AVON SAC</t>
  </si>
  <si>
    <t>10.200.67.21</t>
  </si>
  <si>
    <t>78-2B-CB-C1-05-9D</t>
  </si>
  <si>
    <t>VOTORANT-AFB010</t>
  </si>
  <si>
    <t>franciellerss</t>
  </si>
  <si>
    <t>https://sb-ssl.google.com/safebrowsing/clientreport/download?key=aizasyboti4mm-6x9wdnzijieyeu21opbxqwbgw</t>
  </si>
  <si>
    <t>01/15/2020 21:47:50</t>
  </si>
  <si>
    <t>01/15/2020 21:46:00</t>
  </si>
  <si>
    <t>01/15/2020 21:48:50</t>
  </si>
  <si>
    <t>01/15/2020 21:43:17</t>
  </si>
  <si>
    <t>01/15/2020 21:43:19</t>
  </si>
  <si>
    <t>01/15/2020 21:43:21</t>
  </si>
  <si>
    <t>01/15/2020 21:43:22</t>
  </si>
  <si>
    <t>01/15/2020 21:43:26</t>
  </si>
  <si>
    <t>01/15/2020 21:43:27</t>
  </si>
  <si>
    <t>01/15/2020 21:43:33</t>
  </si>
  <si>
    <t>01/15/2020 21:43:35</t>
  </si>
  <si>
    <t>01/15/2020 21:43:37</t>
  </si>
  <si>
    <t>01/15/2020 21:43:38</t>
  </si>
  <si>
    <t>01/15/2020 21:43:39</t>
  </si>
  <si>
    <t>01/15/2020 21:43:42</t>
  </si>
  <si>
    <t>01/15/2020 21:43:44</t>
  </si>
  <si>
    <t>01/15/2020 21:43:55</t>
  </si>
  <si>
    <t>01/15/2020 21:43:58</t>
  </si>
  <si>
    <t>01/15/2020 21:43:59</t>
  </si>
  <si>
    <t>01/15/2020 21:44:00</t>
  </si>
  <si>
    <t>01/15/2020 21:44:03</t>
  </si>
  <si>
    <t>01/15/2020 21:44:04</t>
  </si>
  <si>
    <t>01/15/2020 21:44:05</t>
  </si>
  <si>
    <t>01/15/2020 21:44:33</t>
  </si>
  <si>
    <t>01/15/2020 21:44:35</t>
  </si>
  <si>
    <t>01/15/2020 21:44:36</t>
  </si>
  <si>
    <t>01/15/2020 21:44:37</t>
  </si>
  <si>
    <t>01/15/2020 21:44:38</t>
  </si>
  <si>
    <t>01/15/2020 21:44:40</t>
  </si>
  <si>
    <t>01/15/2020 21:44:42</t>
  </si>
  <si>
    <t>01/15/2020 21:44:43</t>
  </si>
  <si>
    <t>01/15/2020 21:44:45</t>
  </si>
  <si>
    <t>01/15/2020 21:44:54</t>
  </si>
  <si>
    <t>01/15/2020 21:44:57</t>
  </si>
  <si>
    <t>01/15/2020 21:44:58</t>
  </si>
  <si>
    <t>01/15/2020 21:44:59</t>
  </si>
  <si>
    <t>01/15/2020 21:45:00</t>
  </si>
  <si>
    <t>01/15/2020 21:45:04</t>
  </si>
  <si>
    <t>01/15/2020 21:45:14</t>
  </si>
  <si>
    <t>01/15/2020 21:45:18</t>
  </si>
  <si>
    <t>01/15/2020 21:45:19</t>
  </si>
  <si>
    <t>01/15/2020 21:45:20</t>
  </si>
  <si>
    <t>01/15/2020 21:45:25</t>
  </si>
  <si>
    <t>01/15/2020 21:45:43</t>
  </si>
  <si>
    <t>01/15/2020 21:45:44</t>
  </si>
  <si>
    <t>01/15/2020 21:45:45</t>
  </si>
  <si>
    <t>01/15/2020 21:45:46</t>
  </si>
  <si>
    <t>01/15/2020 21:45:47</t>
  </si>
  <si>
    <t>01/15/2020 21:45:51</t>
  </si>
  <si>
    <t>01/15/2020 21:45:54</t>
  </si>
  <si>
    <t>01/15/2020 21:45:58</t>
  </si>
  <si>
    <t>01/15/2020 21:45:59</t>
  </si>
  <si>
    <t>01/15/2020 21:46:01</t>
  </si>
  <si>
    <t>01/15/2020 21:46:02</t>
  </si>
  <si>
    <t>01/15/2020 21:46:06</t>
  </si>
  <si>
    <t>01/15/2020 21:46:12</t>
  </si>
  <si>
    <t>01/15/2020 21:46:14</t>
  </si>
  <si>
    <t>01/15/2020 21:46:15</t>
  </si>
  <si>
    <t>01/15/2020 21:46:16</t>
  </si>
  <si>
    <t>01/15/2020 21:46:18</t>
  </si>
  <si>
    <t>01/15/2020 21:46:19</t>
  </si>
  <si>
    <t>01/15/2020 21:46:24</t>
  </si>
  <si>
    <t>01/15/2020 21:46:34</t>
  </si>
  <si>
    <t>01/15/2020 21:48:17</t>
  </si>
  <si>
    <t>01/15/2020 21:48:18</t>
  </si>
  <si>
    <t>01/15/2020 21:48:19</t>
  </si>
  <si>
    <t>01/15/2020 21:52:50</t>
  </si>
  <si>
    <t>01/15/2020 21:48:25</t>
  </si>
  <si>
    <t>01/15/2020 21:53:50</t>
  </si>
  <si>
    <t>01/15/2020 21:48:26</t>
  </si>
  <si>
    <t>01/15/2020 21:48:42</t>
  </si>
  <si>
    <t>01/15/2020 21:48:43</t>
  </si>
  <si>
    <t>01/15/2020 21:48:44</t>
  </si>
  <si>
    <t>01/15/2020 21:48:45</t>
  </si>
  <si>
    <t>01/15/2020 21:48:48</t>
  </si>
  <si>
    <t>01/15/2020 21:52:48</t>
  </si>
  <si>
    <t>01/15/2020 21:52:56</t>
  </si>
  <si>
    <t>01/15/2020 21:52:58</t>
  </si>
  <si>
    <t>01/15/2020 21:52:59</t>
  </si>
  <si>
    <t>01/15/2020 21:53:00</t>
  </si>
  <si>
    <t>01/15/2020 21:53:02</t>
  </si>
  <si>
    <t>01/15/2020 21:53:03</t>
  </si>
  <si>
    <t>01/15/2020 21:53:05</t>
  </si>
  <si>
    <t>01/15/2020 21:53:09</t>
  </si>
  <si>
    <t>01/15/2020 21:53:11</t>
  </si>
  <si>
    <t>01/15/2020 21:53:19</t>
  </si>
  <si>
    <t>01/15/2020 21:53:24</t>
  </si>
  <si>
    <t>01/15/2020 21:54:49</t>
  </si>
  <si>
    <t>0b2301e5-5d90-415a-ab94-89ce2196fc3d.tmp</t>
  </si>
  <si>
    <t>\\acsfs\profiles$\brendadsl\Downloads\0b2301e5-5d90-415a-ab94-89ce2196fc3d.tmp</t>
  </si>
  <si>
    <t>01/15/2020 21:53:20</t>
  </si>
  <si>
    <t>588863cc-7ffe-4f40-9c62-1982581b9939.tmp</t>
  </si>
  <si>
    <t>\\acsfs\profiles$\brendadsl\Downloads\588863cc-7ffe-4f40-9c62-1982581b9939.tmp</t>
  </si>
  <si>
    <t>01/15/2020 21:57:50</t>
  </si>
  <si>
    <t>01/15/2020 21:56:51</t>
  </si>
  <si>
    <t>281c01a5-f391-4fff-bb91-6d0a3ea7826a.tmp</t>
  </si>
  <si>
    <t>\\acsfs\profiles$\rogeriofd\Downloads\281c01a5-f391-4fff-bb91-6d0a3ea7826a.tmp</t>
  </si>
  <si>
    <t>01/15/2020 21:57:37</t>
  </si>
  <si>
    <t>01/15/2020 21:58:49</t>
  </si>
  <si>
    <t>01/15/2020 21:53:27</t>
  </si>
  <si>
    <t>01/15/2020 21:53:28</t>
  </si>
  <si>
    <t>01/15/2020 21:53:29</t>
  </si>
  <si>
    <t>01/15/2020 21:53:34</t>
  </si>
  <si>
    <t>01/15/2020 21:53:42</t>
  </si>
  <si>
    <t>01/15/2020 21:53:45</t>
  </si>
  <si>
    <t>01/15/2020 21:53:46</t>
  </si>
  <si>
    <t>01/15/2020 21:53:47</t>
  </si>
  <si>
    <t>01/15/2020 21:53:52</t>
  </si>
  <si>
    <t>01/15/2020 21:53:53</t>
  </si>
  <si>
    <t>01/15/2020 21:53:56</t>
  </si>
  <si>
    <t>01/15/2020 21:53:57</t>
  </si>
  <si>
    <t>01/15/2020 21:53:58</t>
  </si>
  <si>
    <t>01/15/2020 21:53:59</t>
  </si>
  <si>
    <t>01/15/2020 21:54:01</t>
  </si>
  <si>
    <t>01/15/2020 21:54:06</t>
  </si>
  <si>
    <t>01/15/2020 21:54:09</t>
  </si>
  <si>
    <t>01/15/2020 21:54:13</t>
  </si>
  <si>
    <t>01/15/2020 21:54:14</t>
  </si>
  <si>
    <t>01/15/2020 21:54:15</t>
  </si>
  <si>
    <t>01/15/2020 21:54:21</t>
  </si>
  <si>
    <t>01/15/2020 21:54:28</t>
  </si>
  <si>
    <t>01/15/2020 21:54:33</t>
  </si>
  <si>
    <t>01/15/2020 21:54:36</t>
  </si>
  <si>
    <t>01/15/2020 21:54:40</t>
  </si>
  <si>
    <t>01/15/2020 21:54:54</t>
  </si>
  <si>
    <t>01/15/2020 21:54:55</t>
  </si>
  <si>
    <t>01/15/2020 21:54:56</t>
  </si>
  <si>
    <t>01/15/2020 21:55:00</t>
  </si>
  <si>
    <t>01/15/2020 21:55:01</t>
  </si>
  <si>
    <t>01/15/2020 21:55:21</t>
  </si>
  <si>
    <t>01/15/2020 21:55:25</t>
  </si>
  <si>
    <t>01/15/2020 21:55:26</t>
  </si>
  <si>
    <t>01/15/2020 21:55:27</t>
  </si>
  <si>
    <t>01/15/2020 21:55:32</t>
  </si>
  <si>
    <t>01/15/2020 21:55:43</t>
  </si>
  <si>
    <t>01/15/2020 21:55:46</t>
  </si>
  <si>
    <t>01/15/2020 21:55:47</t>
  </si>
  <si>
    <t>01/15/2020 21:55:48</t>
  </si>
  <si>
    <t>01/15/2020 21:55:54</t>
  </si>
  <si>
    <t>01/15/2020 21:55:55</t>
  </si>
  <si>
    <t>01/15/2020 21:59:50</t>
  </si>
  <si>
    <t>01/15/2020 21:54:34</t>
  </si>
  <si>
    <t>01/15/2020 21:54:35</t>
  </si>
  <si>
    <t>lu117049zlh.tmp</t>
  </si>
  <si>
    <t>\\acsfs\profiles$\jalilebds\Downloads\lu117049zlh.tmp</t>
  </si>
  <si>
    <t>01/15/2020 21:58:39</t>
  </si>
  <si>
    <t>01/15/2020 22:01:50</t>
  </si>
  <si>
    <t>d3fa824d-4706-4bc9-acd2-b50118a42bc1.tmp</t>
  </si>
  <si>
    <t>\\acsfs\profiles$\ROBERTM\Downloads\d3fa824d-4706-4bc9-acd2-b50118a42bc1.tmp</t>
  </si>
  <si>
    <t>01/15/2020 22:00:22</t>
  </si>
  <si>
    <t>205b4275-327c-4996-b670-3cd170824e1d.tmp</t>
  </si>
  <si>
    <t>\\acsfs\profiles$\ROBERTM\Downloads\205b4275-327c-4996-b670-3cd170824e1d.tmp</t>
  </si>
  <si>
    <t>01/15/2020 22:00:33</t>
  </si>
  <si>
    <t>XLOG_andrezacapf_15012020_140425.log</t>
  </si>
  <si>
    <t>\\acsfs\profiles$\andrezacapf\My Documents\xworkcenter\logs\XLOG_andrezacapf_15012020_140425.log</t>
  </si>
  <si>
    <t>01/15/2020 22:02:50</t>
  </si>
  <si>
    <t>01/15/2020 21:59:53</t>
  </si>
  <si>
    <t>f0dd92d1-a4a3-4d92-b627-4c56cadf6374.tmp</t>
  </si>
  <si>
    <t>\\acsfs\profiles$\rogeriofd\Downloads\f0dd92d1-a4a3-4d92-b627-4c56cadf6374.tmp</t>
  </si>
  <si>
    <t>01/15/2020 22:05:50</t>
  </si>
  <si>
    <t>01/15/2020 22:05:15</t>
  </si>
  <si>
    <t>0353413a-60af-4ffd-bf74-7df373145de4.tmp</t>
  </si>
  <si>
    <t>\\acsfs\profiles$\Adrieledgc\Downloads\0353413a-60af-4ffd-bf74-7df373145de4.tmp</t>
  </si>
  <si>
    <t>01/15/2020 22:07:50</t>
  </si>
  <si>
    <t>01/15/2020 22:06:50</t>
  </si>
  <si>
    <t>01/15/2020 22:11:50</t>
  </si>
  <si>
    <t>54a2a45b-1c7a-4b17-8756-54037c75178e.tmp</t>
  </si>
  <si>
    <t>\\acsfs\profiles$\ROBERTM\Downloads\54a2a45b-1c7a-4b17-8756-54037c75178e.tmp</t>
  </si>
  <si>
    <t>01/15/2020 22:12:50</t>
  </si>
  <si>
    <t>01/15/2020 22:17:31</t>
  </si>
  <si>
    <t>01/15/2020 22:19:31</t>
  </si>
  <si>
    <t>01/15/2020 22:18:26</t>
  </si>
  <si>
    <t>104b5c01-9f56-439d-affa-94fa5a279da6.tmp</t>
  </si>
  <si>
    <t>\\acsfs\profiles$\andressamf\Downloads\104b5c01-9f56-439d-affa-94fa5a279da6.tmp</t>
  </si>
  <si>
    <t>01/15/2020 22:22:30</t>
  </si>
  <si>
    <t>01/15/2020 22:27:30</t>
  </si>
  <si>
    <t>01/15/2020 22:32:30</t>
  </si>
  <si>
    <t>01/15/2020 22:37:30</t>
  </si>
  <si>
    <t>01/15/2020 22:42:30</t>
  </si>
  <si>
    <t>01/15/2020 22:47:30</t>
  </si>
  <si>
    <t>01/15/2020 22:52:07</t>
  </si>
  <si>
    <t>01/15/2020 22:52:30</t>
  </si>
  <si>
    <t>1b6cd839-caae-4dc6-9f74-2c732baed6f7.tmp</t>
  </si>
  <si>
    <t>\\acsfs\profiles$\rogeriofd\Downloads\1b6cd839-caae-4dc6-9f74-2c732baed6f7.tmp</t>
  </si>
  <si>
    <t>01/15/2020 22:57:30</t>
  </si>
  <si>
    <t>01/15/2020 22:56:27</t>
  </si>
  <si>
    <t>01/15/2020 22:59:30</t>
  </si>
  <si>
    <t>fffdf48f-374e-4f3f-841f-f99ff48fb365.tmp</t>
  </si>
  <si>
    <t>\\acsfs\profiles$\andressamf\Downloads\fffdf48f-374e-4f3f-841f-f99ff48fb365.tmp</t>
  </si>
  <si>
    <t>01/15/2020 22:59:31</t>
  </si>
  <si>
    <t>01/15/2020 23:01:30</t>
  </si>
  <si>
    <t>bf860bb6-151d-447e-9129-747bb82e563f.tmp</t>
  </si>
  <si>
    <t>\\acsfs\profiles$\ROBERTM\Downloads\bf860bb6-151d-447e-9129-747bb82e563f.tmp</t>
  </si>
  <si>
    <t>01/15/2020 22:59:18</t>
  </si>
  <si>
    <t>01/15/2020 23:02:30</t>
  </si>
  <si>
    <t>02e3fd46-3313-494c-8daf-43118e7e4f0b.tmp</t>
  </si>
  <si>
    <t>\\acsfs\profiles$\marlyannegdls\Downloads\02e3fd46-3313-494c-8daf-43118e7e4f0b.tmp</t>
  </si>
  <si>
    <t>01/15/2020 23:01:03</t>
  </si>
  <si>
    <t>01/15/2020 23:03:30</t>
  </si>
  <si>
    <t>74b1a789-34c5-49bb-a457-e5866bd70fce.tmp</t>
  </si>
  <si>
    <t>\\acsfs\profiles$\joycemmdl\Downloads\74b1a789-34c5-49bb-a457-e5866bd70fce.tmp</t>
  </si>
  <si>
    <t>01/15/2020 23:01:54</t>
  </si>
  <si>
    <t>01/15/2020 23:07:30</t>
  </si>
  <si>
    <t>96984132-ac10-430b-b915-601415da6919.tmp</t>
  </si>
  <si>
    <t>\\acsfs\profiles$\marlyannegdls\Downloads\96984132-ac10-430b-b915-601415da6919.tmp</t>
  </si>
  <si>
    <t>01/15/2020 23:12:30</t>
  </si>
  <si>
    <t>01/15/2020 23:17:31</t>
  </si>
  <si>
    <t>01/15/2020 23:17:57</t>
  </si>
  <si>
    <t>01/15/2020 23:19:31</t>
  </si>
  <si>
    <t>64101151-5492-43fd-b7f3-67020e8b21e4.tmp</t>
  </si>
  <si>
    <t>\\acsfs\profiles$\andressamf\Downloads\64101151-5492-43fd-b7f3-67020e8b21e4.tmp</t>
  </si>
  <si>
    <t>01/15/2020 23:18:41</t>
  </si>
  <si>
    <t>44af3926-c580-4376-a968-e11b200537dc.tmp</t>
  </si>
  <si>
    <t>\\acsfs\profiles$\andressamf\Downloads\44af3926-c580-4376-a968-e11b200537dc.tmp</t>
  </si>
  <si>
    <t>01/15/2020 23:22:30</t>
  </si>
  <si>
    <t>01/15/2020 23:24:30</t>
  </si>
  <si>
    <t>01/15/2020 23:22:24</t>
  </si>
  <si>
    <t>c6edee61-ae01-4cea-bd98-747bf8c70a87.tmp</t>
  </si>
  <si>
    <t>\\acsfs\profiles$\andressamf\Downloads\c6edee61-ae01-4cea-bd98-747bf8c70a87.tmp</t>
  </si>
  <si>
    <t>01/15/2020 23:27:30</t>
  </si>
  <si>
    <t>01/15/2020 23:28:21</t>
  </si>
  <si>
    <t>01/15/2020 23:32:30</t>
  </si>
  <si>
    <t>2f3e4808-40b0-46f7-87c5-96841fda80b9.tmp</t>
  </si>
  <si>
    <t>\\acsfs\profiles$\marlyannegdls\Downloads\2f3e4808-40b0-46f7-87c5-96841fda80b9.tmp</t>
  </si>
  <si>
    <t>01/15/2020 23:30:23</t>
  </si>
  <si>
    <t>d8671d20-3119-4a75-89cf-6d4c70c1edf7.tmp</t>
  </si>
  <si>
    <t>\\acsfs\profiles$\marlyannegdls\Downloads\d8671d20-3119-4a75-89cf-6d4c70c1edf7.tmp</t>
  </si>
  <si>
    <t>01/15/2020 23:35:30</t>
  </si>
  <si>
    <t>01/15/2020 23:34:01</t>
  </si>
  <si>
    <t>072c4021-e418-4ccd-8db7-8aa6d3c6d9c9.tmp</t>
  </si>
  <si>
    <t>\\acsfs\profiles$\rogeriofd\Downloads\072c4021-e418-4ccd-8db7-8aa6d3c6d9c9.tmp</t>
  </si>
  <si>
    <t>01/15/2020 23:37:30</t>
  </si>
  <si>
    <t>01/15/2020 23:35:35</t>
  </si>
  <si>
    <t>01/15/2020 23:40:30</t>
  </si>
  <si>
    <t>6ff974cf-af9b-4c77-aa7d-84fc298b7fb1.tmp</t>
  </si>
  <si>
    <t>\\acsfs\profiles$\rogeriofd\Downloads\6ff974cf-af9b-4c77-aa7d-84fc298b7fb1.tmp</t>
  </si>
  <si>
    <t>01/15/2020 23:40:40</t>
  </si>
  <si>
    <t>01/15/2020 23:42:29</t>
  </si>
  <si>
    <t>\\acsfs\profiles$\MARLYANNEGDLS\Downloads\</t>
  </si>
  <si>
    <t>.~lock.Reneg - Vcto 28-12-19.ods#</t>
  </si>
  <si>
    <t>\\acsfs\profiles$\MARLYANNEGDLS\Downloads\.~lock.Reneg - Vcto 28-12-19.ods#</t>
  </si>
  <si>
    <t>01/15/2020 23:40:41</t>
  </si>
  <si>
    <t>lu16700v8p3x.tmp</t>
  </si>
  <si>
    <t>\\acsfs\profiles$\MARLYANNEGDLS\Downloads\lu16700v8p3x.tmp</t>
  </si>
  <si>
    <t>\\acsfs\profiles$\MARLYANNEGDLS\Downloads\lu16700v8p3x.tmp\</t>
  </si>
  <si>
    <t>\\acsfs\profiles$\MARLYANNEGDLS\Downloads\lu16700v8p3x.tmp\META-INF\</t>
  </si>
  <si>
    <t>\\acsfs\profiles$\MARLYANNEGDLS\Downloads\lu16700v8p3x.tmp\Thumbnails\</t>
  </si>
  <si>
    <t>01/15/2020 23:42:49</t>
  </si>
  <si>
    <t>01/15/2020 23:47:30</t>
  </si>
  <si>
    <t>lu16700v8p42.tmp</t>
  </si>
  <si>
    <t>\\acsfs\profiles$\MARLYANNEGDLS\Downloads\lu16700v8p42.tmp</t>
  </si>
  <si>
    <t>\\acsfs\profiles$\MARLYANNEGDLS\Downloads\lu16700v8p42.tmp\</t>
  </si>
  <si>
    <t>\\acsfs\profiles$\MARLYANNEGDLS\Downloads\lu16700v8p42.tmp\META-INF\</t>
  </si>
  <si>
    <t>01/15/2020 23:42:50</t>
  </si>
  <si>
    <t>\\acsfs\profiles$\MARLYANNEGDLS\Downloads\lu16700v8p42.tmp\Thumbnails\</t>
  </si>
  <si>
    <t>01/15/2020 23:43:57</t>
  </si>
  <si>
    <t>01/15/2020 23:43:58</t>
  </si>
  <si>
    <t>lu16700v8p47.tmp</t>
  </si>
  <si>
    <t>\\acsfs\profiles$\MARLYANNEGDLS\Downloads\lu16700v8p47.tmp</t>
  </si>
  <si>
    <t>\\acsfs\profiles$\MARLYANNEGDLS\Downloads\lu16700v8p47.tmp\</t>
  </si>
  <si>
    <t>\\acsfs\profiles$\MARLYANNEGDLS\Downloads\lu16700v8p47.tmp\META-INF\</t>
  </si>
  <si>
    <t>\\acsfs\profiles$\MARLYANNEGDLS\Downloads\lu16700v8p47.tmp\Thumbnails\</t>
  </si>
  <si>
    <t>01/15/2020 23:44:16</t>
  </si>
  <si>
    <t>lu16700v8p4c.tmp</t>
  </si>
  <si>
    <t>\\acsfs\profiles$\MARLYANNEGDLS\Downloads\lu16700v8p4c.tmp</t>
  </si>
  <si>
    <t>\\acsfs\profiles$\MARLYANNEGDLS\Downloads\lu16700v8p4c.tmp\</t>
  </si>
  <si>
    <t>\\acsfs\profiles$\MARLYANNEGDLS\Downloads\lu16700v8p4c.tmp\META-INF\</t>
  </si>
  <si>
    <t>\\acsfs\profiles$\MARLYANNEGDLS\Downloads\lu16700v8p4c.tmp\Thumbnails\</t>
  </si>
  <si>
    <t>01/15/2020 23:45:05</t>
  </si>
  <si>
    <t>lu16700v8p4h.tmp</t>
  </si>
  <si>
    <t>\\acsfs\profiles$\MARLYANNEGDLS\Downloads\lu16700v8p4h.tmp</t>
  </si>
  <si>
    <t>\\acsfs\profiles$\MARLYANNEGDLS\Downloads\lu16700v8p4h.tmp\</t>
  </si>
  <si>
    <t>\\acsfs\profiles$\MARLYANNEGDLS\Downloads\lu16700v8p4h.tmp\META-INF\</t>
  </si>
  <si>
    <t>\\acsfs\profiles$\MARLYANNEGDLS\Downloads\lu16700v8p4h.tmp\Thumbnails\</t>
  </si>
  <si>
    <t>01/15/2020 23:46:23</t>
  </si>
  <si>
    <t>01/15/2020 23:46:24</t>
  </si>
  <si>
    <t>lu16700v8p4m.tmp</t>
  </si>
  <si>
    <t>\\acsfs\profiles$\MARLYANNEGDLS\Downloads\lu16700v8p4m.tmp</t>
  </si>
  <si>
    <t>\\acsfs\profiles$\MARLYANNEGDLS\Downloads\lu16700v8p4m.tmp\</t>
  </si>
  <si>
    <t>\\acsfs\profiles$\MARLYANNEGDLS\Downloads\lu16700v8p4m.tmp\META-INF\</t>
  </si>
  <si>
    <t>\\acsfs\profiles$\MARLYANNEGDLS\Downloads\lu16700v8p4m.tmp\Thumbnails\</t>
  </si>
  <si>
    <t>01/15/2020 23:47:35</t>
  </si>
  <si>
    <t>01/15/2020 23:52:31</t>
  </si>
  <si>
    <t>01/15/2020 23:47:36</t>
  </si>
  <si>
    <t>lu16700v8p4r.tmp</t>
  </si>
  <si>
    <t>\\acsfs\profiles$\MARLYANNEGDLS\Downloads\lu16700v8p4r.tmp</t>
  </si>
  <si>
    <t>\\acsfs\profiles$\MARLYANNEGDLS\Downloads\lu16700v8p4r.tmp\</t>
  </si>
  <si>
    <t>\\acsfs\profiles$\MARLYANNEGDLS\Downloads\lu16700v8p4r.tmp\META-INF\</t>
  </si>
  <si>
    <t>\\acsfs\profiles$\MARLYANNEGDLS\Downloads\lu16700v8p4r.tmp\Thumbnails\</t>
  </si>
  <si>
    <t>01/15/2020 23:49:40</t>
  </si>
  <si>
    <t>01/15/2020 23:49:41</t>
  </si>
  <si>
    <t>lu16700v8p4w.tmp</t>
  </si>
  <si>
    <t>\\acsfs\profiles$\MARLYANNEGDLS\Downloads\lu16700v8p4w.tmp</t>
  </si>
  <si>
    <t>\\acsfs\profiles$\MARLYANNEGDLS\Downloads\lu16700v8p4w.tmp\</t>
  </si>
  <si>
    <t>\\acsfs\profiles$\MARLYANNEGDLS\Downloads\lu16700v8p4w.tmp\META-INF\</t>
  </si>
  <si>
    <t>\\acsfs\profiles$\MARLYANNEGDLS\Downloads\lu16700v8p4w.tmp\Thumbnails\</t>
  </si>
  <si>
    <t>01/15/2020 23:51:31</t>
  </si>
  <si>
    <t>01/15/2020 23:51:32</t>
  </si>
  <si>
    <t>lu16700v8p51.tmp</t>
  </si>
  <si>
    <t>\\acsfs\profiles$\MARLYANNEGDLS\Downloads\lu16700v8p51.tmp</t>
  </si>
  <si>
    <t>\\acsfs\profiles$\MARLYANNEGDLS\Downloads\lu16700v8p51.tmp\</t>
  </si>
  <si>
    <t>\\acsfs\profiles$\MARLYANNEGDLS\Downloads\lu16700v8p51.tmp\META-INF\</t>
  </si>
  <si>
    <t>\\acsfs\profiles$\MARLYANNEGDLS\Downloads\lu16700v8p51.tmp\Thumbnails\</t>
  </si>
  <si>
    <t>01/15/2020 23:48:26</t>
  </si>
  <si>
    <t>01/15/2020 23:53:30</t>
  </si>
  <si>
    <t>mariaavds</t>
  </si>
  <si>
    <t>\\acsfs\profiles$\mariaavds\Downloads\</t>
  </si>
  <si>
    <t>6ba7c86b-d7b6-48fb-9f05-bf28d5294269.tmp</t>
  </si>
  <si>
    <t>\\acsfs\profiles$\mariaavds\Downloads\6ba7c86b-d7b6-48fb-9f05-bf28d5294269.tmp</t>
  </si>
  <si>
    <t>01/15/2020 23:50:27</t>
  </si>
  <si>
    <t>cc634439-567c-497b-bc8f-d60bfb2d9fea.tmp</t>
  </si>
  <si>
    <t>\\acsfs\profiles$\mariaavds\Downloads\cc634439-567c-497b-bc8f-d60bfb2d9fea.tmp</t>
  </si>
  <si>
    <t>01/15/2020 23:50:43</t>
  </si>
  <si>
    <t>6a8693ed-93e2-49b4-bf35-19cc74c3b002.tmp</t>
  </si>
  <si>
    <t>\\acsfs\profiles$\mariaavds\Downloads\6a8693ed-93e2-49b4-bf35-19cc74c3b002.tmp</t>
  </si>
  <si>
    <t>01/15/2020 23:53:14</t>
  </si>
  <si>
    <t>01/15/2020 23:57:30</t>
  </si>
  <si>
    <t>lu16700v8p56.tmp</t>
  </si>
  <si>
    <t>\\acsfs\profiles$\MARLYANNEGDLS\Downloads\lu16700v8p56.tmp</t>
  </si>
  <si>
    <t>\\acsfs\profiles$\MARLYANNEGDLS\Downloads\lu16700v8p56.tmp\</t>
  </si>
  <si>
    <t>\\acsfs\profiles$\MARLYANNEGDLS\Downloads\lu16700v8p56.tmp\META-INF\</t>
  </si>
  <si>
    <t>\\acsfs\profiles$\MARLYANNEGDLS\Downloads\lu16700v8p56.tmp\Thumbnails\</t>
  </si>
  <si>
    <t>01/15/2020 23:59:40</t>
  </si>
  <si>
    <t>01/16/2020 00:03:30</t>
  </si>
  <si>
    <t>01/15/2020 23:59:41</t>
  </si>
  <si>
    <t>lu16700v8p5b.tmp</t>
  </si>
  <si>
    <t>\\acsfs\profiles$\MARLYANNEGDLS\Downloads\lu16700v8p5b.tmp</t>
  </si>
  <si>
    <t>\\acsfs\profiles$\MARLYANNEGDLS\Downloads\lu16700v8p5b.tmp\</t>
  </si>
  <si>
    <t>\\acsfs\profiles$\MARLYANNEGDLS\Downloads\lu16700v8p5b.tmp\META-INF\</t>
  </si>
  <si>
    <t>\\acsfs\profiles$\MARLYANNEGDLS\Downloads\lu16700v8p5b.tmp\Thumbnails\</t>
  </si>
  <si>
    <t>01/16/2020 00:01:15</t>
  </si>
  <si>
    <t>01/16/2020 00:01:16</t>
  </si>
  <si>
    <t>lu16700v8p5g.tmp</t>
  </si>
  <si>
    <t>\\acsfs\profiles$\MARLYANNEGDLS\Downloads\lu16700v8p5g.tmp</t>
  </si>
  <si>
    <t>\\acsfs\profiles$\MARLYANNEGDLS\Downloads\lu16700v8p5g.tmp\</t>
  </si>
  <si>
    <t>\\acsfs\profiles$\MARLYANNEGDLS\Downloads\lu16700v8p5g.tmp\META-INF\</t>
  </si>
  <si>
    <t>\\acsfs\profiles$\MARLYANNEGDLS\Downloads\lu16700v8p5g.tmp\Thumbnails\</t>
  </si>
  <si>
    <t>01/16/2020 00:01:29</t>
  </si>
  <si>
    <t>01/16/2020 00:01:30</t>
  </si>
  <si>
    <t>lu16700v8p5l.tmp</t>
  </si>
  <si>
    <t>\\acsfs\profiles$\MARLYANNEGDLS\Downloads\lu16700v8p5l.tmp</t>
  </si>
  <si>
    <t>\\acsfs\profiles$\MARLYANNEGDLS\Downloads\lu16700v8p5l.tmp\</t>
  </si>
  <si>
    <t>\\acsfs\profiles$\MARLYANNEGDLS\Downloads\lu16700v8p5l.tmp\META-INF\</t>
  </si>
  <si>
    <t>\\acsfs\profiles$\MARLYANNEGDLS\Downloads\lu16700v8p5l.tmp\Thumbnails\</t>
  </si>
  <si>
    <t>01/16/2020 00:08:30</t>
  </si>
  <si>
    <t>01/16/2020 00:07:37</t>
  </si>
  <si>
    <t>01/16/2020 00:02:24</t>
  </si>
  <si>
    <t>01/16/2020 00:02:25</t>
  </si>
  <si>
    <t>lu16700v8p5q.tmp</t>
  </si>
  <si>
    <t>\\acsfs\profiles$\MARLYANNEGDLS\Downloads\lu16700v8p5q.tmp</t>
  </si>
  <si>
    <t>\\acsfs\profiles$\MARLYANNEGDLS\Downloads\lu16700v8p5q.tmp\</t>
  </si>
  <si>
    <t>\\acsfs\profiles$\MARLYANNEGDLS\Downloads\lu16700v8p5q.tmp\META-INF\</t>
  </si>
  <si>
    <t>\\acsfs\profiles$\MARLYANNEGDLS\Downloads\lu16700v8p5q.tmp\Thumbnails\</t>
  </si>
  <si>
    <t>01/16/2020 00:13:30</t>
  </si>
  <si>
    <t>01/16/2020 00:18:30</t>
  </si>
  <si>
    <t>01/16/2020 00:14:48</t>
  </si>
  <si>
    <t>01/16/2020 00:14:49</t>
  </si>
  <si>
    <t>lu16700v8p5z.tmp</t>
  </si>
  <si>
    <t>\\acsfs\profiles$\MARLYANNEGDLS\Downloads\lu16700v8p5z.tmp</t>
  </si>
  <si>
    <t>\\acsfs\profiles$\MARLYANNEGDLS\Downloads\lu16700v8p5z.tmp\</t>
  </si>
  <si>
    <t>\\acsfs\profiles$\MARLYANNEGDLS\Downloads\lu16700v8p5z.tmp\META-INF\</t>
  </si>
  <si>
    <t>\\acsfs\profiles$\MARLYANNEGDLS\Downloads\lu16700v8p5z.tmp\Thumbnails\</t>
  </si>
  <si>
    <t>01/16/2020 00:17:04</t>
  </si>
  <si>
    <t>01/16/2020 00:17:05</t>
  </si>
  <si>
    <t>lu16700v8p64.tmp</t>
  </si>
  <si>
    <t>\\acsfs\profiles$\MARLYANNEGDLS\Downloads\lu16700v8p64.tmp</t>
  </si>
  <si>
    <t>\\acsfs\profiles$\MARLYANNEGDLS\Downloads\lu16700v8p64.tmp\</t>
  </si>
  <si>
    <t>\\acsfs\profiles$\MARLYANNEGDLS\Downloads\lu16700v8p64.tmp\META-INF\</t>
  </si>
  <si>
    <t>\\acsfs\profiles$\MARLYANNEGDLS\Downloads\lu16700v8p64.tmp\Thumbnails\</t>
  </si>
  <si>
    <t>01/16/2020 00:20:30</t>
  </si>
  <si>
    <t>01/16/2020 00:23:30</t>
  </si>
  <si>
    <t>01/16/2020 00:19:48</t>
  </si>
  <si>
    <t>01/16/2020 00:19:49</t>
  </si>
  <si>
    <t>lu16700v8p69.tmp</t>
  </si>
  <si>
    <t>\\acsfs\profiles$\MARLYANNEGDLS\Downloads\lu16700v8p69.tmp</t>
  </si>
  <si>
    <t>\\acsfs\profiles$\MARLYANNEGDLS\Downloads\lu16700v8p69.tmp\</t>
  </si>
  <si>
    <t>\\acsfs\profiles$\MARLYANNEGDLS\Downloads\lu16700v8p69.tmp\META-INF\</t>
  </si>
  <si>
    <t>\\acsfs\profiles$\MARLYANNEGDLS\Downloads\lu16700v8p69.tmp\Thumbnails\</t>
  </si>
  <si>
    <t>01/16/2020 00:20:31</t>
  </si>
  <si>
    <t>lu16700v8p6e.tmp</t>
  </si>
  <si>
    <t>\\acsfs\profiles$\MARLYANNEGDLS\Downloads\lu16700v8p6e.tmp</t>
  </si>
  <si>
    <t>\\acsfs\profiles$\MARLYANNEGDLS\Downloads\lu16700v8p6e.tmp\</t>
  </si>
  <si>
    <t>\\acsfs\profiles$\MARLYANNEGDLS\Downloads\lu16700v8p6e.tmp\META-INF\</t>
  </si>
  <si>
    <t>\\acsfs\profiles$\MARLYANNEGDLS\Downloads\lu16700v8p6e.tmp\Thumbnails\</t>
  </si>
  <si>
    <t>01/16/2020 00:21:50</t>
  </si>
  <si>
    <t>01/16/2020 00:21:51</t>
  </si>
  <si>
    <t>lu16700v8p6j.tmp</t>
  </si>
  <si>
    <t>\\acsfs\profiles$\MARLYANNEGDLS\Downloads\lu16700v8p6j.tmp</t>
  </si>
  <si>
    <t>\\acsfs\profiles$\MARLYANNEGDLS\Downloads\lu16700v8p6j.tmp\</t>
  </si>
  <si>
    <t>\\acsfs\profiles$\MARLYANNEGDLS\Downloads\lu16700v8p6j.tmp\META-INF\</t>
  </si>
  <si>
    <t>\\acsfs\profiles$\MARLYANNEGDLS\Downloads\lu16700v8p6j.tmp\Thumbnails\</t>
  </si>
  <si>
    <t>01/16/2020 00:28:30</t>
  </si>
  <si>
    <t>01/16/2020 00:22:55</t>
  </si>
  <si>
    <t>lu16700v8p6o.tmp</t>
  </si>
  <si>
    <t>\\acsfs\profiles$\MARLYANNEGDLS\Downloads\lu16700v8p6o.tmp</t>
  </si>
  <si>
    <t>\\acsfs\profiles$\MARLYANNEGDLS\Downloads\lu16700v8p6o.tmp\</t>
  </si>
  <si>
    <t>01/16/2020 00:22:56</t>
  </si>
  <si>
    <t>\\acsfs\profiles$\MARLYANNEGDLS\Downloads\lu16700v8p6o.tmp\META-INF\</t>
  </si>
  <si>
    <t>\\acsfs\profiles$\MARLYANNEGDLS\Downloads\lu16700v8p6o.tmp\Thumbnails\</t>
  </si>
  <si>
    <t>01/16/2020 00:24:59</t>
  </si>
  <si>
    <t>lu16700v8p6t.tmp</t>
  </si>
  <si>
    <t>\\acsfs\profiles$\MARLYANNEGDLS\Downloads\lu16700v8p6t.tmp</t>
  </si>
  <si>
    <t>\\acsfs\profiles$\MARLYANNEGDLS\Downloads\lu16700v8p6t.tmp\</t>
  </si>
  <si>
    <t>\\acsfs\profiles$\MARLYANNEGDLS\Downloads\lu16700v8p6t.tmp\META-INF\</t>
  </si>
  <si>
    <t>\\acsfs\profiles$\MARLYANNEGDLS\Downloads\lu16700v8p6t.tmp\Thumbnails\</t>
  </si>
  <si>
    <t>01/16/2020 00:26:48</t>
  </si>
  <si>
    <t>lu16700v8p6y.tmp</t>
  </si>
  <si>
    <t>\\acsfs\profiles$\MARLYANNEGDLS\Downloads\lu16700v8p6y.tmp</t>
  </si>
  <si>
    <t>\\acsfs\profiles$\MARLYANNEGDLS\Downloads\lu16700v8p6y.tmp\</t>
  </si>
  <si>
    <t>\\acsfs\profiles$\MARLYANNEGDLS\Downloads\lu16700v8p6y.tmp\META-INF\</t>
  </si>
  <si>
    <t>01/16/2020 00:26:49</t>
  </si>
  <si>
    <t>\\acsfs\profiles$\MARLYANNEGDLS\Downloads\lu16700v8p6y.tmp\Thumbnails\</t>
  </si>
  <si>
    <t>01/16/2020 00:33:30</t>
  </si>
  <si>
    <t>01/16/2020 00:28:08</t>
  </si>
  <si>
    <t>lu16700v8p73.tmp</t>
  </si>
  <si>
    <t>\\acsfs\profiles$\MARLYANNEGDLS\Downloads\lu16700v8p73.tmp</t>
  </si>
  <si>
    <t>\\acsfs\profiles$\MARLYANNEGDLS\Downloads\lu16700v8p73.tmp\</t>
  </si>
  <si>
    <t>\\acsfs\profiles$\MARLYANNEGDLS\Downloads\lu16700v8p73.tmp\META-INF\</t>
  </si>
  <si>
    <t>\\acsfs\profiles$\MARLYANNEGDLS\Downloads\lu16700v8p73.tmp\Thumbnails\</t>
  </si>
  <si>
    <t>01/16/2020 00:29:00</t>
  </si>
  <si>
    <t>01/16/2020 00:29:01</t>
  </si>
  <si>
    <t>lu16700v8p78.tmp</t>
  </si>
  <si>
    <t>\\acsfs\profiles$\MARLYANNEGDLS\Downloads\lu16700v8p78.tmp</t>
  </si>
  <si>
    <t>\\acsfs\profiles$\MARLYANNEGDLS\Downloads\lu16700v8p78.tmp\</t>
  </si>
  <si>
    <t>\\acsfs\profiles$\MARLYANNEGDLS\Downloads\lu16700v8p78.tmp\META-INF\</t>
  </si>
  <si>
    <t>\\acsfs\profiles$\MARLYANNEGDLS\Downloads\lu16700v8p78.tmp\Thumbnails\</t>
  </si>
  <si>
    <t>01/16/2020 00:31:36</t>
  </si>
  <si>
    <t>lu16700v8p7d.tmp</t>
  </si>
  <si>
    <t>\\acsfs\profiles$\MARLYANNEGDLS\Downloads\lu16700v8p7d.tmp</t>
  </si>
  <si>
    <t>\\acsfs\profiles$\MARLYANNEGDLS\Downloads\lu16700v8p7d.tmp\</t>
  </si>
  <si>
    <t>\\acsfs\profiles$\MARLYANNEGDLS\Downloads\lu16700v8p7d.tmp\META-INF\</t>
  </si>
  <si>
    <t>\\acsfs\profiles$\MARLYANNEGDLS\Downloads\lu16700v8p7d.tmp\Thumbnails\</t>
  </si>
  <si>
    <t>01/16/2020 00:38:30</t>
  </si>
  <si>
    <t>01/16/2020 00:35:45</t>
  </si>
  <si>
    <t>01/16/2020 00:35:46</t>
  </si>
  <si>
    <t>lu16700v8p7i.tmp</t>
  </si>
  <si>
    <t>\\acsfs\profiles$\MARLYANNEGDLS\Downloads\lu16700v8p7i.tmp</t>
  </si>
  <si>
    <t>\\acsfs\profiles$\MARLYANNEGDLS\Downloads\lu16700v8p7i.tmp\</t>
  </si>
  <si>
    <t>\\acsfs\profiles$\MARLYANNEGDLS\Downloads\lu16700v8p7i.tmp\META-INF\</t>
  </si>
  <si>
    <t>\\acsfs\profiles$\MARLYANNEGDLS\Downloads\lu16700v8p7i.tmp\Thumbnails\</t>
  </si>
  <si>
    <t>01/16/2020 00:37:11</t>
  </si>
  <si>
    <t>lu16700v8p7n.tmp</t>
  </si>
  <si>
    <t>\\acsfs\profiles$\MARLYANNEGDLS\Downloads\lu16700v8p7n.tmp</t>
  </si>
  <si>
    <t>\\acsfs\profiles$\MARLYANNEGDLS\Downloads\lu16700v8p7n.tmp\</t>
  </si>
  <si>
    <t>\\acsfs\profiles$\MARLYANNEGDLS\Downloads\lu16700v8p7n.tmp\META-INF\</t>
  </si>
  <si>
    <t>\\acsfs\profiles$\MARLYANNEGDLS\Downloads\lu16700v8p7n.tmp\Thumbnails\</t>
  </si>
  <si>
    <t>01/16/2020 00:43:31</t>
  </si>
  <si>
    <t>01/16/2020 00:41:13</t>
  </si>
  <si>
    <t>01/16/2020 00:41:14</t>
  </si>
  <si>
    <t>lu16700v8p7s.tmp</t>
  </si>
  <si>
    <t>\\acsfs\profiles$\MARLYANNEGDLS\Downloads\lu16700v8p7s.tmp</t>
  </si>
  <si>
    <t>\\acsfs\profiles$\MARLYANNEGDLS\Downloads\lu16700v8p7s.tmp\</t>
  </si>
  <si>
    <t>\\acsfs\profiles$\MARLYANNEGDLS\Downloads\lu16700v8p7s.tmp\META-INF\</t>
  </si>
  <si>
    <t>\\acsfs\profiles$\MARLYANNEGDLS\Downloads\lu16700v8p7s.tmp\Thumbnails\</t>
  </si>
  <si>
    <t>01/16/2020 00:42:13</t>
  </si>
  <si>
    <t>01/16/2020 00:42:14</t>
  </si>
  <si>
    <t>lu16700v8p7x.tmp</t>
  </si>
  <si>
    <t>\\acsfs\profiles$\MARLYANNEGDLS\Downloads\lu16700v8p7x.tmp</t>
  </si>
  <si>
    <t>\\acsfs\profiles$\MARLYANNEGDLS\Downloads\lu16700v8p7x.tmp\</t>
  </si>
  <si>
    <t>\\acsfs\profiles$\MARLYANNEGDLS\Downloads\lu16700v8p7x.tmp\META-INF\</t>
  </si>
  <si>
    <t>\\acsfs\profiles$\MARLYANNEGDLS\Downloads\lu16700v8p7x.tmp\Thumbnails\</t>
  </si>
  <si>
    <t>01/16/2020 00:48:31</t>
  </si>
  <si>
    <t>01/16/2020 00:44:57</t>
  </si>
  <si>
    <t>lu16700v8p82.tmp</t>
  </si>
  <si>
    <t>\\acsfs\profiles$\MARLYANNEGDLS\Downloads\lu16700v8p82.tmp</t>
  </si>
  <si>
    <t>\\acsfs\profiles$\MARLYANNEGDLS\Downloads\lu16700v8p82.tmp\</t>
  </si>
  <si>
    <t>\\acsfs\profiles$\MARLYANNEGDLS\Downloads\lu16700v8p82.tmp\META-INF\</t>
  </si>
  <si>
    <t>\\acsfs\profiles$\MARLYANNEGDLS\Downloads\lu16700v8p82.tmp\Thumbnails\</t>
  </si>
  <si>
    <t>01/16/2020 00:46:29</t>
  </si>
  <si>
    <t>01/16/2020 00:46:30</t>
  </si>
  <si>
    <t>lu16700v8p87.tmp</t>
  </si>
  <si>
    <t>\\acsfs\profiles$\MARLYANNEGDLS\Downloads\lu16700v8p87.tmp</t>
  </si>
  <si>
    <t>\\acsfs\profiles$\MARLYANNEGDLS\Downloads\lu16700v8p87.tmp\</t>
  </si>
  <si>
    <t>\\acsfs\profiles$\MARLYANNEGDLS\Downloads\lu16700v8p87.tmp\META-INF\</t>
  </si>
  <si>
    <t>\\acsfs\profiles$\MARLYANNEGDLS\Downloads\lu16700v8p87.tmp\Thumbnails\</t>
  </si>
  <si>
    <t>01/16/2020 00:53:30</t>
  </si>
  <si>
    <t>01/16/2020 00:48:20</t>
  </si>
  <si>
    <t>01/16/2020 00:48:21</t>
  </si>
  <si>
    <t>lu16700v8p8c.tmp</t>
  </si>
  <si>
    <t>\\acsfs\profiles$\MARLYANNEGDLS\Downloads\lu16700v8p8c.tmp</t>
  </si>
  <si>
    <t>\\acsfs\profiles$\MARLYANNEGDLS\Downloads\lu16700v8p8c.tmp\</t>
  </si>
  <si>
    <t>\\acsfs\profiles$\MARLYANNEGDLS\Downloads\lu16700v8p8c.tmp\META-INF\</t>
  </si>
  <si>
    <t>\\acsfs\profiles$\MARLYANNEGDLS\Downloads\lu16700v8p8c.tmp\Thumbnails\</t>
  </si>
  <si>
    <t>01/16/2020 00:49:59</t>
  </si>
  <si>
    <t>lu16700v8p8h.tmp</t>
  </si>
  <si>
    <t>\\acsfs\profiles$\MARLYANNEGDLS\Downloads\lu16700v8p8h.tmp</t>
  </si>
  <si>
    <t>\\acsfs\profiles$\MARLYANNEGDLS\Downloads\lu16700v8p8h.tmp\</t>
  </si>
  <si>
    <t>\\acsfs\profiles$\MARLYANNEGDLS\Downloads\lu16700v8p8h.tmp\META-INF\</t>
  </si>
  <si>
    <t>01/16/2020 00:53:31</t>
  </si>
  <si>
    <t>\\acsfs\profiles$\MARLYANNEGDLS\Downloads\lu16700v8p8h.tmp\Thumbnails\</t>
  </si>
  <si>
    <t>01/16/2020 00:52:27</t>
  </si>
  <si>
    <t>01/16/2020 00:52:28</t>
  </si>
  <si>
    <t>lu16700v8p8m.tmp</t>
  </si>
  <si>
    <t>\\acsfs\profiles$\MARLYANNEGDLS\Downloads\lu16700v8p8m.tmp</t>
  </si>
  <si>
    <t>\\acsfs\profiles$\MARLYANNEGDLS\Downloads\lu16700v8p8m.tmp\</t>
  </si>
  <si>
    <t>\\acsfs\profiles$\MARLYANNEGDLS\Downloads\lu16700v8p8m.tmp\META-INF\</t>
  </si>
  <si>
    <t>\\acsfs\profiles$\MARLYANNEGDLS\Downloads\lu16700v8p8m.tmp\Thumbnails\</t>
  </si>
  <si>
    <t>01/16/2020 00:58:31</t>
  </si>
  <si>
    <t>01/16/2020 00:53:35</t>
  </si>
  <si>
    <t>lu16700v8p8r.tmp</t>
  </si>
  <si>
    <t>\\acsfs\profiles$\MARLYANNEGDLS\Downloads\lu16700v8p8r.tmp</t>
  </si>
  <si>
    <t>\\acsfs\profiles$\MARLYANNEGDLS\Downloads\lu16700v8p8r.tmp\</t>
  </si>
  <si>
    <t>\\acsfs\profiles$\MARLYANNEGDLS\Downloads\lu16700v8p8r.tmp\META-INF\</t>
  </si>
  <si>
    <t>01/16/2020 00:53:36</t>
  </si>
  <si>
    <t>\\acsfs\profiles$\MARLYANNEGDLS\Downloads\lu16700v8p8r.tmp\Thumbnails\</t>
  </si>
  <si>
    <t>01/16/2020 00:54:09</t>
  </si>
  <si>
    <t>lu16700v8p8w.tmp</t>
  </si>
  <si>
    <t>\\acsfs\profiles$\MARLYANNEGDLS\Downloads\lu16700v8p8w.tmp</t>
  </si>
  <si>
    <t>\\acsfs\profiles$\MARLYANNEGDLS\Downloads\lu16700v8p8w.tmp\</t>
  </si>
  <si>
    <t>\\acsfs\profiles$\MARLYANNEGDLS\Downloads\lu16700v8p8w.tmp\META-INF\</t>
  </si>
  <si>
    <t>\\acsfs\profiles$\MARLYANNEGDLS\Downloads\lu16700v8p8w.tmp\Thumbnails\</t>
  </si>
  <si>
    <t>01/16/2020 00:56:39</t>
  </si>
  <si>
    <t>01/16/2020 00:56:40</t>
  </si>
  <si>
    <t>lu16700v8p91.tmp</t>
  </si>
  <si>
    <t>\\acsfs\profiles$\MARLYANNEGDLS\Downloads\lu16700v8p91.tmp</t>
  </si>
  <si>
    <t>\\acsfs\profiles$\MARLYANNEGDLS\Downloads\lu16700v8p91.tmp\</t>
  </si>
  <si>
    <t>\\acsfs\profiles$\MARLYANNEGDLS\Downloads\lu16700v8p91.tmp\META-INF\</t>
  </si>
  <si>
    <t>\\acsfs\profiles$\MARLYANNEGDLS\Downloads\lu16700v8p91.tmp\Thumbnails\</t>
  </si>
  <si>
    <t>01/16/2020 01:15:30</t>
  </si>
  <si>
    <t>01/16/2020 01:02:21</t>
  </si>
  <si>
    <t>ede0f700-6ac9-48fb-8f27-0a6f05911d54.tmp</t>
  </si>
  <si>
    <t>\\acsfs\profiles$\marlyannegdls\Downloads\ede0f700-6ac9-48fb-8f27-0a6f05911d54.tmp</t>
  </si>
  <si>
    <t>01/16/2020 00:59:17</t>
  </si>
  <si>
    <t>\\acsfs\profiles$\mariaavds\My Documents\</t>
  </si>
  <si>
    <t>.~lock.Renegue -Vcto-20-12.ods#</t>
  </si>
  <si>
    <t>\\acsfs\profiles$\mariaavds\My Documents\.~lock.Renegue -Vcto-20-12.ods#</t>
  </si>
  <si>
    <t>01/16/2020 00:59:18</t>
  </si>
  <si>
    <t>lu13096muiaw.tmp</t>
  </si>
  <si>
    <t>\\acsfs\profiles$\mariaavds\My Documents\lu13096muiaw.tmp</t>
  </si>
  <si>
    <t>\\acsfs\profiles$\mariaavds\My Documents\lu13096muiaw.tmp\</t>
  </si>
  <si>
    <t>\\acsfs\profiles$\mariaavds\My Documents\lu13096muiaw.tmp\META-INF\</t>
  </si>
  <si>
    <t>01/16/2020 01:05:24</t>
  </si>
  <si>
    <t>01/16/2020 01:05:25</t>
  </si>
  <si>
    <t>lu16700v8p96.tmp</t>
  </si>
  <si>
    <t>\\acsfs\profiles$\MARLYANNEGDLS\Downloads\lu16700v8p96.tmp</t>
  </si>
  <si>
    <t>01/16/2020 01:13:41</t>
  </si>
  <si>
    <t>01/16/2020 01:17:30</t>
  </si>
  <si>
    <t>\\acsfs\profiles$\mariaavds\My Documents\lu13096muiaw.tmp\Thumbnails\</t>
  </si>
  <si>
    <t>01/16/2020 01:11:00</t>
  </si>
  <si>
    <t>01/16/2020 01:11:01</t>
  </si>
  <si>
    <t>lu13096muib5.tmp</t>
  </si>
  <si>
    <t>\\acsfs\profiles$\mariaavds\My Documents\lu13096muib5.tmp</t>
  </si>
  <si>
    <t>\\acsfs\profiles$\mariaavds\My Documents\lu13096muib5.tmp\</t>
  </si>
  <si>
    <t>\\acsfs\profiles$\mariaavds\My Documents\lu13096muib5.tmp\META-INF\</t>
  </si>
  <si>
    <t>\\acsfs\profiles$\mariaavds\My Documents\lu13096muib5.tmp\Thumbnails\</t>
  </si>
  <si>
    <t>\\acsfs\profiles$\MARLYANNEGDLS\Downloads\lu16700v8p96.tmp\</t>
  </si>
  <si>
    <t>\\acsfs\profiles$\MARLYANNEGDLS\Downloads\lu16700v8p96.tmp\META-INF\</t>
  </si>
  <si>
    <t>\\acsfs\profiles$\MARLYANNEGDLS\Downloads\lu16700v8p96.tmp\Thumbnails\</t>
  </si>
  <si>
    <t>01/16/2020 01:06:52</t>
  </si>
  <si>
    <t>01/16/2020 01:06:53</t>
  </si>
  <si>
    <t>lu16700v8p9b.tmp</t>
  </si>
  <si>
    <t>\\acsfs\profiles$\MARLYANNEGDLS\Downloads\lu16700v8p9b.tmp</t>
  </si>
  <si>
    <t>\\acsfs\profiles$\MARLYANNEGDLS\Downloads\lu16700v8p9b.tmp\</t>
  </si>
  <si>
    <t>\\acsfs\profiles$\MARLYANNEGDLS\Downloads\lu16700v8p9b.tmp\META-INF\</t>
  </si>
  <si>
    <t>\\acsfs\profiles$\MARLYANNEGDLS\Downloads\lu16700v8p9b.tmp\Thumbnails\</t>
  </si>
  <si>
    <t>01/16/2020 01:11:28</t>
  </si>
  <si>
    <t>01/16/2020 01:11:29</t>
  </si>
  <si>
    <t>lu16700v8p9g.tmp</t>
  </si>
  <si>
    <t>\\acsfs\profiles$\MARLYANNEGDLS\Downloads\lu16700v8p9g.tmp</t>
  </si>
  <si>
    <t>\\acsfs\profiles$\MARLYANNEGDLS\Downloads\lu16700v8p9g.tmp\</t>
  </si>
  <si>
    <t>\\acsfs\profiles$\MARLYANNEGDLS\Downloads\lu16700v8p9g.tmp\META-INF\</t>
  </si>
  <si>
    <t>\\acsfs\profiles$\MARLYANNEGDLS\Downloads\lu16700v8p9g.tmp\Thumbnails\</t>
  </si>
  <si>
    <t>01/16/2020 01:13:42</t>
  </si>
  <si>
    <t>lu16700v8p9l.tmp</t>
  </si>
  <si>
    <t>\\acsfs\profiles$\MARLYANNEGDLS\Downloads\lu16700v8p9l.tmp</t>
  </si>
  <si>
    <t>\\acsfs\profiles$\MARLYANNEGDLS\Downloads\lu16700v8p9l.tmp\</t>
  </si>
  <si>
    <t>\\acsfs\profiles$\MARLYANNEGDLS\Downloads\lu16700v8p9l.tmp\META-INF\</t>
  </si>
  <si>
    <t>\\acsfs\profiles$\MARLYANNEGDLS\Downloads\lu16700v8p9l.tmp\Thumbnails\</t>
  </si>
  <si>
    <t>01/16/2020 01:14:08</t>
  </si>
  <si>
    <t>01/16/2020 01:14:09</t>
  </si>
  <si>
    <t>lu16700v8p9q.tmp</t>
  </si>
  <si>
    <t>\\acsfs\profiles$\MARLYANNEGDLS\Downloads\lu16700v8p9q.tmp</t>
  </si>
  <si>
    <t>\\acsfs\profiles$\MARLYANNEGDLS\Downloads\lu16700v8p9q.tmp\</t>
  </si>
  <si>
    <t>\\acsfs\profiles$\MARLYANNEGDLS\Downloads\lu16700v8p9q.tmp\META-INF\</t>
  </si>
  <si>
    <t>\\acsfs\profiles$\MARLYANNEGDLS\Downloads\lu16700v8p9q.tmp\Thumbnails\</t>
  </si>
  <si>
    <t>01/16/2020 01:14:37</t>
  </si>
  <si>
    <t>lu16700v8p9v.tmp</t>
  </si>
  <si>
    <t>\\acsfs\profiles$\MARLYANNEGDLS\Downloads\lu16700v8p9v.tmp</t>
  </si>
  <si>
    <t>\\acsfs\profiles$\MARLYANNEGDLS\Downloads\lu16700v8p9v.tmp\</t>
  </si>
  <si>
    <t>\\acsfs\profiles$\MARLYANNEGDLS\Downloads\lu16700v8p9v.tmp\META-INF\</t>
  </si>
  <si>
    <t>\\acsfs\profiles$\MARLYANNEGDLS\Downloads\lu16700v8p9v.tmp\Thumbnails\</t>
  </si>
  <si>
    <t>01/16/2020 01:15:38</t>
  </si>
  <si>
    <t>lu16700v8pa0.tmp</t>
  </si>
  <si>
    <t>\\acsfs\profiles$\MARLYANNEGDLS\Downloads\lu16700v8pa0.tmp</t>
  </si>
  <si>
    <t>\\acsfs\profiles$\MARLYANNEGDLS\Downloads\lu16700v8pa0.tmp\</t>
  </si>
  <si>
    <t>\\acsfs\profiles$\MARLYANNEGDLS\Downloads\lu16700v8pa0.tmp\META-INF\</t>
  </si>
  <si>
    <t>\\acsfs\profiles$\MARLYANNEGDLS\Downloads\lu16700v8pa0.tmp\Thumbnails\</t>
  </si>
  <si>
    <t>01/16/2020 01:18:37</t>
  </si>
  <si>
    <t>01/16/2020 01:22:30</t>
  </si>
  <si>
    <t>lu16700v8pa5.tmp</t>
  </si>
  <si>
    <t>\\acsfs\profiles$\MARLYANNEGDLS\Downloads\lu16700v8pa5.tmp</t>
  </si>
  <si>
    <t>\\acsfs\profiles$\MARLYANNEGDLS\Downloads\lu16700v8pa5.tmp\</t>
  </si>
  <si>
    <t>\\acsfs\profiles$\MARLYANNEGDLS\Downloads\lu16700v8pa5.tmp\META-INF\</t>
  </si>
  <si>
    <t>\\acsfs\profiles$\MARLYANNEGDLS\Downloads\lu16700v8pa5.tmp\Thumbnails\</t>
  </si>
  <si>
    <t>01/16/2020 01:27:30</t>
  </si>
  <si>
    <t>01/16/2020 01:28:37</t>
  </si>
  <si>
    <t>01/16/2020 01:32:30</t>
  </si>
  <si>
    <t>01/16/2020 01:28:38</t>
  </si>
  <si>
    <t>lu16700v8paa.tmp</t>
  </si>
  <si>
    <t>\\acsfs\profiles$\MARLYANNEGDLS\Downloads\lu16700v8paa.tmp</t>
  </si>
  <si>
    <t>\\acsfs\profiles$\MARLYANNEGDLS\Downloads\lu16700v8paa.tmp\</t>
  </si>
  <si>
    <t>\\acsfs\profiles$\MARLYANNEGDLS\Downloads\lu16700v8paa.tmp\META-INF\</t>
  </si>
  <si>
    <t>\\acsfs\profiles$\MARLYANNEGDLS\Downloads\lu16700v8paa.tmp\Thumbnails\</t>
  </si>
  <si>
    <t>01/16/2020 01:29:18</t>
  </si>
  <si>
    <t>01/16/2020 01:29:19</t>
  </si>
  <si>
    <t>lu16700v8paf.tmp</t>
  </si>
  <si>
    <t>\\acsfs\profiles$\MARLYANNEGDLS\Downloads\lu16700v8paf.tmp</t>
  </si>
  <si>
    <t>\\acsfs\profiles$\MARLYANNEGDLS\Downloads\lu16700v8paf.tmp\</t>
  </si>
  <si>
    <t>\\acsfs\profiles$\MARLYANNEGDLS\Downloads\lu16700v8paf.tmp\META-INF\</t>
  </si>
  <si>
    <t>\\acsfs\profiles$\MARLYANNEGDLS\Downloads\lu16700v8paf.tmp\Thumbnails\</t>
  </si>
  <si>
    <t>01/16/2020 01:31:59</t>
  </si>
  <si>
    <t>lu16700v8pak.tmp</t>
  </si>
  <si>
    <t>\\acsfs\profiles$\MARLYANNEGDLS\Downloads\lu16700v8pak.tmp</t>
  </si>
  <si>
    <t>\\acsfs\profiles$\MARLYANNEGDLS\Downloads\lu16700v8pak.tmp\</t>
  </si>
  <si>
    <t>\\acsfs\profiles$\MARLYANNEGDLS\Downloads\lu16700v8pak.tmp\META-INF\</t>
  </si>
  <si>
    <t>01/16/2020 01:32:00</t>
  </si>
  <si>
    <t>\\acsfs\profiles$\MARLYANNEGDLS\Downloads\lu16700v8pak.tmp\Thumbnails\</t>
  </si>
  <si>
    <t>01/16/2020 01:33:42</t>
  </si>
  <si>
    <t>01/16/2020 01:37:31</t>
  </si>
  <si>
    <t>8174a68b-368e-4693-9cfe-b969aa482989.tmp</t>
  </si>
  <si>
    <t>\\acsfs\profiles$\marlyannegdls\Downloads\8174a68b-368e-4693-9cfe-b969aa482989.tmp</t>
  </si>
  <si>
    <t>\\acsfs\profiles$\marlyannegdls\Downloads\8174a68b-368e-4693-9cfe-b969aa482989.tmp\</t>
  </si>
  <si>
    <t>\\acsfs\profiles$\marlyannegdls\Downloads\8174a68b-368e-4693-9cfe-b969aa482989.tmp\META-INF\</t>
  </si>
  <si>
    <t>\\acsfs\profiles$\marlyannegdls\Downloads\8174a68b-368e-4693-9cfe-b969aa482989.tmp\Thumbnails\</t>
  </si>
  <si>
    <t>01/16/2020 01:33:49</t>
  </si>
  <si>
    <t>.~lock.Reneg - Vcto 28-12-19 (1).ods#</t>
  </si>
  <si>
    <t>\\acsfs\profiles$\marlyannegdls\Downloads\.~lock.Reneg - Vcto 28-12-19 (1).ods#</t>
  </si>
  <si>
    <t>01/16/2020 01:42:31</t>
  </si>
  <si>
    <t>01/16/2020 01:47:31</t>
  </si>
  <si>
    <t>01/16/2020 01:50:52</t>
  </si>
  <si>
    <t>01/16/2020 01:52:31</t>
  </si>
  <si>
    <t>.~lock.Reneg - Vcto 26-12-19.ods#</t>
  </si>
  <si>
    <t>\\acsfs\profiles$\MARLYANNEGDLS\Downloads\.~lock.Reneg - Vcto 26-12-19.ods#</t>
  </si>
  <si>
    <t>01/16/2020 01:50:53</t>
  </si>
  <si>
    <t>lu1412zz28h.tmp</t>
  </si>
  <si>
    <t>\\acsfs\profiles$\MARLYANNEGDLS\Downloads\lu1412zz28h.tmp</t>
  </si>
  <si>
    <t>\\acsfs\profiles$\MARLYANNEGDLS\Downloads\lu1412zz28h.tmp\</t>
  </si>
  <si>
    <t>\\acsfs\profiles$\MARLYANNEGDLS\Downloads\lu1412zz28h.tmp\META-INF\</t>
  </si>
  <si>
    <t>\\acsfs\profiles$\MARLYANNEGDLS\Downloads\lu1412zz28h.tmp\Thumbnails\</t>
  </si>
  <si>
    <t>01/16/2020 01:51:22</t>
  </si>
  <si>
    <t>lu1412zz28m.tmp</t>
  </si>
  <si>
    <t>\\acsfs\profiles$\MARLYANNEGDLS\Downloads\lu1412zz28m.tmp</t>
  </si>
  <si>
    <t>\\acsfs\profiles$\MARLYANNEGDLS\Downloads\lu1412zz28m.tmp\</t>
  </si>
  <si>
    <t>01/16/2020 01:51:23</t>
  </si>
  <si>
    <t>\\acsfs\profiles$\MARLYANNEGDLS\Downloads\lu1412zz28m.tmp\META-INF\</t>
  </si>
  <si>
    <t>\\acsfs\profiles$\MARLYANNEGDLS\Downloads\lu1412zz28m.tmp\Thumbnails\</t>
  </si>
  <si>
    <t>01/16/2020 01:52:39</t>
  </si>
  <si>
    <t>01/16/2020 01:57:31</t>
  </si>
  <si>
    <t>lu1412zz28r.tmp</t>
  </si>
  <si>
    <t>\\acsfs\profiles$\MARLYANNEGDLS\Downloads\lu1412zz28r.tmp</t>
  </si>
  <si>
    <t>\\acsfs\profiles$\MARLYANNEGDLS\Downloads\lu1412zz28r.tmp\</t>
  </si>
  <si>
    <t>\\acsfs\profiles$\MARLYANNEGDLS\Downloads\lu1412zz28r.tmp\META-INF\</t>
  </si>
  <si>
    <t>\\acsfs\profiles$\MARLYANNEGDLS\Downloads\lu1412zz28r.tmp\Thumbnails\</t>
  </si>
  <si>
    <t>01/16/2020 01:53:07</t>
  </si>
  <si>
    <t>01/16/2020 01:53:08</t>
  </si>
  <si>
    <t>lu1412zz28w.tmp</t>
  </si>
  <si>
    <t>\\acsfs\profiles$\MARLYANNEGDLS\Downloads\lu1412zz28w.tmp</t>
  </si>
  <si>
    <t>\\acsfs\profiles$\MARLYANNEGDLS\Downloads\lu1412zz28w.tmp\</t>
  </si>
  <si>
    <t>\\acsfs\profiles$\MARLYANNEGDLS\Downloads\lu1412zz28w.tmp\META-INF\</t>
  </si>
  <si>
    <t>\\acsfs\profiles$\MARLYANNEGDLS\Downloads\lu1412zz28w.tmp\Thumbnails\</t>
  </si>
  <si>
    <t>01/16/2020 01:54:45</t>
  </si>
  <si>
    <t>01/16/2020 01:54:46</t>
  </si>
  <si>
    <t>lu1412zz291.tmp</t>
  </si>
  <si>
    <t>\\acsfs\profiles$\MARLYANNEGDLS\Downloads\lu1412zz291.tmp</t>
  </si>
  <si>
    <t>\\acsfs\profiles$\MARLYANNEGDLS\Downloads\lu1412zz291.tmp\</t>
  </si>
  <si>
    <t>\\acsfs\profiles$\MARLYANNEGDLS\Downloads\lu1412zz291.tmp\META-INF\</t>
  </si>
  <si>
    <t>\\acsfs\profiles$\MARLYANNEGDLS\Downloads\lu1412zz291.tmp\Thumbnails\</t>
  </si>
  <si>
    <t>01/16/2020 01:55:37</t>
  </si>
  <si>
    <t>01/16/2020 01:55:38</t>
  </si>
  <si>
    <t>lu1412zz296.tmp</t>
  </si>
  <si>
    <t>\\acsfs\profiles$\MARLYANNEGDLS\Downloads\lu1412zz296.tmp</t>
  </si>
  <si>
    <t>\\acsfs\profiles$\MARLYANNEGDLS\Downloads\lu1412zz296.tmp\</t>
  </si>
  <si>
    <t>\\acsfs\profiles$\MARLYANNEGDLS\Downloads\lu1412zz296.tmp\META-INF\</t>
  </si>
  <si>
    <t>\\acsfs\profiles$\MARLYANNEGDLS\Downloads\lu1412zz296.tmp\Thumbnails\</t>
  </si>
  <si>
    <t>01/16/2020 01:56:08</t>
  </si>
  <si>
    <t>01/16/2020 01:56:09</t>
  </si>
  <si>
    <t>lu1412zz29b.tmp</t>
  </si>
  <si>
    <t>\\acsfs\profiles$\MARLYANNEGDLS\Downloads\lu1412zz29b.tmp</t>
  </si>
  <si>
    <t>\\acsfs\profiles$\MARLYANNEGDLS\Downloads\lu1412zz29b.tmp\</t>
  </si>
  <si>
    <t>\\acsfs\profiles$\MARLYANNEGDLS\Downloads\lu1412zz29b.tmp\META-INF\</t>
  </si>
  <si>
    <t>\\acsfs\profiles$\MARLYANNEGDLS\Downloads\lu1412zz29b.tmp\Thumbnails\</t>
  </si>
  <si>
    <t>01/16/2020 01:57:15</t>
  </si>
  <si>
    <t>01/16/2020 01:57:16</t>
  </si>
  <si>
    <t>lu1412zz29g.tmp</t>
  </si>
  <si>
    <t>\\acsfs\profiles$\MARLYANNEGDLS\Downloads\lu1412zz29g.tmp</t>
  </si>
  <si>
    <t>\\acsfs\profiles$\MARLYANNEGDLS\Downloads\lu1412zz29g.tmp\</t>
  </si>
  <si>
    <t>\\acsfs\profiles$\MARLYANNEGDLS\Downloads\lu1412zz29g.tmp\META-INF\</t>
  </si>
  <si>
    <t>\\acsfs\profiles$\MARLYANNEGDLS\Downloads\lu1412zz29g.tmp\Thumbnails\</t>
  </si>
  <si>
    <t>01/16/2020 01:59:51</t>
  </si>
  <si>
    <t>01/16/2020 02:02:31</t>
  </si>
  <si>
    <t>01/16/2020 01:59:52</t>
  </si>
  <si>
    <t>lu1412zz29l.tmp</t>
  </si>
  <si>
    <t>\\acsfs\profiles$\MARLYANNEGDLS\Downloads\lu1412zz29l.tmp</t>
  </si>
  <si>
    <t>\\acsfs\profiles$\MARLYANNEGDLS\Downloads\lu1412zz29l.tmp\</t>
  </si>
  <si>
    <t>\\acsfs\profiles$\MARLYANNEGDLS\Downloads\lu1412zz29l.tmp\META-INF\</t>
  </si>
  <si>
    <t>\\acsfs\profiles$\MARLYANNEGDLS\Downloads\lu1412zz29l.tmp\Thumbnails\</t>
  </si>
  <si>
    <t>01/16/2020 02:00:41</t>
  </si>
  <si>
    <t>01/16/2020 02:00:42</t>
  </si>
  <si>
    <t>lu1412zz29q.tmp</t>
  </si>
  <si>
    <t>\\acsfs\profiles$\MARLYANNEGDLS\Downloads\lu1412zz29q.tmp</t>
  </si>
  <si>
    <t>\\acsfs\profiles$\MARLYANNEGDLS\Downloads\lu1412zz29q.tmp\</t>
  </si>
  <si>
    <t>\\acsfs\profiles$\MARLYANNEGDLS\Downloads\lu1412zz29q.tmp\META-INF\</t>
  </si>
  <si>
    <t>\\acsfs\profiles$\MARLYANNEGDLS\Downloads\lu1412zz29q.tmp\Thumbnails\</t>
  </si>
  <si>
    <t>01/16/2020 02:01:10</t>
  </si>
  <si>
    <t>01/16/2020 02:01:11</t>
  </si>
  <si>
    <t>lu1412zz29v.tmp</t>
  </si>
  <si>
    <t>\\acsfs\profiles$\MARLYANNEGDLS\Downloads\lu1412zz29v.tmp</t>
  </si>
  <si>
    <t>\\acsfs\profiles$\MARLYANNEGDLS\Downloads\lu1412zz29v.tmp\</t>
  </si>
  <si>
    <t>\\acsfs\profiles$\MARLYANNEGDLS\Downloads\lu1412zz29v.tmp\META-INF\</t>
  </si>
  <si>
    <t>\\acsfs\profiles$\MARLYANNEGDLS\Downloads\lu1412zz29v.tmp\Thumbnails\</t>
  </si>
  <si>
    <t>01/16/2020 02:07:32</t>
  </si>
  <si>
    <t>01/16/2020 02:07:05</t>
  </si>
  <si>
    <t>lu13096muibu.tmp</t>
  </si>
  <si>
    <t>\\acsfs\profiles$\mariaavds\My Documents\lu13096muibu.tmp</t>
  </si>
  <si>
    <t>\\acsfs\profiles$\mariaavds\My Documents\lu13096muibu.tmp\</t>
  </si>
  <si>
    <t>\\acsfs\profiles$\mariaavds\My Documents\lu13096muibu.tmp\META-INF\</t>
  </si>
  <si>
    <t>\\acsfs\profiles$\mariaavds\My Documents\lu13096muibu.tmp\Thumbnails\</t>
  </si>
  <si>
    <t>01/16/2020 02:02:34</t>
  </si>
  <si>
    <t>lu1412zz2a0.tmp</t>
  </si>
  <si>
    <t>\\acsfs\profiles$\MARLYANNEGDLS\Downloads\lu1412zz2a0.tmp</t>
  </si>
  <si>
    <t>\\acsfs\profiles$\MARLYANNEGDLS\Downloads\lu1412zz2a0.tmp\</t>
  </si>
  <si>
    <t>01/16/2020 02:02:35</t>
  </si>
  <si>
    <t>\\acsfs\profiles$\MARLYANNEGDLS\Downloads\lu1412zz2a0.tmp\META-INF\</t>
  </si>
  <si>
    <t>\\acsfs\profiles$\MARLYANNEGDLS\Downloads\lu1412zz2a0.tmp\Thumbnails\</t>
  </si>
  <si>
    <t>01/16/2020 02:05:48</t>
  </si>
  <si>
    <t>01/16/2020 02:05:49</t>
  </si>
  <si>
    <t>lu1412zz2a5.tmp</t>
  </si>
  <si>
    <t>\\acsfs\profiles$\MARLYANNEGDLS\Downloads\lu1412zz2a5.tmp</t>
  </si>
  <si>
    <t>\\acsfs\profiles$\MARLYANNEGDLS\Downloads\lu1412zz2a5.tmp\</t>
  </si>
  <si>
    <t>\\acsfs\profiles$\MARLYANNEGDLS\Downloads\lu1412zz2a5.tmp\META-INF\</t>
  </si>
  <si>
    <t>\\acsfs\profiles$\MARLYANNEGDLS\Downloads\lu1412zz2a5.tmp\Thumbnails\</t>
  </si>
  <si>
    <t>01/16/2020 02:06:17</t>
  </si>
  <si>
    <t>01/16/2020 02:06:18</t>
  </si>
  <si>
    <t>lu1412zz2aa.tmp</t>
  </si>
  <si>
    <t>\\acsfs\profiles$\MARLYANNEGDLS\Downloads\lu1412zz2aa.tmp</t>
  </si>
  <si>
    <t>\\acsfs\profiles$\MARLYANNEGDLS\Downloads\lu1412zz2aa.tmp\</t>
  </si>
  <si>
    <t>\\acsfs\profiles$\MARLYANNEGDLS\Downloads\lu1412zz2aa.tmp\META-INF\</t>
  </si>
  <si>
    <t>01/16/2020 02:08:31</t>
  </si>
  <si>
    <t>\\acsfs\profiles$\MARLYANNEGDLS\Downloads\lu1412zz2aa.tmp\Thumbnails\</t>
  </si>
  <si>
    <t>01/16/2020 02:12:31</t>
  </si>
  <si>
    <t>01/16/2020 02:07:47</t>
  </si>
  <si>
    <t>01/16/2020 02:13:31</t>
  </si>
  <si>
    <t>01/16/2020 02:07:48</t>
  </si>
  <si>
    <t>lu1412zz2af.tmp</t>
  </si>
  <si>
    <t>\\acsfs\profiles$\MARLYANNEGDLS\Downloads\lu1412zz2af.tmp</t>
  </si>
  <si>
    <t>\\acsfs\profiles$\MARLYANNEGDLS\Downloads\lu1412zz2af.tmp\</t>
  </si>
  <si>
    <t>\\acsfs\profiles$\MARLYANNEGDLS\Downloads\lu1412zz2af.tmp\META-INF\</t>
  </si>
  <si>
    <t>\\acsfs\profiles$\MARLYANNEGDLS\Downloads\lu1412zz2af.tmp\Thumbnails\</t>
  </si>
  <si>
    <t>01/16/2020 02:08:18</t>
  </si>
  <si>
    <t>01/16/2020 02:08:19</t>
  </si>
  <si>
    <t>lu1412zz2ak.tmp</t>
  </si>
  <si>
    <t>\\acsfs\profiles$\MARLYANNEGDLS\Downloads\lu1412zz2ak.tmp</t>
  </si>
  <si>
    <t>\\acsfs\profiles$\MARLYANNEGDLS\Downloads\lu1412zz2ak.tmp\</t>
  </si>
  <si>
    <t>\\acsfs\profiles$\MARLYANNEGDLS\Downloads\lu1412zz2ak.tmp\META-INF\</t>
  </si>
  <si>
    <t>\\acsfs\profiles$\MARLYANNEGDLS\Downloads\lu1412zz2ak.tmp\Thumbnails\</t>
  </si>
  <si>
    <t>01/16/2020 02:11:25</t>
  </si>
  <si>
    <t>01/16/2020 02:11:26</t>
  </si>
  <si>
    <t>lu1412zz2ap.tmp</t>
  </si>
  <si>
    <t>\\acsfs\profiles$\MARLYANNEGDLS\Downloads\lu1412zz2ap.tmp</t>
  </si>
  <si>
    <t>\\acsfs\profiles$\MARLYANNEGDLS\Downloads\lu1412zz2ap.tmp\</t>
  </si>
  <si>
    <t>\\acsfs\profiles$\MARLYANNEGDLS\Downloads\lu1412zz2ap.tmp\META-INF\</t>
  </si>
  <si>
    <t>\\acsfs\profiles$\MARLYANNEGDLS\Downloads\lu1412zz2ap.tmp\Thumbnails\</t>
  </si>
  <si>
    <t>01/16/2020 02:11:46</t>
  </si>
  <si>
    <t>01/16/2020 02:11:47</t>
  </si>
  <si>
    <t>lu1412zz2au.tmp</t>
  </si>
  <si>
    <t>\\acsfs\profiles$\MARLYANNEGDLS\Downloads\lu1412zz2au.tmp</t>
  </si>
  <si>
    <t>\\acsfs\profiles$\MARLYANNEGDLS\Downloads\lu1412zz2au.tmp\</t>
  </si>
  <si>
    <t>\\acsfs\profiles$\MARLYANNEGDLS\Downloads\lu1412zz2au.tmp\META-INF\</t>
  </si>
  <si>
    <t>\\acsfs\profiles$\MARLYANNEGDLS\Downloads\lu1412zz2au.tmp\Thumbnails\</t>
  </si>
  <si>
    <t>01/16/2020 02:15:40</t>
  </si>
  <si>
    <t>01/16/2020 02:17:30</t>
  </si>
  <si>
    <t>lu13096muibz.tmp</t>
  </si>
  <si>
    <t>\\acsfs\profiles$\mariaavds\My Documents\lu13096muibz.tmp</t>
  </si>
  <si>
    <t>\\acsfs\profiles$\mariaavds\My Documents\lu13096muibz.tmp\</t>
  </si>
  <si>
    <t>\\acsfs\profiles$\mariaavds\My Documents\lu13096muibz.tmp\META-INF\</t>
  </si>
  <si>
    <t>\\acsfs\profiles$\mariaavds\My Documents\lu13096muibz.tmp\Thumbnails\</t>
  </si>
  <si>
    <t>01/16/2020 02:15:41</t>
  </si>
  <si>
    <t>01/16/2020 02:15:42</t>
  </si>
  <si>
    <t>lu13096muic4.tmp</t>
  </si>
  <si>
    <t>\\acsfs\profiles$\mariaavds\My Documents\lu13096muic4.tmp</t>
  </si>
  <si>
    <t>\\acsfs\profiles$\mariaavds\My Documents\lu13096muic4.tmp\</t>
  </si>
  <si>
    <t>\\acsfs\profiles$\mariaavds\My Documents\lu13096muic4.tmp\META-INF\</t>
  </si>
  <si>
    <t>\\acsfs\profiles$\mariaavds\My Documents\lu13096muic4.tmp\Thumbnails\</t>
  </si>
  <si>
    <t>01/16/2020 02:15:52</t>
  </si>
  <si>
    <t>lu13096muic9.tmp</t>
  </si>
  <si>
    <t>\\acsfs\profiles$\mariaavds\My Documents\lu13096muic9.tmp</t>
  </si>
  <si>
    <t>\\acsfs\profiles$\mariaavds\My Documents\lu13096muic9.tmp\</t>
  </si>
  <si>
    <t>\\acsfs\profiles$\mariaavds\My Documents\lu13096muic9.tmp\META-INF\</t>
  </si>
  <si>
    <t>\\acsfs\profiles$\mariaavds\My Documents\lu13096muic9.tmp\Thumbnails\</t>
  </si>
  <si>
    <t>01/16/2020 02:17:31</t>
  </si>
  <si>
    <t>01/16/2020 02:18:31</t>
  </si>
  <si>
    <t>01/16/2020 02:13:48</t>
  </si>
  <si>
    <t>01/16/2020 02:13:49</t>
  </si>
  <si>
    <t>lu1412zz2az.tmp</t>
  </si>
  <si>
    <t>\\acsfs\profiles$\MARLYANNEGDLS\Downloads\lu1412zz2az.tmp</t>
  </si>
  <si>
    <t>\\acsfs\profiles$\MARLYANNEGDLS\Downloads\lu1412zz2az.tmp\</t>
  </si>
  <si>
    <t>\\acsfs\profiles$\MARLYANNEGDLS\Downloads\lu1412zz2az.tmp\META-INF\</t>
  </si>
  <si>
    <t>\\acsfs\profiles$\MARLYANNEGDLS\Downloads\lu1412zz2az.tmp\Thumbnails\</t>
  </si>
  <si>
    <t>01/16/2020 02:19:00</t>
  </si>
  <si>
    <t>01/16/2020 02:22:31</t>
  </si>
  <si>
    <t>479d2568-ef48-473c-ab29-e28ece029ec6.tmp</t>
  </si>
  <si>
    <t>\\acsfs\profiles$\mariaavds\Downloads\479d2568-ef48-473c-ab29-e28ece029ec6.tmp</t>
  </si>
  <si>
    <t>\\acsfs\profiles$\mariaavds\Downloads\479d2568-ef48-473c-ab29-e28ece029ec6.tmp\</t>
  </si>
  <si>
    <t>\\acsfs\profiles$\mariaavds\Downloads\479d2568-ef48-473c-ab29-e28ece029ec6.tmp\META-INF\</t>
  </si>
  <si>
    <t>\\acsfs\profiles$\mariaavds\Downloads\479d2568-ef48-473c-ab29-e28ece029ec6.tmp\Thumbnails\</t>
  </si>
  <si>
    <t>01/16/2020 02:19:08</t>
  </si>
  <si>
    <t>\\acsfs\profiles$\mariaavds\Downloads\.~lock.Renegue -Vcto-20-12.ods#</t>
  </si>
  <si>
    <t>01/16/2020 02:23:31</t>
  </si>
  <si>
    <t>01/16/2020 02:17:39</t>
  </si>
  <si>
    <t>01/16/2020 02:17:40</t>
  </si>
  <si>
    <t>lu1412zz2b4.tmp</t>
  </si>
  <si>
    <t>\\acsfs\profiles$\MARLYANNEGDLS\Downloads\lu1412zz2b4.tmp</t>
  </si>
  <si>
    <t>\\acsfs\profiles$\MARLYANNEGDLS\Downloads\lu1412zz2b4.tmp\</t>
  </si>
  <si>
    <t>\\acsfs\profiles$\MARLYANNEGDLS\Downloads\lu1412zz2b4.tmp\META-INF\</t>
  </si>
  <si>
    <t>\\acsfs\profiles$\MARLYANNEGDLS\Downloads\lu1412zz2b4.tmp\Thumbnails\</t>
  </si>
  <si>
    <t>01/16/2020 02:18:04</t>
  </si>
  <si>
    <t>01/16/2020 02:18:05</t>
  </si>
  <si>
    <t>lu1412zz2b9.tmp</t>
  </si>
  <si>
    <t>\\acsfs\profiles$\MARLYANNEGDLS\Downloads\lu1412zz2b9.tmp</t>
  </si>
  <si>
    <t>\\acsfs\profiles$\MARLYANNEGDLS\Downloads\lu1412zz2b9.tmp\</t>
  </si>
  <si>
    <t>\\acsfs\profiles$\MARLYANNEGDLS\Downloads\lu1412zz2b9.tmp\META-INF\</t>
  </si>
  <si>
    <t>\\acsfs\profiles$\MARLYANNEGDLS\Downloads\lu1412zz2b9.tmp\Thumbnails\</t>
  </si>
  <si>
    <t>01/16/2020 02:18:38</t>
  </si>
  <si>
    <t>01/16/2020 02:18:39</t>
  </si>
  <si>
    <t>lu1412zz2be.tmp</t>
  </si>
  <si>
    <t>\\acsfs\profiles$\MARLYANNEGDLS\Downloads\lu1412zz2be.tmp</t>
  </si>
  <si>
    <t>\\acsfs\profiles$\MARLYANNEGDLS\Downloads\lu1412zz2be.tmp\</t>
  </si>
  <si>
    <t>\\acsfs\profiles$\MARLYANNEGDLS\Downloads\lu1412zz2be.tmp\META-INF\</t>
  </si>
  <si>
    <t>\\acsfs\profiles$\MARLYANNEGDLS\Downloads\lu1412zz2be.tmp\Thumbnails\</t>
  </si>
  <si>
    <t>01/16/2020 02:20:04</t>
  </si>
  <si>
    <t>lu1412zz2bj.tmp</t>
  </si>
  <si>
    <t>\\acsfs\profiles$\MARLYANNEGDLS\Downloads\lu1412zz2bj.tmp</t>
  </si>
  <si>
    <t>\\acsfs\profiles$\MARLYANNEGDLS\Downloads\lu1412zz2bj.tmp\</t>
  </si>
  <si>
    <t>\\acsfs\profiles$\MARLYANNEGDLS\Downloads\lu1412zz2bj.tmp\META-INF\</t>
  </si>
  <si>
    <t>\\acsfs\profiles$\MARLYANNEGDLS\Downloads\lu1412zz2bj.tmp\Thumbnails\</t>
  </si>
  <si>
    <t>01/16/2020 02:20:52</t>
  </si>
  <si>
    <t>01/16/2020 02:20:53</t>
  </si>
  <si>
    <t>lu1412zz2bo.tmp</t>
  </si>
  <si>
    <t>\\acsfs\profiles$\MARLYANNEGDLS\Downloads\lu1412zz2bo.tmp</t>
  </si>
  <si>
    <t>\\acsfs\profiles$\MARLYANNEGDLS\Downloads\lu1412zz2bo.tmp\</t>
  </si>
  <si>
    <t>\\acsfs\profiles$\MARLYANNEGDLS\Downloads\lu1412zz2bo.tmp\META-INF\</t>
  </si>
  <si>
    <t>\\acsfs\profiles$\MARLYANNEGDLS\Downloads\lu1412zz2bo.tmp\Thumbnails\</t>
  </si>
  <si>
    <t>01/16/2020 02:21:20</t>
  </si>
  <si>
    <t>01/16/2020 02:21:21</t>
  </si>
  <si>
    <t>lu1412zz2bt.tmp</t>
  </si>
  <si>
    <t>\\acsfs\profiles$\MARLYANNEGDLS\Downloads\lu1412zz2bt.tmp</t>
  </si>
  <si>
    <t>\\acsfs\profiles$\MARLYANNEGDLS\Downloads\lu1412zz2bt.tmp\</t>
  </si>
  <si>
    <t>\\acsfs\profiles$\MARLYANNEGDLS\Downloads\lu1412zz2bt.tmp\META-INF\</t>
  </si>
  <si>
    <t>\\acsfs\profiles$\MARLYANNEGDLS\Downloads\lu1412zz2bt.tmp\Thumbnails\</t>
  </si>
  <si>
    <t>01/16/2020 02:21:54</t>
  </si>
  <si>
    <t>01/16/2020 02:21:55</t>
  </si>
  <si>
    <t>lu1412zz2by.tmp</t>
  </si>
  <si>
    <t>\\acsfs\profiles$\MARLYANNEGDLS\Downloads\lu1412zz2by.tmp</t>
  </si>
  <si>
    <t>\\acsfs\profiles$\MARLYANNEGDLS\Downloads\lu1412zz2by.tmp\</t>
  </si>
  <si>
    <t>\\acsfs\profiles$\MARLYANNEGDLS\Downloads\lu1412zz2by.tmp\META-INF\</t>
  </si>
  <si>
    <t>\\acsfs\profiles$\MARLYANNEGDLS\Downloads\lu1412zz2by.tmp\Thumbnails\</t>
  </si>
  <si>
    <t>01/16/2020 02:27:31</t>
  </si>
  <si>
    <t>01/16/2020 02:28:31</t>
  </si>
  <si>
    <t>01/16/2020 02:25:28</t>
  </si>
  <si>
    <t>01/16/2020 02:25:29</t>
  </si>
  <si>
    <t>lu1412zz2c3.tmp</t>
  </si>
  <si>
    <t>\\acsfs\profiles$\MARLYANNEGDLS\Downloads\lu1412zz2c3.tmp</t>
  </si>
  <si>
    <t>\\acsfs\profiles$\MARLYANNEGDLS\Downloads\lu1412zz2c3.tmp\</t>
  </si>
  <si>
    <t>\\acsfs\profiles$\MARLYANNEGDLS\Downloads\lu1412zz2c3.tmp\META-INF\</t>
  </si>
  <si>
    <t>\\acsfs\profiles$\MARLYANNEGDLS\Downloads\lu1412zz2c3.tmp\Thumbnails\</t>
  </si>
  <si>
    <t>01/16/2020 02:27:35</t>
  </si>
  <si>
    <t>lu1412zz2c8.tmp</t>
  </si>
  <si>
    <t>\\acsfs\profiles$\MARLYANNEGDLS\Downloads\lu1412zz2c8.tmp</t>
  </si>
  <si>
    <t>\\acsfs\profiles$\MARLYANNEGDLS\Downloads\lu1412zz2c8.tmp\</t>
  </si>
  <si>
    <t>\\acsfs\profiles$\MARLYANNEGDLS\Downloads\lu1412zz2c8.tmp\META-INF\</t>
  </si>
  <si>
    <t>\\acsfs\profiles$\MARLYANNEGDLS\Downloads\lu1412zz2c8.tmp\Thumbnails\</t>
  </si>
  <si>
    <t>01/16/2020 02:32:31</t>
  </si>
  <si>
    <t>01/16/2020 02:33:31</t>
  </si>
  <si>
    <t>01/16/2020 02:28:17</t>
  </si>
  <si>
    <t>lu1412zz2cd.tmp</t>
  </si>
  <si>
    <t>\\acsfs\profiles$\MARLYANNEGDLS\Downloads\lu1412zz2cd.tmp</t>
  </si>
  <si>
    <t>\\acsfs\profiles$\MARLYANNEGDLS\Downloads\lu1412zz2cd.tmp\</t>
  </si>
  <si>
    <t>\\acsfs\profiles$\MARLYANNEGDLS\Downloads\lu1412zz2cd.tmp\META-INF\</t>
  </si>
  <si>
    <t>\\acsfs\profiles$\MARLYANNEGDLS\Downloads\lu1412zz2cd.tmp\Thumbnails\</t>
  </si>
  <si>
    <t>01/16/2020 02:29:17</t>
  </si>
  <si>
    <t>01/16/2020 02:29:18</t>
  </si>
  <si>
    <t>lu1412zz2ci.tmp</t>
  </si>
  <si>
    <t>\\acsfs\profiles$\MARLYANNEGDLS\Downloads\lu1412zz2ci.tmp</t>
  </si>
  <si>
    <t>\\acsfs\profiles$\MARLYANNEGDLS\Downloads\lu1412zz2ci.tmp\</t>
  </si>
  <si>
    <t>\\acsfs\profiles$\MARLYANNEGDLS\Downloads\lu1412zz2ci.tmp\META-INF\</t>
  </si>
  <si>
    <t>\\acsfs\profiles$\MARLYANNEGDLS\Downloads\lu1412zz2ci.tmp\Thumbnails\</t>
  </si>
  <si>
    <t>01/16/2020 02:31:54</t>
  </si>
  <si>
    <t>deed79dd-71dd-4e49-bef3-6790be17f8e2.tmp</t>
  </si>
  <si>
    <t>\\acsfs\profiles$\marlyannegdls\Downloads\deed79dd-71dd-4e49-bef3-6790be17f8e2.tmp</t>
  </si>
  <si>
    <t>01/16/2020 02:37:31</t>
  </si>
  <si>
    <t>01/16/2020 02:38:31</t>
  </si>
  <si>
    <t>01/16/2020 02:37:08</t>
  </si>
  <si>
    <t>01/16/2020 02:37:09</t>
  </si>
  <si>
    <t>lu1412zz2cn.tmp</t>
  </si>
  <si>
    <t>\\acsfs\profiles$\MARLYANNEGDLS\Downloads\lu1412zz2cn.tmp</t>
  </si>
  <si>
    <t>\\acsfs\profiles$\MARLYANNEGDLS\Downloads\lu1412zz2cn.tmp\</t>
  </si>
  <si>
    <t>\\acsfs\profiles$\MARLYANNEGDLS\Downloads\lu1412zz2cn.tmp\META-INF\</t>
  </si>
  <si>
    <t>\\acsfs\profiles$\MARLYANNEGDLS\Downloads\lu1412zz2cn.tmp\Thumbnails\</t>
  </si>
  <si>
    <t>01/16/2020 02:43:31</t>
  </si>
  <si>
    <t>01/16/2020 02:38:07</t>
  </si>
  <si>
    <t>01/16/2020 02:38:08</t>
  </si>
  <si>
    <t>lu1412zz2cs.tmp</t>
  </si>
  <si>
    <t>\\acsfs\profiles$\MARLYANNEGDLS\Downloads\lu1412zz2cs.tmp</t>
  </si>
  <si>
    <t>\\acsfs\profiles$\MARLYANNEGDLS\Downloads\lu1412zz2cs.tmp\</t>
  </si>
  <si>
    <t>\\acsfs\profiles$\MARLYANNEGDLS\Downloads\lu1412zz2cs.tmp\META-INF\</t>
  </si>
  <si>
    <t>\\acsfs\profiles$\MARLYANNEGDLS\Downloads\lu1412zz2cs.tmp\Thumbnails\</t>
  </si>
  <si>
    <t>01/16/2020 02:38:36</t>
  </si>
  <si>
    <t>01/16/2020 02:38:37</t>
  </si>
  <si>
    <t>lu1412zz2cx.tmp</t>
  </si>
  <si>
    <t>\\acsfs\profiles$\MARLYANNEGDLS\Downloads\lu1412zz2cx.tmp</t>
  </si>
  <si>
    <t>\\acsfs\profiles$\MARLYANNEGDLS\Downloads\lu1412zz2cx.tmp\</t>
  </si>
  <si>
    <t>\\acsfs\profiles$\MARLYANNEGDLS\Downloads\lu1412zz2cx.tmp\META-INF\</t>
  </si>
  <si>
    <t>\\acsfs\profiles$\MARLYANNEGDLS\Downloads\lu1412zz2cx.tmp\Thumbnails\</t>
  </si>
  <si>
    <t>01/16/2020 02:39:16</t>
  </si>
  <si>
    <t>01/16/2020 02:39:17</t>
  </si>
  <si>
    <t>lu1412zz2d2.tmp</t>
  </si>
  <si>
    <t>\\acsfs\profiles$\MARLYANNEGDLS\Downloads\lu1412zz2d2.tmp</t>
  </si>
  <si>
    <t>\\acsfs\profiles$\MARLYANNEGDLS\Downloads\lu1412zz2d2.tmp\</t>
  </si>
  <si>
    <t>\\acsfs\profiles$\MARLYANNEGDLS\Downloads\lu1412zz2d2.tmp\META-INF\</t>
  </si>
  <si>
    <t>\\acsfs\profiles$\MARLYANNEGDLS\Downloads\lu1412zz2d2.tmp\Thumbnails\</t>
  </si>
  <si>
    <t>01/16/2020 02:48:31</t>
  </si>
  <si>
    <t>01/16/2020 02:46:01</t>
  </si>
  <si>
    <t>01/16/2020 02:46:02</t>
  </si>
  <si>
    <t>lu1412zz2d7.tmp</t>
  </si>
  <si>
    <t>\\acsfs\profiles$\MARLYANNEGDLS\Downloads\lu1412zz2d7.tmp</t>
  </si>
  <si>
    <t>\\acsfs\profiles$\MARLYANNEGDLS\Downloads\lu1412zz2d7.tmp\</t>
  </si>
  <si>
    <t>\\acsfs\profiles$\MARLYANNEGDLS\Downloads\lu1412zz2d7.tmp\META-INF\</t>
  </si>
  <si>
    <t>\\acsfs\profiles$\MARLYANNEGDLS\Downloads\lu1412zz2d7.tmp\Thumbnails\</t>
  </si>
  <si>
    <t>01/16/2020 02:46:38</t>
  </si>
  <si>
    <t>lu1412zz2dc.tmp</t>
  </si>
  <si>
    <t>\\acsfs\profiles$\MARLYANNEGDLS\Downloads\lu1412zz2dc.tmp</t>
  </si>
  <si>
    <t>\\acsfs\profiles$\MARLYANNEGDLS\Downloads\lu1412zz2dc.tmp\</t>
  </si>
  <si>
    <t>\\acsfs\profiles$\MARLYANNEGDLS\Downloads\lu1412zz2dc.tmp\META-INF\</t>
  </si>
  <si>
    <t>\\acsfs\profiles$\MARLYANNEGDLS\Downloads\lu1412zz2dc.tmp\Thumbnails\</t>
  </si>
  <si>
    <t>01/16/2020 02:47:09</t>
  </si>
  <si>
    <t>lu1412zz2dh.tmp</t>
  </si>
  <si>
    <t>\\acsfs\profiles$\MARLYANNEGDLS\Downloads\lu1412zz2dh.tmp</t>
  </si>
  <si>
    <t>\\acsfs\profiles$\MARLYANNEGDLS\Downloads\lu1412zz2dh.tmp\</t>
  </si>
  <si>
    <t>\\acsfs\profiles$\MARLYANNEGDLS\Downloads\lu1412zz2dh.tmp\META-INF\</t>
  </si>
  <si>
    <t>\\acsfs\profiles$\MARLYANNEGDLS\Downloads\lu1412zz2dh.tmp\Thumbnails\</t>
  </si>
  <si>
    <t>01/16/2020 02:47:39</t>
  </si>
  <si>
    <t>lu1412zz2dm.tmp</t>
  </si>
  <si>
    <t>\\acsfs\profiles$\MARLYANNEGDLS\Downloads\lu1412zz2dm.tmp</t>
  </si>
  <si>
    <t>\\acsfs\profiles$\MARLYANNEGDLS\Downloads\lu1412zz2dm.tmp\</t>
  </si>
  <si>
    <t>\\acsfs\profiles$\MARLYANNEGDLS\Downloads\lu1412zz2dm.tmp\META-INF\</t>
  </si>
  <si>
    <t>\\acsfs\profiles$\MARLYANNEGDLS\Downloads\lu1412zz2dm.tmp\Thumbnails\</t>
  </si>
  <si>
    <t>01/16/2020 02:53:31</t>
  </si>
  <si>
    <t>01/16/2020 02:50:38</t>
  </si>
  <si>
    <t>lu1412zz2dr.tmp</t>
  </si>
  <si>
    <t>\\acsfs\profiles$\MARLYANNEGDLS\Downloads\lu1412zz2dr.tmp</t>
  </si>
  <si>
    <t>\\acsfs\profiles$\MARLYANNEGDLS\Downloads\lu1412zz2dr.tmp\</t>
  </si>
  <si>
    <t>01/16/2020 02:50:39</t>
  </si>
  <si>
    <t>\\acsfs\profiles$\MARLYANNEGDLS\Downloads\lu1412zz2dr.tmp\META-INF\</t>
  </si>
  <si>
    <t>\\acsfs\profiles$\MARLYANNEGDLS\Downloads\lu1412zz2dr.tmp\Thumbnails\</t>
  </si>
  <si>
    <t>01/16/2020 02:50:59</t>
  </si>
  <si>
    <t>01/16/2020 02:51:00</t>
  </si>
  <si>
    <t>lu1412zz2dw.tmp</t>
  </si>
  <si>
    <t>\\acsfs\profiles$\MARLYANNEGDLS\Downloads\lu1412zz2dw.tmp</t>
  </si>
  <si>
    <t>\\acsfs\profiles$\MARLYANNEGDLS\Downloads\lu1412zz2dw.tmp\</t>
  </si>
  <si>
    <t>\\acsfs\profiles$\MARLYANNEGDLS\Downloads\lu1412zz2dw.tmp\META-INF\</t>
  </si>
  <si>
    <t>\\acsfs\profiles$\MARLYANNEGDLS\Downloads\lu1412zz2dw.tmp\Thumbnails\</t>
  </si>
  <si>
    <t>01/16/2020 02:51:50</t>
  </si>
  <si>
    <t>01/16/2020 02:51:51</t>
  </si>
  <si>
    <t>lu1412zz2e1.tmp</t>
  </si>
  <si>
    <t>\\acsfs\profiles$\MARLYANNEGDLS\Downloads\lu1412zz2e1.tmp</t>
  </si>
  <si>
    <t>\\acsfs\profiles$\MARLYANNEGDLS\Downloads\lu1412zz2e1.tmp\</t>
  </si>
  <si>
    <t>\\acsfs\profiles$\MARLYANNEGDLS\Downloads\lu1412zz2e1.tmp\META-INF\</t>
  </si>
  <si>
    <t>\\acsfs\profiles$\MARLYANNEGDLS\Downloads\lu1412zz2e1.tmp\Thumbnails\</t>
  </si>
  <si>
    <t>01/16/2020 02:52:36</t>
  </si>
  <si>
    <t>01/16/2020 02:52:37</t>
  </si>
  <si>
    <t>lu1412zz2e6.tmp</t>
  </si>
  <si>
    <t>\\acsfs\profiles$\MARLYANNEGDLS\Downloads\lu1412zz2e6.tmp</t>
  </si>
  <si>
    <t>\\acsfs\profiles$\MARLYANNEGDLS\Downloads\lu1412zz2e6.tmp\</t>
  </si>
  <si>
    <t>\\acsfs\profiles$\MARLYANNEGDLS\Downloads\lu1412zz2e6.tmp\META-INF\</t>
  </si>
  <si>
    <t>\\acsfs\profiles$\MARLYANNEGDLS\Downloads\lu1412zz2e6.tmp\Thumbnails\</t>
  </si>
  <si>
    <t>01/16/2020 02:58:31</t>
  </si>
  <si>
    <t>01/16/2020 02:53:20</t>
  </si>
  <si>
    <t>01/16/2020 02:53:21</t>
  </si>
  <si>
    <t>lu1412zz2eb.tmp</t>
  </si>
  <si>
    <t>\\acsfs\profiles$\MARLYANNEGDLS\Downloads\lu1412zz2eb.tmp</t>
  </si>
  <si>
    <t>\\acsfs\profiles$\MARLYANNEGDLS\Downloads\lu1412zz2eb.tmp\</t>
  </si>
  <si>
    <t>\\acsfs\profiles$\MARLYANNEGDLS\Downloads\lu1412zz2eb.tmp\META-INF\</t>
  </si>
  <si>
    <t>\\acsfs\profiles$\MARLYANNEGDLS\Downloads\lu1412zz2eb.tmp\Thumbnails\</t>
  </si>
  <si>
    <t>01/16/2020 02:53:50</t>
  </si>
  <si>
    <t>01/16/2020 02:53:51</t>
  </si>
  <si>
    <t>lu1412zz2eg.tmp</t>
  </si>
  <si>
    <t>\\acsfs\profiles$\MARLYANNEGDLS\Downloads\lu1412zz2eg.tmp</t>
  </si>
  <si>
    <t>\\acsfs\profiles$\MARLYANNEGDLS\Downloads\lu1412zz2eg.tmp\</t>
  </si>
  <si>
    <t>\\acsfs\profiles$\MARLYANNEGDLS\Downloads\lu1412zz2eg.tmp\META-INF\</t>
  </si>
  <si>
    <t>\\acsfs\profiles$\MARLYANNEGDLS\Downloads\lu1412zz2eg.tmp\Thumbnails\</t>
  </si>
  <si>
    <t>01/16/2020 02:54:52</t>
  </si>
  <si>
    <t>lu1412zz2el.tmp</t>
  </si>
  <si>
    <t>\\acsfs\profiles$\MARLYANNEGDLS\Downloads\lu1412zz2el.tmp</t>
  </si>
  <si>
    <t>\\acsfs\profiles$\MARLYANNEGDLS\Downloads\lu1412zz2el.tmp\</t>
  </si>
  <si>
    <t>\\acsfs\profiles$\MARLYANNEGDLS\Downloads\lu1412zz2el.tmp\META-INF\</t>
  </si>
  <si>
    <t>\\acsfs\profiles$\MARLYANNEGDLS\Downloads\lu1412zz2el.tmp\Thumbnails\</t>
  </si>
  <si>
    <t>01/16/2020 02:55:01</t>
  </si>
  <si>
    <t>lu1412zz2eq.tmp</t>
  </si>
  <si>
    <t>\\acsfs\profiles$\MARLYANNEGDLS\Downloads\lu1412zz2eq.tmp</t>
  </si>
  <si>
    <t>\\acsfs\profiles$\MARLYANNEGDLS\Downloads\lu1412zz2eq.tmp\</t>
  </si>
  <si>
    <t>\\acsfs\profiles$\MARLYANNEGDLS\Downloads\lu1412zz2eq.tmp\META-INF\</t>
  </si>
  <si>
    <t>\\acsfs\profiles$\MARLYANNEGDLS\Downloads\lu1412zz2eq.tmp\Thumbnails\</t>
  </si>
  <si>
    <t>01/16/2020 02:57:22</t>
  </si>
  <si>
    <t>01/16/2020 02:57:23</t>
  </si>
  <si>
    <t>lu1412zz2ev.tmp</t>
  </si>
  <si>
    <t>\\acsfs\profiles$\MARLYANNEGDLS\Downloads\lu1412zz2ev.tmp</t>
  </si>
  <si>
    <t>\\acsfs\profiles$\MARLYANNEGDLS\Downloads\lu1412zz2ev.tmp\</t>
  </si>
  <si>
    <t>\\acsfs\profiles$\MARLYANNEGDLS\Downloads\lu1412zz2ev.tmp\META-INF\</t>
  </si>
  <si>
    <t>\\acsfs\profiles$\MARLYANNEGDLS\Downloads\lu1412zz2ev.tmp\Thumbnails\</t>
  </si>
  <si>
    <t>01/16/2020 03:03:31</t>
  </si>
  <si>
    <t>01/16/2020 02:58:19</t>
  </si>
  <si>
    <t>01/16/2020 02:58:20</t>
  </si>
  <si>
    <t>lu1412zz2f0.tmp</t>
  </si>
  <si>
    <t>\\acsfs\profiles$\MARLYANNEGDLS\Downloads\lu1412zz2f0.tmp</t>
  </si>
  <si>
    <t>\\acsfs\profiles$\MARLYANNEGDLS\Downloads\lu1412zz2f0.tmp\</t>
  </si>
  <si>
    <t>\\acsfs\profiles$\MARLYANNEGDLS\Downloads\lu1412zz2f0.tmp\META-INF\</t>
  </si>
  <si>
    <t>\\acsfs\profiles$\MARLYANNEGDLS\Downloads\lu1412zz2f0.tmp\Thumbnails\</t>
  </si>
  <si>
    <t>01/16/2020 02:59:06</t>
  </si>
  <si>
    <t>01/16/2020 02:59:07</t>
  </si>
  <si>
    <t>lu1412zz2f5.tmp</t>
  </si>
  <si>
    <t>\\acsfs\profiles$\MARLYANNEGDLS\Downloads\lu1412zz2f5.tmp</t>
  </si>
  <si>
    <t>\\acsfs\profiles$\MARLYANNEGDLS\Downloads\lu1412zz2f5.tmp\</t>
  </si>
  <si>
    <t>\\acsfs\profiles$\MARLYANNEGDLS\Downloads\lu1412zz2f5.tmp\META-INF\</t>
  </si>
  <si>
    <t>\\acsfs\profiles$\MARLYANNEGDLS\Downloads\lu1412zz2f5.tmp\Thumbnails\</t>
  </si>
  <si>
    <t>01/16/2020 03:08:31</t>
  </si>
  <si>
    <t>01/16/2020 03:11:11</t>
  </si>
  <si>
    <t>01/16/2020 03:12:30</t>
  </si>
  <si>
    <t>50cb818a-6fd1-40ee-969a-d326209e0f78.tmp</t>
  </si>
  <si>
    <t>\\acsfs\profiles$\mariaavds\Downloads\50cb818a-6fd1-40ee-969a-d326209e0f78.tmp</t>
  </si>
  <si>
    <t>01/16/2020 03:11:34</t>
  </si>
  <si>
    <t>9ff37e8d-bb18-4c22-bc06-baae1870dc75.tmp</t>
  </si>
  <si>
    <t>\\acsfs\profiles$\mariaavds\Downloads\9ff37e8d-bb18-4c22-bc06-baae1870dc75.tmp</t>
  </si>
  <si>
    <t>01/16/2020 03:11:42</t>
  </si>
  <si>
    <t>1ff16ff8-720d-4aa1-a946-6f8c02534446.tmp</t>
  </si>
  <si>
    <t>\\acsfs\profiles$\mariaavds\Downloads\1ff16ff8-720d-4aa1-a946-6f8c02534446.tmp</t>
  </si>
  <si>
    <t>01/16/2020 03:11:56</t>
  </si>
  <si>
    <t>b8079dd4-a529-43da-bc20-02f9452d90da.tmp</t>
  </si>
  <si>
    <t>\\acsfs\profiles$\mariaavds\Downloads\b8079dd4-a529-43da-bc20-02f9452d90da.tmp</t>
  </si>
  <si>
    <t>01/16/2020 03:13:31</t>
  </si>
  <si>
    <t>01/16/2020 03:18:31</t>
  </si>
  <si>
    <t>01/16/2020 03:15:54</t>
  </si>
  <si>
    <t>lu1412zz2fe.tmp</t>
  </si>
  <si>
    <t>\\acsfs\profiles$\MARLYANNEGDLS\Downloads\lu1412zz2fe.tmp</t>
  </si>
  <si>
    <t>\\acsfs\profiles$\MARLYANNEGDLS\Downloads\lu1412zz2fe.tmp\</t>
  </si>
  <si>
    <t>\\acsfs\profiles$\MARLYANNEGDLS\Downloads\lu1412zz2fe.tmp\META-INF\</t>
  </si>
  <si>
    <t>\\acsfs\profiles$\MARLYANNEGDLS\Downloads\lu1412zz2fe.tmp\Thumbnails\</t>
  </si>
  <si>
    <t>01/16/2020 03:20:31</t>
  </si>
  <si>
    <t>01/16/2020 03:16:25</t>
  </si>
  <si>
    <t>\\acsfs\profiles$\rogeriofd\My Documents\</t>
  </si>
  <si>
    <t>\\acsfs\profiles$\rogeriofd\My Documents\.~lock.Reneg - Vcto 26-12-19.ods#</t>
  </si>
  <si>
    <t>01/16/2020 03:16:26</t>
  </si>
  <si>
    <t>lu175762a8o4g.tmp</t>
  </si>
  <si>
    <t>\\acsfs\profiles$\rogeriofd\My Documents\lu175762a8o4g.tmp</t>
  </si>
  <si>
    <t>\\acsfs\profiles$\rogeriofd\My Documents\lu175762a8o4g.tmp\</t>
  </si>
  <si>
    <t>\\acsfs\profiles$\rogeriofd\My Documents\lu175762a8o4g.tmp\META-INF\</t>
  </si>
  <si>
    <t>\\acsfs\profiles$\rogeriofd\My Documents\lu175762a8o4g.tmp\Thumbnails\</t>
  </si>
  <si>
    <t>01/16/2020 03:23:31</t>
  </si>
  <si>
    <t>01/16/2020 03:18:21</t>
  </si>
  <si>
    <t>01/16/2020 03:18:22</t>
  </si>
  <si>
    <t>lu1412zz2fj.tmp</t>
  </si>
  <si>
    <t>\\acsfs\profiles$\MARLYANNEGDLS\Downloads\lu1412zz2fj.tmp</t>
  </si>
  <si>
    <t>\\acsfs\profiles$\MARLYANNEGDLS\Downloads\lu1412zz2fj.tmp\</t>
  </si>
  <si>
    <t>\\acsfs\profiles$\MARLYANNEGDLS\Downloads\lu1412zz2fj.tmp\META-INF\</t>
  </si>
  <si>
    <t>\\acsfs\profiles$\MARLYANNEGDLS\Downloads\lu1412zz2fj.tmp\Thumbnails\</t>
  </si>
  <si>
    <t>01/16/2020 03:19:47</t>
  </si>
  <si>
    <t>01/16/2020 03:19:48</t>
  </si>
  <si>
    <t>lu1412zz2fo.tmp</t>
  </si>
  <si>
    <t>\\acsfs\profiles$\MARLYANNEGDLS\Downloads\lu1412zz2fo.tmp</t>
  </si>
  <si>
    <t>\\acsfs\profiles$\MARLYANNEGDLS\Downloads\lu1412zz2fo.tmp\</t>
  </si>
  <si>
    <t>\\acsfs\profiles$\MARLYANNEGDLS\Downloads\lu1412zz2fo.tmp\META-INF\</t>
  </si>
  <si>
    <t>\\acsfs\profiles$\MARLYANNEGDLS\Downloads\lu1412zz2fo.tmp\Thumbnails\</t>
  </si>
  <si>
    <t>01/16/2020 03:22:27</t>
  </si>
  <si>
    <t>lu1412zz2ft.tmp</t>
  </si>
  <si>
    <t>\\acsfs\profiles$\MARLYANNEGDLS\Downloads\lu1412zz2ft.tmp</t>
  </si>
  <si>
    <t>\\acsfs\profiles$\MARLYANNEGDLS\Downloads\lu1412zz2ft.tmp\</t>
  </si>
  <si>
    <t>\\acsfs\profiles$\MARLYANNEGDLS\Downloads\lu1412zz2ft.tmp\META-INF\</t>
  </si>
  <si>
    <t>01/16/2020 03:22:28</t>
  </si>
  <si>
    <t>\\acsfs\profiles$\MARLYANNEGDLS\Downloads\lu1412zz2ft.tmp\Thumbnails\</t>
  </si>
  <si>
    <t>01/16/2020 03:23:17</t>
  </si>
  <si>
    <t>01/16/2020 03:25:31</t>
  </si>
  <si>
    <t>8fef8554-7968-4978-9769-4f036f9b9fd3.tmp</t>
  </si>
  <si>
    <t>\\acsfs\profiles$\rogeriofd\Downloads\8fef8554-7968-4978-9769-4f036f9b9fd3.tmp</t>
  </si>
  <si>
    <t>\\acsfs\profiles$\rogeriofd\Downloads\8fef8554-7968-4978-9769-4f036f9b9fd3.tmp\</t>
  </si>
  <si>
    <t>\\acsfs\profiles$\rogeriofd\Downloads\8fef8554-7968-4978-9769-4f036f9b9fd3.tmp\META-INF\</t>
  </si>
  <si>
    <t>\\acsfs\profiles$\rogeriofd\Downloads\8fef8554-7968-4978-9769-4f036f9b9fd3.tmp\Thumbnails\</t>
  </si>
  <si>
    <t>01/16/2020 03:28:31</t>
  </si>
  <si>
    <t>01/16/2020 03:23:59</t>
  </si>
  <si>
    <t>e35af84b-d640-4c91-b8b5-8d46b8cb9694.tmp</t>
  </si>
  <si>
    <t>\\acsfs\profiles$\marlyannegdls\Downloads\e35af84b-d640-4c91-b8b5-8d46b8cb9694.tmp</t>
  </si>
  <si>
    <t>\\acsfs\profiles$\marlyannegdls\Downloads\e35af84b-d640-4c91-b8b5-8d46b8cb9694.tmp\</t>
  </si>
  <si>
    <t>\\acsfs\profiles$\marlyannegdls\Downloads\e35af84b-d640-4c91-b8b5-8d46b8cb9694.tmp\META-INF\</t>
  </si>
  <si>
    <t>\\acsfs\profiles$\marlyannegdls\Downloads\e35af84b-d640-4c91-b8b5-8d46b8cb9694.tmp\Thumbnails\</t>
  </si>
  <si>
    <t>01/16/2020 03:24:04</t>
  </si>
  <si>
    <t>.~lock.Reneg - Vcto 28-12-19 (2).ods#</t>
  </si>
  <si>
    <t>\\acsfs\profiles$\marlyannegdls\Downloads\.~lock.Reneg - Vcto 28-12-19 (2).ods#</t>
  </si>
  <si>
    <t>01/16/2020 03:27:47</t>
  </si>
  <si>
    <t>ec4a2046-a1f2-4f85-ac0c-c7a6048f4842.tmp</t>
  </si>
  <si>
    <t>\\acsfs\profiles$\marlyannegdls\Downloads\ec4a2046-a1f2-4f85-ac0c-c7a6048f4842.tmp</t>
  </si>
  <si>
    <t>\\acsfs\profiles$\marlyannegdls\Downloads\ec4a2046-a1f2-4f85-ac0c-c7a6048f4842.tmp\</t>
  </si>
  <si>
    <t>\\acsfs\profiles$\marlyannegdls\Downloads\ec4a2046-a1f2-4f85-ac0c-c7a6048f4842.tmp\META-INF\</t>
  </si>
  <si>
    <t>\\acsfs\profiles$\marlyannegdls\Downloads\ec4a2046-a1f2-4f85-ac0c-c7a6048f4842.tmp\Thumbnails\</t>
  </si>
  <si>
    <t>01/16/2020 03:27:53</t>
  </si>
  <si>
    <t>.~lock.Reneg - Vcto 26-12-19 (1).ods#</t>
  </si>
  <si>
    <t>\\acsfs\profiles$\marlyannegdls\Downloads\.~lock.Reneg - Vcto 26-12-19 (1).ods#</t>
  </si>
  <si>
    <t>01/16/2020 03:28:10</t>
  </si>
  <si>
    <t>01/16/2020 03:32:31</t>
  </si>
  <si>
    <t>01/16/2020 03:31:30</t>
  </si>
  <si>
    <t>1684abf0-56ea-44b9-9712-e98d3beffe91.tmp</t>
  </si>
  <si>
    <t>\\acsfs\profiles$\rogeriofd\Downloads\1684abf0-56ea-44b9-9712-e98d3beffe91.tmp</t>
  </si>
  <si>
    <t>01/16/2020 03:33:31</t>
  </si>
  <si>
    <t>cc6f5368-be8e-43b2-b5e2-72a07385a36d.tmp</t>
  </si>
  <si>
    <t>\\acsfs\profiles$\marlyannegdls\Downloads\cc6f5368-be8e-43b2-b5e2-72a07385a36d.tmp</t>
  </si>
  <si>
    <t>\\acsfs\profiles$\marlyannegdls\Downloads\cc6f5368-be8e-43b2-b5e2-72a07385a36d.tmp\</t>
  </si>
  <si>
    <t>\\acsfs\profiles$\marlyannegdls\Downloads\cc6f5368-be8e-43b2-b5e2-72a07385a36d.tmp\META-INF\</t>
  </si>
  <si>
    <t>\\acsfs\profiles$\marlyannegdls\Downloads\cc6f5368-be8e-43b2-b5e2-72a07385a36d.tmp\Thumbnails\</t>
  </si>
  <si>
    <t>01/16/2020 03:28:13</t>
  </si>
  <si>
    <t>.~lock.Reneg - Vcto 26-12-19 (2).ods#</t>
  </si>
  <si>
    <t>\\acsfs\profiles$\marlyannegdls\Downloads\.~lock.Reneg - Vcto 26-12-19 (2).ods#</t>
  </si>
  <si>
    <t>01/16/2020 03:29:07</t>
  </si>
  <si>
    <t>01/16/2020 03:29:08</t>
  </si>
  <si>
    <t>lu599613juwr.tmp</t>
  </si>
  <si>
    <t>\\acsfs\profiles$\marlyannegdls\Downloads\lu599613juwr.tmp</t>
  </si>
  <si>
    <t>\\acsfs\profiles$\marlyannegdls\Downloads\lu599613juwr.tmp\</t>
  </si>
  <si>
    <t>\\acsfs\profiles$\marlyannegdls\Downloads\lu599613juwr.tmp\META-INF\</t>
  </si>
  <si>
    <t>\\acsfs\profiles$\marlyannegdls\Downloads\lu599613juwr.tmp\Thumbnails\</t>
  </si>
  <si>
    <t>01/16/2020 03:29:13</t>
  </si>
  <si>
    <t>01/16/2020 03:29:14</t>
  </si>
  <si>
    <t>lu599613juww.tmp</t>
  </si>
  <si>
    <t>\\acsfs\profiles$\marlyannegdls\Downloads\lu599613juww.tmp</t>
  </si>
  <si>
    <t>\\acsfs\profiles$\marlyannegdls\Downloads\lu599613juww.tmp\</t>
  </si>
  <si>
    <t>\\acsfs\profiles$\marlyannegdls\Downloads\lu599613juww.tmp\META-INF\</t>
  </si>
  <si>
    <t>\\acsfs\profiles$\marlyannegdls\Downloads\lu599613juww.tmp\Thumbnails\</t>
  </si>
  <si>
    <t>01/16/2020 03:30:17</t>
  </si>
  <si>
    <t>01/16/2020 03:30:18</t>
  </si>
  <si>
    <t>lu599613jux1.tmp</t>
  </si>
  <si>
    <t>\\acsfs\profiles$\marlyannegdls\Downloads\lu599613jux1.tmp</t>
  </si>
  <si>
    <t>\\acsfs\profiles$\marlyannegdls\Downloads\lu599613jux1.tmp\</t>
  </si>
  <si>
    <t>\\acsfs\profiles$\marlyannegdls\Downloads\lu599613jux1.tmp\META-INF\</t>
  </si>
  <si>
    <t>\\acsfs\profiles$\marlyannegdls\Downloads\lu599613jux1.tmp\Thumbnails\</t>
  </si>
  <si>
    <t>01/16/2020 03:30:32</t>
  </si>
  <si>
    <t>a3543a38-aa22-4b42-a464-5bb32a19199d.tmp</t>
  </si>
  <si>
    <t>\\acsfs\profiles$\marlyannegdls\Downloads\a3543a38-aa22-4b42-a464-5bb32a19199d.tmp</t>
  </si>
  <si>
    <t>\\acsfs\profiles$\marlyannegdls\Downloads\a3543a38-aa22-4b42-a464-5bb32a19199d.tmp\</t>
  </si>
  <si>
    <t>\\acsfs\profiles$\marlyannegdls\Downloads\a3543a38-aa22-4b42-a464-5bb32a19199d.tmp\META-INF\</t>
  </si>
  <si>
    <t>\\acsfs\profiles$\marlyannegdls\Downloads\a3543a38-aa22-4b42-a464-5bb32a19199d.tmp\Thumbnails\</t>
  </si>
  <si>
    <t>01/16/2020 03:30:36</t>
  </si>
  <si>
    <t>.~lock.Reneg - Vcto 26-12-19 (1) (1).ods#</t>
  </si>
  <si>
    <t>\\acsfs\profiles$\marlyannegdls\Downloads\.~lock.Reneg - Vcto 26-12-19 (1) (1).ods#</t>
  </si>
  <si>
    <t>01/16/2020 03:32:21</t>
  </si>
  <si>
    <t>01/16/2020 03:37:31</t>
  </si>
  <si>
    <t>d6d0f214-484c-4354-9971-9d65dc3d6665.tmp</t>
  </si>
  <si>
    <t>\\acsfs\profiles$\rogeriofd\Downloads\d6d0f214-484c-4354-9971-9d65dc3d6665.tmp</t>
  </si>
  <si>
    <t>01/16/2020 03:38:31</t>
  </si>
  <si>
    <t>01/16/2020 03:43:31</t>
  </si>
  <si>
    <t>01/16/2020 03:48:31</t>
  </si>
  <si>
    <t>01/16/2020 03:53:31</t>
  </si>
  <si>
    <t>01/16/2020 03:58:31</t>
  </si>
  <si>
    <t>01/16/2020 04:03:31</t>
  </si>
  <si>
    <t>01/16/2020 04:08:32</t>
  </si>
  <si>
    <t>01/16/2020 04:13:31</t>
  </si>
  <si>
    <t>01/16/2020 04:18:31</t>
  </si>
  <si>
    <t>01/16/2020 04:23:31</t>
  </si>
  <si>
    <t>01/16/2020 04:28:31</t>
  </si>
  <si>
    <t>01/16/2020 04:33:31</t>
  </si>
  <si>
    <t>01/16/2020 04:38:31</t>
  </si>
  <si>
    <t>01/16/2020 04:43:31</t>
  </si>
  <si>
    <t>01/16/2020 04:48:31</t>
  </si>
  <si>
    <t>01/16/2020 04:53:31</t>
  </si>
  <si>
    <t>01/16/2020 04:58:31</t>
  </si>
  <si>
    <t>01/16/2020 05:04:31</t>
  </si>
  <si>
    <t>01/16/2020 05:09:31</t>
  </si>
  <si>
    <t>01/16/2020 05:14:31</t>
  </si>
  <si>
    <t>01/16/2020 05:19:31</t>
  </si>
  <si>
    <t>01/16/2020 05:24:31</t>
  </si>
  <si>
    <t>01/16/2020 05:29:31</t>
  </si>
  <si>
    <t>01/16/2020 05:34:31</t>
  </si>
  <si>
    <t>01/16/2020 05:39:31</t>
  </si>
  <si>
    <t>01/16/2020 05:44:31</t>
  </si>
  <si>
    <t>01/16/2020 05:43:47</t>
  </si>
  <si>
    <t>01/16/2020 05:47:30</t>
  </si>
  <si>
    <t>95146f0b-2766-475f-b4cd-a19459a26cb5.tmp</t>
  </si>
  <si>
    <t>\\acsfs\profiles$\rogeriofd\Downloads\95146f0b-2766-475f-b4cd-a19459a26cb5.tmp</t>
  </si>
  <si>
    <t>01/16/2020 05:49:31</t>
  </si>
  <si>
    <t>01/16/2020 05:47:54</t>
  </si>
  <si>
    <t>711e1a61-f27d-4b14-8112-c45c181fd22b.tmp</t>
  </si>
  <si>
    <t>\\acsfs\profiles$\ROZENCAM\Downloads\711e1a61-f27d-4b14-8112-c45c181fd22b.tmp</t>
  </si>
  <si>
    <t>01/16/2020 05:53:31</t>
  </si>
  <si>
    <t>01/16/2020 05:50:07</t>
  </si>
  <si>
    <t>e43c5947-cda7-4fd8-a73f-900fb3b1fab0.tmp</t>
  </si>
  <si>
    <t>\\acsfs\profiles$\marlyannegdls\Downloads\e43c5947-cda7-4fd8-a73f-900fb3b1fab0.tmp</t>
  </si>
  <si>
    <t>01/16/2020 05:54:31</t>
  </si>
  <si>
    <t>01/16/2020 05:50:20</t>
  </si>
  <si>
    <t>4c83d80d-e90b-4f0c-8c04-ac8c81cc0ea3.tmp</t>
  </si>
  <si>
    <t>\\acsfs\profiles$\ROZENCAM\Downloads\4c83d80d-e90b-4f0c-8c04-ac8c81cc0ea3.tmp</t>
  </si>
  <si>
    <t>01/16/2020 05:59:31</t>
  </si>
  <si>
    <t>01/16/2020 06:04:31</t>
  </si>
  <si>
    <t>01/16/2020 06:04:11</t>
  </si>
  <si>
    <t>10.200.67.8</t>
  </si>
  <si>
    <t>0de85f48-1859-4bc4-b4be-9fab997ea868.tmp</t>
  </si>
  <si>
    <t>\\acsfs\profiles$\lucasqdss\Downloads\0de85f48-1859-4bc4-b4be-9fab997ea868.tmp</t>
  </si>
  <si>
    <t>01/16/2020 06:09:31</t>
  </si>
  <si>
    <t>01/16/2020 06:06:00</t>
  </si>
  <si>
    <t>c330b796-76b4-491b-acac-ed243954975a.tmp</t>
  </si>
  <si>
    <t>\\acsfs\profiles$\lucasqdss\Downloads\c330b796-76b4-491b-acac-ed243954975a.tmp</t>
  </si>
  <si>
    <t>01/16/2020 06:14:31</t>
  </si>
  <si>
    <t>01/16/2020 06:10:35</t>
  </si>
  <si>
    <t>0efe87de-880f-4123-8d5e-6859dfe76072.tmp</t>
  </si>
  <si>
    <t>\\acsfs\profiles$\lucasqdss\Downloads\0efe87de-880f-4123-8d5e-6859dfe76072.tmp</t>
  </si>
  <si>
    <t>01/16/2020 06:19:31</t>
  </si>
  <si>
    <t>01/16/2020 06:24:31</t>
  </si>
  <si>
    <t>01/16/2020 06:24:44</t>
  </si>
  <si>
    <t>01/16/2020 06:25:31</t>
  </si>
  <si>
    <t>0272fedf-f5af-4e12-91d9-be4b4ad2c5c6.tmp</t>
  </si>
  <si>
    <t>\\acsfs\profiles$\ALYNYA\Downloads\0272fedf-f5af-4e12-91d9-be4b4ad2c5c6.tmp</t>
  </si>
  <si>
    <t>01/16/2020 06:24:50</t>
  </si>
  <si>
    <t>ad8442af-e919-4fb3-97fb-ed254fd68354.tmp</t>
  </si>
  <si>
    <t>\\acsfs\profiles$\ALYNYA\Downloads\ad8442af-e919-4fb3-97fb-ed254fd68354.tmp</t>
  </si>
  <si>
    <t>01/16/2020 06:27:31</t>
  </si>
  <si>
    <t>01/16/2020 06:25:05</t>
  </si>
  <si>
    <t>d19bbc13-b524-4ced-8d6f-3f9fa6c57d57.tmp</t>
  </si>
  <si>
    <t>\\acsfs\profiles$\BRUNAAR\Downloads\d19bbc13-b524-4ced-8d6f-3f9fa6c57d57.tmp</t>
  </si>
  <si>
    <t>01/16/2020 06:26:34</t>
  </si>
  <si>
    <t>d6ed1a7a-4f04-40fe-9639-27f89e20aeba.tmp</t>
  </si>
  <si>
    <t>\\acsfs\profiles$\BRUNAAR\Downloads\d6ed1a7a-4f04-40fe-9639-27f89e20aeba.tmp</t>
  </si>
  <si>
    <t>01/16/2020 06:29:31</t>
  </si>
  <si>
    <t>01/16/2020 06:26:10</t>
  </si>
  <si>
    <t>01/16/2020 06:30:31</t>
  </si>
  <si>
    <t>af580560-458e-43f3-a8d8-cc67975e9e0c.tmp</t>
  </si>
  <si>
    <t>\\acsfs\profiles$\ALYNYA\Downloads\af580560-458e-43f3-a8d8-cc67975e9e0c.tmp</t>
  </si>
  <si>
    <t>01/16/2020 06:27:09</t>
  </si>
  <si>
    <t>01/16/2020 06:32:31</t>
  </si>
  <si>
    <t>01/16/2020 06:28:23</t>
  </si>
  <si>
    <t>01/16/2020 06:29:07</t>
  </si>
  <si>
    <t>01/16/2020 06:29:08</t>
  </si>
  <si>
    <t>lu341402v4470.tmp</t>
  </si>
  <si>
    <t>\\acsfs\profiles$\BRUNAAR\Numero\lu341402v4470.tmp</t>
  </si>
  <si>
    <t>01/16/2020 06:29:44</t>
  </si>
  <si>
    <t>a922305b-ea58-4d03-9465-9a13046b175f.tmp</t>
  </si>
  <si>
    <t>\\acsfs\profiles$\BRUNAAR\Downloads\a922305b-ea58-4d03-9465-9a13046b175f.tmp</t>
  </si>
  <si>
    <t>01/16/2020 06:34:31</t>
  </si>
  <si>
    <t>01/16/2020 06:32:15</t>
  </si>
  <si>
    <t>598e038f-7259-4ece-93bf-96e6c3b9b341.tmp</t>
  </si>
  <si>
    <t>\\acsfs\profiles$\danielac\Downloads\598e038f-7259-4ece-93bf-96e6c3b9b341.tmp</t>
  </si>
  <si>
    <t>01/16/2020 06:33:35</t>
  </si>
  <si>
    <t>9ae857e1-6870-4a36-95dd-795bae1917f8.tmp</t>
  </si>
  <si>
    <t>\\acsfs\profiles$\danielac\Downloads\9ae857e1-6870-4a36-95dd-795bae1917f8.tmp</t>
  </si>
  <si>
    <t>01/16/2020 06:39:31</t>
  </si>
  <si>
    <t>01/16/2020 06:42:31</t>
  </si>
  <si>
    <t>01/16/2020 06:40:41</t>
  </si>
  <si>
    <t>01/16/2020 06:40:42</t>
  </si>
  <si>
    <t>01/16/2020 06:40:55</t>
  </si>
  <si>
    <t>01/16/2020 06:44:31</t>
  </si>
  <si>
    <t>01/16/2020 06:49:32</t>
  </si>
  <si>
    <t>01/16/2020 06:46:32</t>
  </si>
  <si>
    <t>c11a3680-ab46-4846-9ae4-75d8e677c4bc.tmp</t>
  </si>
  <si>
    <t>\\acsfs\profiles$\danielac\Downloads\c11a3680-ab46-4846-9ae4-75d8e677c4bc.tmp</t>
  </si>
  <si>
    <t>01/16/2020 06:48:40</t>
  </si>
  <si>
    <t>01/16/2020 06:50:30</t>
  </si>
  <si>
    <t>59105b16-b5ce-474b-a5c7-05956633c135.tmp</t>
  </si>
  <si>
    <t>\\acsfs\profiles$\ALYNYA\Downloads\59105b16-b5ce-474b-a5c7-05956633c135.tmp</t>
  </si>
  <si>
    <t>01/16/2020 06:49:12</t>
  </si>
  <si>
    <t>01/16/2020 06:52:31</t>
  </si>
  <si>
    <t>539bb84a-0369-487f-8409-4ba5bc7aa2e8.tmp</t>
  </si>
  <si>
    <t>\\acsfs\profiles$\monicargds\Downloads\539bb84a-0369-487f-8409-4ba5bc7aa2e8.tmp</t>
  </si>
  <si>
    <t>ea0e4308-ca3f-4e1d-b579-312ac33ccc58.tmp</t>
  </si>
  <si>
    <t>\\acsfs\profiles$\monicargds\Downloads\ea0e4308-ca3f-4e1d-b579-312ac33ccc58.tmp</t>
  </si>
  <si>
    <t>01/16/2020 06:49:28</t>
  </si>
  <si>
    <t>4ebdcf5f-8b02-4e09-8f53-66992040d3ea.tmp</t>
  </si>
  <si>
    <t>\\acsfs\profiles$\monicargds\Downloads\4ebdcf5f-8b02-4e09-8f53-66992040d3ea.tmp</t>
  </si>
  <si>
    <t>01/16/2020 06:50:31</t>
  </si>
  <si>
    <t>d4433ac8-4e97-4f4d-ba35-0fd8078d6042.tmp</t>
  </si>
  <si>
    <t>\\acsfs\profiles$\monicargds\Downloads\d4433ac8-4e97-4f4d-ba35-0fd8078d6042.tmp</t>
  </si>
  <si>
    <t>01/16/2020 06:54:31</t>
  </si>
  <si>
    <t>01/16/2020 06:56:38</t>
  </si>
  <si>
    <t>01/16/2020 06:57:31</t>
  </si>
  <si>
    <t>0a0225ac-a8da-4650-b96f-131d7da027c2.tmp</t>
  </si>
  <si>
    <t>\\acsfs\profiles$\gustavoab\Downloads\0a0225ac-a8da-4650-b96f-131d7da027c2.tmp</t>
  </si>
  <si>
    <t>01/16/2020 06:52:49</t>
  </si>
  <si>
    <t>e00fe698-da8d-4b7e-88b7-06dfa597f7d9.tmp</t>
  </si>
  <si>
    <t>\\acsfs\profiles$\monicargds\Downloads\e00fe698-da8d-4b7e-88b7-06dfa597f7d9.tmp</t>
  </si>
  <si>
    <t>01/16/2020 06:55:28</t>
  </si>
  <si>
    <t>01/16/2020 06:59:31</t>
  </si>
  <si>
    <t>d76d03c2-1907-406b-8a5d-fe5167cf699c.tmp</t>
  </si>
  <si>
    <t>\\acsfs\profiles$\anafsb\Downloads\d76d03c2-1907-406b-8a5d-fe5167cf699c.tmp</t>
  </si>
  <si>
    <t>01/16/2020 06:55:29</t>
  </si>
  <si>
    <t>7dc2eed3-2ad2-4478-98e3-e77e2efef54e.tmp</t>
  </si>
  <si>
    <t>\\acsfs\profiles$\anafsb\Downloads\7dc2eed3-2ad2-4478-98e3-e77e2efef54e.tmp</t>
  </si>
  <si>
    <t>01/16/2020 06:56:06</t>
  </si>
  <si>
    <t>0a940ca5-9cd1-405b-ba14-6f09c810798b.tmp</t>
  </si>
  <si>
    <t>\\acsfs\profiles$\anafsb\Downloads\0a940ca5-9cd1-405b-ba14-6f09c810798b.tmp</t>
  </si>
  <si>
    <t>01/16/2020 06:56:08</t>
  </si>
  <si>
    <t>4482404c-55b2-4a40-9756-8950fc419974.tmp</t>
  </si>
  <si>
    <t>\\acsfs\profiles$\anafsb\Downloads\4482404c-55b2-4a40-9756-8950fc419974.tmp</t>
  </si>
  <si>
    <t>01/16/2020 06:57:18</t>
  </si>
  <si>
    <t>25199b13-c459-43f9-b84e-dee9c24cd8f1.tmp</t>
  </si>
  <si>
    <t>\\acsfs\profiles$\anafsb\Downloads\25199b13-c459-43f9-b84e-dee9c24cd8f1.tmp</t>
  </si>
  <si>
    <t>01/16/2020 06:57:40</t>
  </si>
  <si>
    <t>e49f9ff5-9955-4a65-9500-c19b5b4fa8ab.tmp</t>
  </si>
  <si>
    <t>\\acsfs\profiles$\anafsb\Downloads\e49f9ff5-9955-4a65-9500-c19b5b4fa8ab.tmp</t>
  </si>
  <si>
    <t>01/16/2020 06:57:46</t>
  </si>
  <si>
    <t>e220eb72-8091-4eeb-bb3c-baa67cb889f7.tmp</t>
  </si>
  <si>
    <t>\\acsfs\profiles$\anafsb\Downloads\e220eb72-8091-4eeb-bb3c-baa67cb889f7.tmp</t>
  </si>
  <si>
    <t>01/16/2020 07:00:15</t>
  </si>
  <si>
    <t>01/16/2020 07:01:31</t>
  </si>
  <si>
    <t>01/16/2020 07:02:31</t>
  </si>
  <si>
    <t>98442686-82b2-47e7-90c8-8c4e41a1603c.tmp</t>
  </si>
  <si>
    <t>\\acsfs\profiles$\gustavoab\Downloads\98442686-82b2-47e7-90c8-8c4e41a1603c.tmp</t>
  </si>
  <si>
    <t>01/16/2020 06:58:36</t>
  </si>
  <si>
    <t>09f4b284-9e20-49a6-a370-180f7e305976.tmp</t>
  </si>
  <si>
    <t>\\acsfs\profiles$\gustavoab\Downloads\09f4b284-9e20-49a6-a370-180f7e305976.tmp</t>
  </si>
  <si>
    <t>01/16/2020 06:58:03</t>
  </si>
  <si>
    <t>Script.txt</t>
  </si>
  <si>
    <t>\\acsfs\profiles$\brendavdoa\My Documents\Script.txt</t>
  </si>
  <si>
    <t>01/16/2020 07:03:31</t>
  </si>
  <si>
    <t>01/16/2020 07:01:13</t>
  </si>
  <si>
    <t>05547649-576e-4ff7-bdfd-2976632b7f0d.tmp</t>
  </si>
  <si>
    <t>\\acsfs\profiles$\cintiadcf\Downloads\05547649-576e-4ff7-bdfd-2976632b7f0d.tmp</t>
  </si>
  <si>
    <t>01/16/2020 07:01:54</t>
  </si>
  <si>
    <t>94b76b30-593d-4c57-8fb7-561d8fc85f8b.tmp</t>
  </si>
  <si>
    <t>\\acsfs\profiles$\cintiadcf\Downloads\94b76b30-593d-4c57-8fb7-561d8fc85f8b.tmp</t>
  </si>
  <si>
    <t>01/16/2020 07:01:28</t>
  </si>
  <si>
    <t>01/16/2020 07:04:31</t>
  </si>
  <si>
    <t>01/16/2020 07:01:30</t>
  </si>
  <si>
    <t>01/16/2020 07:01:07</t>
  </si>
  <si>
    <t>e9920c21-ef56-4ecf-9cb5-4e30bd94e866.tmp</t>
  </si>
  <si>
    <t>\\acsfs\profiles$\leticiala\Downloads\e9920c21-ef56-4ecf-9cb5-4e30bd94e866.tmp</t>
  </si>
  <si>
    <t>01/16/2020 07:01:14</t>
  </si>
  <si>
    <t>3ca94588-7987-4538-988d-223a9e59c685.tmp</t>
  </si>
  <si>
    <t>\\acsfs\profiles$\leticiala\Downloads\3ca94588-7987-4538-988d-223a9e59c685.tmp</t>
  </si>
  <si>
    <t>01/16/2020 07:02:03</t>
  </si>
  <si>
    <t>4be487c2-191c-45cb-95b1-683b7a4fb58a.tmp</t>
  </si>
  <si>
    <t>\\acsfs\profiles$\leticiala\Downloads\4be487c2-191c-45cb-95b1-683b7a4fb58a.tmp</t>
  </si>
  <si>
    <t>01/16/2020 07:01:52</t>
  </si>
  <si>
    <t>01/16/2020 07:05:31</t>
  </si>
  <si>
    <t>10.200.66.130</t>
  </si>
  <si>
    <t>\\acsfs\profiles$\karinarm\Downloads\</t>
  </si>
  <si>
    <t>2ce5a69f-c5fd-4436-bc79-0aff2f54abd1.tmp</t>
  </si>
  <si>
    <t>\\acsfs\profiles$\karinarm\Downloads\2ce5a69f-c5fd-4436-bc79-0aff2f54abd1.tmp</t>
  </si>
  <si>
    <t>01/16/2020 07:02:30</t>
  </si>
  <si>
    <t>533aa8f6-a609-44e2-ad1c-9807290d3681.tmp</t>
  </si>
  <si>
    <t>\\acsfs\profiles$\karinarm\Downloads\533aa8f6-a609-44e2-ad1c-9807290d3681.tmp</t>
  </si>
  <si>
    <t>01/16/2020 07:05:06</t>
  </si>
  <si>
    <t>01/16/2020 07:06:31</t>
  </si>
  <si>
    <t>01/16/2020 07:05:07</t>
  </si>
  <si>
    <t>lu97441sts7.tmp</t>
  </si>
  <si>
    <t>\\acsfs\profiles$\jonathanwap\lu97441sts7.tmp</t>
  </si>
  <si>
    <t>\\acsfs\profiles$\jonathanwap\lu97441sts7.tmp\</t>
  </si>
  <si>
    <t>\\acsfs\profiles$\jonathanwap\lu97441sts7.tmp\META-INF\</t>
  </si>
  <si>
    <t>\\acsfs\profiles$\jonathanwap\lu97441sts7.tmp\Thumbnails\</t>
  </si>
  <si>
    <t>01/16/2020 07:04:54</t>
  </si>
  <si>
    <t>01/16/2020 07:07:32</t>
  </si>
  <si>
    <t>01/16/2020 07:04:55</t>
  </si>
  <si>
    <t>01/16/2020 07:03:52</t>
  </si>
  <si>
    <t>01/16/2020 07:05:42</t>
  </si>
  <si>
    <t>01/16/2020 07:09:31</t>
  </si>
  <si>
    <t>01/16/2020 07:10:31</t>
  </si>
  <si>
    <t>01/16/2020 07:06:55</t>
  </si>
  <si>
    <t>01/16/2020 07:11:31</t>
  </si>
  <si>
    <t>https://udpmailboxap01.acs.com.br:8443/h/search;jsessionid=156gcyp0555pt32tmuxdivny8?si=0&amp;so=0&amp;sc=75209&amp;st=conversation&amp;action=compose</t>
  </si>
  <si>
    <t>01/16/2020 07:10:20</t>
  </si>
  <si>
    <t>01/16/2020 07:12:32</t>
  </si>
  <si>
    <t>01/16/2020 07:10:21</t>
  </si>
  <si>
    <t>01/16/2020 07:10:22</t>
  </si>
  <si>
    <t>01/16/2020 07:10:23</t>
  </si>
  <si>
    <t>01/16/2020 07:10:24</t>
  </si>
  <si>
    <t>01/16/2020 07:10:25</t>
  </si>
  <si>
    <t>01/16/2020 07:10:26</t>
  </si>
  <si>
    <t>01/16/2020 07:10:27</t>
  </si>
  <si>
    <t>01/16/2020 07:10:28</t>
  </si>
  <si>
    <t>01/16/2020 07:10:29</t>
  </si>
  <si>
    <t>01/16/2020 07:10:30</t>
  </si>
  <si>
    <t>01/16/2020 07:10:32</t>
  </si>
  <si>
    <t>01/16/2020 07:10:33</t>
  </si>
  <si>
    <t>01/16/2020 07:10:34</t>
  </si>
  <si>
    <t>01/16/2020 07:10:35</t>
  </si>
  <si>
    <t>01/16/2020 07:10:36</t>
  </si>
  <si>
    <t>01/16/2020 07:10:37</t>
  </si>
  <si>
    <t>01/16/2020 07:10:38</t>
  </si>
  <si>
    <t>01/16/2020 07:10:39</t>
  </si>
  <si>
    <t>01/16/2020 07:10:40</t>
  </si>
  <si>
    <t>01/16/2020 07:10:41</t>
  </si>
  <si>
    <t>01/16/2020 07:10:42</t>
  </si>
  <si>
    <t>01/16/2020 07:07:30</t>
  </si>
  <si>
    <t>01/16/2020 07:14:31</t>
  </si>
  <si>
    <t>1b60abb3-48e4-4573-878f-09580774c838.tmp</t>
  </si>
  <si>
    <t>\\acsfs\profiles$\ROZENCAM\Downloads\1b60abb3-48e4-4573-878f-09580774c838.tmp</t>
  </si>
  <si>
    <t>01/16/2020 07:10:49</t>
  </si>
  <si>
    <t>01/16/2020 07:16:31</t>
  </si>
  <si>
    <t>aa32b24c-b760-4c73-91b4-a5a6bbeb0d92.tmp</t>
  </si>
  <si>
    <t>\\acsfs\profiles$\karinarm\Downloads\aa32b24c-b760-4c73-91b4-a5a6bbeb0d92.tmp</t>
  </si>
  <si>
    <t>01/16/2020 07:11:11</t>
  </si>
  <si>
    <t>9c5a4440-874d-41f7-aab1-8cbb89b5241f.tmp</t>
  </si>
  <si>
    <t>\\acsfs\profiles$\karinarm\Downloads\9c5a4440-874d-41f7-aab1-8cbb89b5241f.tmp</t>
  </si>
  <si>
    <t>01/16/2020 07:12:25</t>
  </si>
  <si>
    <t>01/16/2020 07:12:55</t>
  </si>
  <si>
    <t>01/16/2020 07:13:25</t>
  </si>
  <si>
    <t>01/16/2020 07:13:55</t>
  </si>
  <si>
    <t>01/16/2020 07:13:30</t>
  </si>
  <si>
    <t>01/16/2020 07:13:29</t>
  </si>
  <si>
    <t>01/16/2020 07:17:31</t>
  </si>
  <si>
    <t>01/16/2020 07:13:31</t>
  </si>
  <si>
    <t>01/16/2020 07:13:32</t>
  </si>
  <si>
    <t>01/16/2020 07:13:33</t>
  </si>
  <si>
    <t>01/16/2020 07:13:34</t>
  </si>
  <si>
    <t>01/16/2020 07:13:35</t>
  </si>
  <si>
    <t>01/16/2020 07:13:36</t>
  </si>
  <si>
    <t>01/16/2020 07:13:37</t>
  </si>
  <si>
    <t>01/16/2020 07:13:38</t>
  </si>
  <si>
    <t>01/16/2020 07:13:39</t>
  </si>
  <si>
    <t>01/16/2020 07:13:40</t>
  </si>
  <si>
    <t>01/16/2020 07:13:41</t>
  </si>
  <si>
    <t>01/16/2020 07:13:42</t>
  </si>
  <si>
    <t>01/16/2020 07:13:43</t>
  </si>
  <si>
    <t>01/16/2020 07:13:44</t>
  </si>
  <si>
    <t>01/16/2020 07:13:45</t>
  </si>
  <si>
    <t>01/16/2020 07:13:46</t>
  </si>
  <si>
    <t>01/16/2020 07:13:47</t>
  </si>
  <si>
    <t>01/16/2020 07:13:48</t>
  </si>
  <si>
    <t>01/16/2020 07:13:49</t>
  </si>
  <si>
    <t>01/16/2020 07:13:50</t>
  </si>
  <si>
    <t>01/16/2020 07:12:48</t>
  </si>
  <si>
    <t>01/16/2020 07:15:28</t>
  </si>
  <si>
    <t>01/16/2020 07:18:31</t>
  </si>
  <si>
    <t>e15b9a3a-1a05-4bf5-965c-18ca06ceff3b.tmp</t>
  </si>
  <si>
    <t>\\acsfs\profiles$\websondsa\Downloads\e15b9a3a-1a05-4bf5-965c-18ca06ceff3b.tmp</t>
  </si>
  <si>
    <t>01/16/2020 07:15:39</t>
  </si>
  <si>
    <t>828de38b-ae44-4094-be61-8dab012a3760.tmp</t>
  </si>
  <si>
    <t>\\acsfs\profiles$\websondsa\Downloads\828de38b-ae44-4094-be61-8dab012a3760.tmp</t>
  </si>
  <si>
    <t>01/16/2020 07:16:02</t>
  </si>
  <si>
    <t>3246e867-2570-4b2a-81d8-0ac342236478.tmp</t>
  </si>
  <si>
    <t>\\acsfs\profiles$\websondsa\Downloads\3246e867-2570-4b2a-81d8-0ac342236478.tmp</t>
  </si>
  <si>
    <t>01/16/2020 07:17:09</t>
  </si>
  <si>
    <t>f8787127-be89-460f-a5e4-495384f4d32f.tmp</t>
  </si>
  <si>
    <t>\\acsfs\profiles$\maxmillianosv\Downloads\f8787127-be89-460f-a5e4-495384f4d32f.tmp</t>
  </si>
  <si>
    <t>01/16/2020 07:17:33</t>
  </si>
  <si>
    <t>f7e56e21-c7b9-4fc8-997a-49a7799df822.tmp</t>
  </si>
  <si>
    <t>\\acsfs\profiles$\maxmillianosv\Downloads\f7e56e21-c7b9-4fc8-997a-49a7799df822.tmp</t>
  </si>
  <si>
    <t>01/16/2020 07:17:38</t>
  </si>
  <si>
    <t>54b7db93-d631-4020-a5c7-ffdafcf5b3ed.tmp</t>
  </si>
  <si>
    <t>\\acsfs\profiles$\maxmillianosv\Downloads\54b7db93-d631-4020-a5c7-ffdafcf5b3ed.tmp</t>
  </si>
  <si>
    <t>01/16/2020 07:19:31</t>
  </si>
  <si>
    <t>01/16/2020 07:18:58</t>
  </si>
  <si>
    <t>8f3e902c-9866-4282-8df5-934d8e3da0c6.tmp</t>
  </si>
  <si>
    <t>\\acsfs\profiles$\claudiajca\Downloads\8f3e902c-9866-4282-8df5-934d8e3da0c6.tmp</t>
  </si>
  <si>
    <t>01/16/2020 07:19:58</t>
  </si>
  <si>
    <t>01/16/2020 07:21:31</t>
  </si>
  <si>
    <t>01/16/2020 07:20:14</t>
  </si>
  <si>
    <t>01/16/2020 07:20:01</t>
  </si>
  <si>
    <t>\\acsfs\profiles$\ericalsr\My Documents\My Pictures\</t>
  </si>
  <si>
    <t>\\acsfs\profiles$\ERICALSR\My Documents\My Videos\desktop.ini</t>
  </si>
  <si>
    <t>01/16/2020 07:20:08</t>
  </si>
  <si>
    <t>\\acsfs\profiles$\ERICALSR\My Documents\My Videos\</t>
  </si>
  <si>
    <t>01/16/2020 07:20:09</t>
  </si>
  <si>
    <t>01/16/2020 07:20:11</t>
  </si>
  <si>
    <t>01/16/2020 07:20:18</t>
  </si>
  <si>
    <t>01/16/2020 07:20:20</t>
  </si>
  <si>
    <t>\\acsfs\profiles$\ericalsr\My Documents\My Music\</t>
  </si>
  <si>
    <t>\\acsfs\profiles$\ERICALSR\My Documents\My Pictures\desktop.ini</t>
  </si>
  <si>
    <t>01/16/2020 07:20:21</t>
  </si>
  <si>
    <t>\\acsfs\profiles$\ericalsr\My Documents\My Videos\</t>
  </si>
  <si>
    <t>01/16/2020 07:20:22</t>
  </si>
  <si>
    <t>01/16/2020 07:20:23</t>
  </si>
  <si>
    <t>01/16/2020 07:20:24</t>
  </si>
  <si>
    <t>01/16/2020 07:20:27</t>
  </si>
  <si>
    <t>\\acsfs\profiles$\ERICALSR\Contacts\</t>
  </si>
  <si>
    <t>\\acsfs\profiles$\ERICALSR\Contacts\desktop.ini</t>
  </si>
  <si>
    <t>01/16/2020 07:20:28</t>
  </si>
  <si>
    <t>01/16/2020 07:20:30</t>
  </si>
  <si>
    <t>01/16/2020 07:20:31</t>
  </si>
  <si>
    <t>01/16/2020 07:20:40</t>
  </si>
  <si>
    <t>01/16/2020 07:20:41</t>
  </si>
  <si>
    <t>01/16/2020 07:20:43</t>
  </si>
  <si>
    <t>\\acsfs\profiles$\ericalsr\My Documents\</t>
  </si>
  <si>
    <t>\\acsfs\profiles$\ERICALSR\Favorites\desktop.ini</t>
  </si>
  <si>
    <t>01/16/2020 07:20:44</t>
  </si>
  <si>
    <t>01/16/2020 07:20:45</t>
  </si>
  <si>
    <t>01/16/2020 07:20:46</t>
  </si>
  <si>
    <t>01/16/2020 07:20:49</t>
  </si>
  <si>
    <t>01/16/2020 07:20:50</t>
  </si>
  <si>
    <t>01/16/2020 07:20:51</t>
  </si>
  <si>
    <t>01/16/2020 07:20:54</t>
  </si>
  <si>
    <t>\\acsfs\profiles$\ERICALSR\My Documents\My Music\desktop.ini</t>
  </si>
  <si>
    <t>01/16/2020 07:20:56</t>
  </si>
  <si>
    <t>\\acsfs\profiles$\ERICALSR\My Documents\My Music\</t>
  </si>
  <si>
    <t>01/16/2020 07:20:57</t>
  </si>
  <si>
    <t>01/16/2020 07:20:59</t>
  </si>
  <si>
    <t>01/16/2020 07:21:00</t>
  </si>
  <si>
    <t>01/16/2020 07:21:02</t>
  </si>
  <si>
    <t>\\acsfs\profiles$\ERICALSR\Searches\</t>
  </si>
  <si>
    <t>\\acsfs\profiles$\ERICALSR\Searches\desktop.ini</t>
  </si>
  <si>
    <t>01/16/2020 07:21:04</t>
  </si>
  <si>
    <t>01/16/2020 07:21:06</t>
  </si>
  <si>
    <t>01/16/2020 07:21:07</t>
  </si>
  <si>
    <t>01/16/2020 07:21:08</t>
  </si>
  <si>
    <t>01/16/2020 07:21:10</t>
  </si>
  <si>
    <t>\\acsfs\profiles$\ERICALSR\Downloads\desktop.ini</t>
  </si>
  <si>
    <t>01/16/2020 07:21:11</t>
  </si>
  <si>
    <t>01/16/2020 07:21:14</t>
  </si>
  <si>
    <t>\\acsfs\profiles$\ericalsr\Favorites\</t>
  </si>
  <si>
    <t>\\acsfs\profiles$\ERICALSR\My Documents\desktop.ini</t>
  </si>
  <si>
    <t>01/16/2020 07:21:15</t>
  </si>
  <si>
    <t>01/16/2020 07:21:16</t>
  </si>
  <si>
    <t>01/16/2020 07:21:18</t>
  </si>
  <si>
    <t>01/16/2020 07:21:19</t>
  </si>
  <si>
    <t>01/16/2020 07:21:21</t>
  </si>
  <si>
    <t>01/16/2020 07:21:23</t>
  </si>
  <si>
    <t>\\acsfs\profiles$\ericalsr\Downloads\</t>
  </si>
  <si>
    <t>\\acsfs\profiles$\ERICALSR\Saved Games\desktop.ini</t>
  </si>
  <si>
    <t>01/16/2020 07:21:25</t>
  </si>
  <si>
    <t>01/16/2020 07:18:05</t>
  </si>
  <si>
    <t>01/16/2020 07:23:31</t>
  </si>
  <si>
    <t>1445a0ac-5cbd-44ce-8555-db6552c98803.tmp</t>
  </si>
  <si>
    <t>\\acsfs\profiles$\websondsa\Downloads\1445a0ac-5cbd-44ce-8555-db6552c98803.tmp</t>
  </si>
  <si>
    <t>01/16/2020 07:18:06</t>
  </si>
  <si>
    <t>4b60e4ca-e948-49b8-81dd-1e7be51b4ba1.tmp</t>
  </si>
  <si>
    <t>\\acsfs\profiles$\websondsa\Downloads\4b60e4ca-e948-49b8-81dd-1e7be51b4ba1.tmp</t>
  </si>
  <si>
    <t>01/16/2020 07:18:13</t>
  </si>
  <si>
    <t>a16c4340-1851-4ec9-a1b2-6c3d2538367d.tmp</t>
  </si>
  <si>
    <t>\\acsfs\profiles$\websondsa\Downloads\a16c4340-1851-4ec9-a1b2-6c3d2538367d.tmp</t>
  </si>
  <si>
    <t>01/16/2020 07:17:46</t>
  </si>
  <si>
    <t>3d790a76-497a-41df-9f89-a433c8b58cfe.tmp</t>
  </si>
  <si>
    <t>\\acsfs\profiles$\maxmillianosv\Downloads\3d790a76-497a-41df-9f89-a433c8b58cfe.tmp</t>
  </si>
  <si>
    <t>01/16/2020 07:18:12</t>
  </si>
  <si>
    <t>8a5abee6-7873-4f95-9e92-90e0905bc70b.tmp</t>
  </si>
  <si>
    <t>\\acsfs\profiles$\maxmillianosv\Downloads\8a5abee6-7873-4f95-9e92-90e0905bc70b.tmp</t>
  </si>
  <si>
    <t>01/16/2020 07:18:47</t>
  </si>
  <si>
    <t>21e1547f-0760-472d-956d-b31d88606350.tmp</t>
  </si>
  <si>
    <t>\\acsfs\profiles$\maxmillianosv\Downloads\21e1547f-0760-472d-956d-b31d88606350.tmp</t>
  </si>
  <si>
    <t>01/16/2020 07:18:56</t>
  </si>
  <si>
    <t>a7355480-3fbd-4ab1-8f95-8094999b6d44.tmp</t>
  </si>
  <si>
    <t>\\acsfs\profiles$\maxmillianosv\Downloads\a7355480-3fbd-4ab1-8f95-8094999b6d44.tmp</t>
  </si>
  <si>
    <t>01/16/2020 07:24:31</t>
  </si>
  <si>
    <t>01/16/2020 07:20:36</t>
  </si>
  <si>
    <t>eb44ae45-22a9-48d1-bbd1-5f7d194418e1.tmp</t>
  </si>
  <si>
    <t>\\acsfs\profiles$\claudiajca\Downloads\eb44ae45-22a9-48d1-bbd1-5f7d194418e1.tmp</t>
  </si>
  <si>
    <t>01/16/2020 07:22:34</t>
  </si>
  <si>
    <t>01/16/2020 07:25:19</t>
  </si>
  <si>
    <t>01/16/2020 07:26:31</t>
  </si>
  <si>
    <t>48df9393-981f-45a7-a03d-01f1922f46cb.tmp</t>
  </si>
  <si>
    <t>\\acsfs\profiles$\sarahbal\Downloads\48df9393-981f-45a7-a03d-01f1922f46cb.tmp</t>
  </si>
  <si>
    <t>01/16/2020 07:25:26</t>
  </si>
  <si>
    <t>281c2c00-8f29-4c6a-ad8b-5f04e94e1041.tmp</t>
  </si>
  <si>
    <t>\\acsfs\profiles$\sarahbal\Downloads\281c2c00-8f29-4c6a-ad8b-5f04e94e1041.tmp</t>
  </si>
  <si>
    <t>01/16/2020 07:25:53</t>
  </si>
  <si>
    <t>b0e4ff35-a490-4600-9a66-53d4ed7b67f7.tmp</t>
  </si>
  <si>
    <t>\\acsfs\profiles$\sarahbal\Downloads\b0e4ff35-a490-4600-9a66-53d4ed7b67f7.tmp</t>
  </si>
  <si>
    <t>01/16/2020 07:21:50</t>
  </si>
  <si>
    <t>winrt--{S-1-5-21-602162358-764733703-839522115-330518}-.searchconnector-ms</t>
  </si>
  <si>
    <t>\\acsfs\profiles$\ERICALSR\Searches\winrt--{S-1-5-21-602162358-764733703-839522115-330518}-.searchconnector-ms</t>
  </si>
  <si>
    <t>01/16/2020 07:23:47</t>
  </si>
  <si>
    <t>01/16/2020 07:27:31</t>
  </si>
  <si>
    <t>553c4e86-f287-4bea-9940-872755767b92.tmp</t>
  </si>
  <si>
    <t>\\acsfs\profiles$\inarajst\Downloads\553c4e86-f287-4bea-9940-872755767b92.tmp</t>
  </si>
  <si>
    <t>01/16/2020 07:24:13</t>
  </si>
  <si>
    <t>5058e04c-0fdd-4fa9-a02e-a395721de8d0.tmp</t>
  </si>
  <si>
    <t>\\acsfs\profiles$\inarajst\Downloads\5058e04c-0fdd-4fa9-a02e-a395721de8d0.tmp</t>
  </si>
  <si>
    <t>01/16/2020 07:24:14</t>
  </si>
  <si>
    <t>1d39fcdf-9b3b-4175-b4f0-9bd12422201f.tmp</t>
  </si>
  <si>
    <t>\\acsfs\profiles$\inarajst\Downloads\1d39fcdf-9b3b-4175-b4f0-9bd12422201f.tmp</t>
  </si>
  <si>
    <t>01/16/2020 07:26:11</t>
  </si>
  <si>
    <t>c4eafcdb-7273-47be-9cd6-347d0ce30eb3.tmp</t>
  </si>
  <si>
    <t>\\acsfs\profiles$\inarajst\Downloads\c4eafcdb-7273-47be-9cd6-347d0ce30eb3.tmp</t>
  </si>
  <si>
    <t>01/16/2020 07:22:28</t>
  </si>
  <si>
    <t>01/16/2020 07:22:29</t>
  </si>
  <si>
    <t>lu341402v4474.tmp</t>
  </si>
  <si>
    <t>\\acsfs\profiles$\BRUNAAR\Numero\lu341402v4474.tmp</t>
  </si>
  <si>
    <t>01/16/2020 07:27:27</t>
  </si>
  <si>
    <t>01/16/2020 07:29:31</t>
  </si>
  <si>
    <t>463b2d8d-ef30-4d70-8d99-0e4176cadc67.tmp</t>
  </si>
  <si>
    <t>\\acsfs\profiles$\anafsb\Downloads\463b2d8d-ef30-4d70-8d99-0e4176cadc67.tmp</t>
  </si>
  <si>
    <t>01/16/2020 07:26:02</t>
  </si>
  <si>
    <t>01/16/2020 07:30:31</t>
  </si>
  <si>
    <t>8d90d8bd-05ab-433d-ac9e-3470be45f457.tmp</t>
  </si>
  <si>
    <t>\\acsfs\profiles$\mariajra\Downloads\8d90d8bd-05ab-433d-ac9e-3470be45f457.tmp</t>
  </si>
  <si>
    <t>01/16/2020 07:27:16</t>
  </si>
  <si>
    <t>1e4890e4-f94c-4ee6-b3a4-a0582953b637.tmp</t>
  </si>
  <si>
    <t>\\acsfs\profiles$\mariajra\Downloads\1e4890e4-f94c-4ee6-b3a4-a0582953b637.tmp</t>
  </si>
  <si>
    <t>01/16/2020 07:28:34</t>
  </si>
  <si>
    <t>ebc0f13a-3833-447f-8482-96811e266ce2.tmp</t>
  </si>
  <si>
    <t>\\acsfs\profiles$\mariajra\Downloads\ebc0f13a-3833-447f-8482-96811e266ce2.tmp</t>
  </si>
  <si>
    <t>01/16/2020 07:29:23</t>
  </si>
  <si>
    <t>6c6bcaa2-9f49-48b0-aee7-792c2759236c.tmp</t>
  </si>
  <si>
    <t>\\acsfs\profiles$\mariajra\Downloads\6c6bcaa2-9f49-48b0-aee7-792c2759236c.tmp</t>
  </si>
  <si>
    <t>01/16/2020 07:29:45</t>
  </si>
  <si>
    <t>38720d6e-37c9-4e5e-9677-a84aabc13bb2.tmp</t>
  </si>
  <si>
    <t>\\acsfs\profiles$\mariajra\Downloads\38720d6e-37c9-4e5e-9677-a84aabc13bb2.tmp</t>
  </si>
  <si>
    <t>01/16/2020 07:31:32</t>
  </si>
  <si>
    <t>01/16/2020 07:26:05</t>
  </si>
  <si>
    <t>613bc859-538b-4ee7-be76-1d76987355c1.tmp</t>
  </si>
  <si>
    <t>\\acsfs\profiles$\sarahbal\Downloads\613bc859-538b-4ee7-be76-1d76987355c1.tmp</t>
  </si>
  <si>
    <t>01/16/2020 07:26:56</t>
  </si>
  <si>
    <t>69c022af-ca73-40d9-ad2b-ba1acd0d7e60.tmp</t>
  </si>
  <si>
    <t>\\acsfs\profiles$\sarahbal\Downloads\69c022af-ca73-40d9-ad2b-ba1acd0d7e60.tmp</t>
  </si>
  <si>
    <t>5dec2086-7ced-44d1-8298-6bdb8a1db2c2.tmp</t>
  </si>
  <si>
    <t>\\acsfs\profiles$\sarahbal\Downloads\5dec2086-7ced-44d1-8298-6bdb8a1db2c2.tmp</t>
  </si>
  <si>
    <t>01/16/2020 07:28:25</t>
  </si>
  <si>
    <t>01/16/2020 07:28:55</t>
  </si>
  <si>
    <t>01/16/2020 07:29:55</t>
  </si>
  <si>
    <t>01/16/2020 07:30:25</t>
  </si>
  <si>
    <t>01/16/2020 07:30:55</t>
  </si>
  <si>
    <t>01/16/2020 07:28:21</t>
  </si>
  <si>
    <t>df7d4710-76ff-485e-8889-9c002d52bcb8.tmp</t>
  </si>
  <si>
    <t>\\acsfs\profiles$\ERICALSR\Downloads\df7d4710-76ff-485e-8889-9c002d52bcb8.tmp</t>
  </si>
  <si>
    <t>01/16/2020 07:30:13</t>
  </si>
  <si>
    <t>5a63b420-b9f3-454b-aa3f-ea61ba59dfe3.tmp</t>
  </si>
  <si>
    <t>\\acsfs\profiles$\ERICALSR\Downloads\5a63b420-b9f3-454b-aa3f-ea61ba59dfe3.tmp</t>
  </si>
  <si>
    <t>01/16/2020 07:28:17</t>
  </si>
  <si>
    <t>01/16/2020 07:32:31</t>
  </si>
  <si>
    <t>d3171695-f301-4c12-9b5d-5dc108458b0b.tmp</t>
  </si>
  <si>
    <t>\\acsfs\profiles$\inarajst\Downloads\d3171695-f301-4c12-9b5d-5dc108458b0b.tmp</t>
  </si>
  <si>
    <t>01/16/2020 07:31:03</t>
  </si>
  <si>
    <t>01d4671a-55e0-4a47-924d-e15ca5c35d85.tmp</t>
  </si>
  <si>
    <t>\\acsfs\profiles$\inarajst\Downloads\01d4671a-55e0-4a47-924d-e15ca5c35d85.tmp</t>
  </si>
  <si>
    <t>01/16/2020 07:34:31</t>
  </si>
  <si>
    <t>01/16/2020 07:32:07</t>
  </si>
  <si>
    <t>01/16/2020 07:35:31</t>
  </si>
  <si>
    <t>10.200.67.17</t>
  </si>
  <si>
    <t>78-2B-CB-C1-05-35</t>
  </si>
  <si>
    <t>VOTORANT-GB008</t>
  </si>
  <si>
    <t>danielpdl</t>
  </si>
  <si>
    <t>\\acsfs\profiles$\danielpdl\Links\</t>
  </si>
  <si>
    <t>link.txt</t>
  </si>
  <si>
    <t>\\acsfs\profiles$\danielpdl\Links\link.txt</t>
  </si>
  <si>
    <t>01/16/2020 07:32:21</t>
  </si>
  <si>
    <t>\\acsfs\profiles$\danielpdl\My Documents\xworkcenter\logs\</t>
  </si>
  <si>
    <t>XLOG_danielpdl_10012020_102222.log</t>
  </si>
  <si>
    <t>\\acsfs\profiles$\danielpdl\My Documents\xworkcenter\logs\XLOG_danielpdl_10012020_102222.log</t>
  </si>
  <si>
    <t>01/16/2020 07:37:31</t>
  </si>
  <si>
    <t>01/16/2020 07:39:32</t>
  </si>
  <si>
    <t>01/16/2020 07:36:05</t>
  </si>
  <si>
    <t>01/16/2020 07:36:25</t>
  </si>
  <si>
    <t>01/16/2020 07:36:28</t>
  </si>
  <si>
    <t>01/16/2020 07:36:30</t>
  </si>
  <si>
    <t>01/16/2020 07:36:31</t>
  </si>
  <si>
    <t>01/16/2020 07:36:36</t>
  </si>
  <si>
    <t>01/16/2020 07:36:37</t>
  </si>
  <si>
    <t>01/16/2020 07:36:39</t>
  </si>
  <si>
    <t>01/16/2020 07:36:40</t>
  </si>
  <si>
    <t>01/16/2020 07:36:43</t>
  </si>
  <si>
    <t>01/16/2020 07:36:50</t>
  </si>
  <si>
    <t>01/16/2020 07:36:51</t>
  </si>
  <si>
    <t>01/16/2020 07:36:57</t>
  </si>
  <si>
    <t>01/16/2020 07:36:58</t>
  </si>
  <si>
    <t>01/16/2020 07:37:00</t>
  </si>
  <si>
    <t>01/16/2020 07:37:01</t>
  </si>
  <si>
    <t>01/16/2020 07:37:05</t>
  </si>
  <si>
    <t>01/16/2020 07:37:07</t>
  </si>
  <si>
    <t>01/16/2020 07:37:09</t>
  </si>
  <si>
    <t>01/16/2020 07:37:10</t>
  </si>
  <si>
    <t>01/16/2020 07:37:13</t>
  </si>
  <si>
    <t>01/16/2020 07:37:14</t>
  </si>
  <si>
    <t>01/16/2020 07:37:16</t>
  </si>
  <si>
    <t>01/16/2020 07:37:18</t>
  </si>
  <si>
    <t>01/16/2020 07:37:21</t>
  </si>
  <si>
    <t>01/16/2020 07:37:22</t>
  </si>
  <si>
    <t>01/16/2020 07:37:23</t>
  </si>
  <si>
    <t>01/16/2020 07:37:25</t>
  </si>
  <si>
    <t>01/16/2020 07:37:28</t>
  </si>
  <si>
    <t>01/16/2020 07:37:29</t>
  </si>
  <si>
    <t>01/16/2020 07:37:33</t>
  </si>
  <si>
    <t>01/16/2020 07:37:34</t>
  </si>
  <si>
    <t>01/16/2020 07:37:35</t>
  </si>
  <si>
    <t>01/16/2020 07:37:37</t>
  </si>
  <si>
    <t>01/16/2020 07:37:39</t>
  </si>
  <si>
    <t>01/16/2020 07:37:41</t>
  </si>
  <si>
    <t>01/16/2020 07:37:42</t>
  </si>
  <si>
    <t>01/16/2020 07:37:43</t>
  </si>
  <si>
    <t>01/16/2020 07:37:44</t>
  </si>
  <si>
    <t>01/16/2020 07:37:46</t>
  </si>
  <si>
    <t>01/16/2020 07:37:48</t>
  </si>
  <si>
    <t>01/16/2020 07:37:50</t>
  </si>
  <si>
    <t>01/16/2020 07:38:14</t>
  </si>
  <si>
    <t>winrt--{S-1-5-21-602162358-764733703-839522115-354119}-.searchconnector-ms</t>
  </si>
  <si>
    <t>\\acsfs\profiles$\dhiulliananads\Searches\winrt--{S-1-5-21-602162358-764733703-839522115-354119}-.searchconnector-ms</t>
  </si>
  <si>
    <t>01/16/2020 07:38:55</t>
  </si>
  <si>
    <t>01/16/2020 07:40:31</t>
  </si>
  <si>
    <t>10.200.66.124</t>
  </si>
  <si>
    <t>D0-67-E5-FF-14-4B</t>
  </si>
  <si>
    <t>VOTORANT-ACB004</t>
  </si>
  <si>
    <t>railsondsm</t>
  </si>
  <si>
    <t>railsondsm@bv.algartech.com</t>
  </si>
  <si>
    <t>https://udpmailboxap01/h/search?si=0&amp;so=0&amp;sc=75226&amp;st=conversation&amp;action=compose&amp;id=2568&amp;paction=view&amp;rf=html&amp;op=reply</t>
  </si>
  <si>
    <t>victorhmds@bv.algartech.com;</t>
  </si>
  <si>
    <t>https://victorhmds@bv.algartech.com</t>
  </si>
  <si>
    <t>01/16/2020 07:37:55</t>
  </si>
  <si>
    <t>01/16/2020 07:41:32</t>
  </si>
  <si>
    <t>01/16/2020 07:38:25</t>
  </si>
  <si>
    <t>01/16/2020 07:39:47</t>
  </si>
  <si>
    <t>01/16/2020 07:43:31</t>
  </si>
  <si>
    <t>01/16/2020 07:39:07</t>
  </si>
  <si>
    <t>\\acsfs\profiles$\paulovadc\My Documents\My Pictures\</t>
  </si>
  <si>
    <t>\\acsfs\profiles$\paulovadc\My Documents\My Videos\desktop.ini</t>
  </si>
  <si>
    <t>01/16/2020 07:39:14</t>
  </si>
  <si>
    <t>\\acsfs\profiles$\paulovadc\My Documents\My Videos\</t>
  </si>
  <si>
    <t>01/16/2020 07:39:16</t>
  </si>
  <si>
    <t>01/16/2020 07:39:36</t>
  </si>
  <si>
    <t>01/16/2020 07:39:37</t>
  </si>
  <si>
    <t>01/16/2020 07:39:40</t>
  </si>
  <si>
    <t>\\acsfs\profiles$\paulovadc\My Documents\My Music\</t>
  </si>
  <si>
    <t>\\acsfs\profiles$\paulovadc\My Documents\My Pictures\desktop.ini</t>
  </si>
  <si>
    <t>01/16/2020 07:39:41</t>
  </si>
  <si>
    <t>01/16/2020 07:39:42</t>
  </si>
  <si>
    <t>01/16/2020 07:39:45</t>
  </si>
  <si>
    <t>\\acsfs\profiles$\paulovadc\Contacts\</t>
  </si>
  <si>
    <t>\\acsfs\profiles$\paulovadc\Contacts\desktop.ini</t>
  </si>
  <si>
    <t>01/16/2020 07:39:53</t>
  </si>
  <si>
    <t>01/16/2020 07:39:54</t>
  </si>
  <si>
    <t>01/16/2020 07:39:55</t>
  </si>
  <si>
    <t>01/16/2020 07:40:02</t>
  </si>
  <si>
    <t>01/16/2020 07:40:03</t>
  </si>
  <si>
    <t>01/16/2020 07:40:18</t>
  </si>
  <si>
    <t>\\acsfs\profiles$\paulovadc\My Documents\</t>
  </si>
  <si>
    <t>\\acsfs\profiles$\paulovadc\Favorites\desktop.ini</t>
  </si>
  <si>
    <t>01/16/2020 07:40:19</t>
  </si>
  <si>
    <t>01/16/2020 07:40:24</t>
  </si>
  <si>
    <t>01/16/2020 07:40:25</t>
  </si>
  <si>
    <t>01/16/2020 07:40:32</t>
  </si>
  <si>
    <t>01/16/2020 07:40:36</t>
  </si>
  <si>
    <t>\\acsfs\profiles$\paulovadc\My Documents\My Music\desktop.ini</t>
  </si>
  <si>
    <t>01/16/2020 07:40:38</t>
  </si>
  <si>
    <t>01/16/2020 07:40:39</t>
  </si>
  <si>
    <t>01/16/2020 07:40:41</t>
  </si>
  <si>
    <t>01/16/2020 07:40:44</t>
  </si>
  <si>
    <t>\\acsfs\profiles$\paulovadc\Searches\</t>
  </si>
  <si>
    <t>\\acsfs\profiles$\paulovadc\Searches\desktop.ini</t>
  </si>
  <si>
    <t>01/16/2020 07:40:45</t>
  </si>
  <si>
    <t>01/16/2020 07:40:46</t>
  </si>
  <si>
    <t>01/16/2020 07:40:47</t>
  </si>
  <si>
    <t>01/16/2020 07:40:48</t>
  </si>
  <si>
    <t>01/16/2020 07:40:49</t>
  </si>
  <si>
    <t>\\acsfs\profiles$\paulovadc\Downloads\desktop.ini</t>
  </si>
  <si>
    <t>01/16/2020 07:40:50</t>
  </si>
  <si>
    <t>01/16/2020 07:40:52</t>
  </si>
  <si>
    <t>\\acsfs\profiles$\paulovadc\Favorites\</t>
  </si>
  <si>
    <t>\\acsfs\profiles$\paulovadc\My Documents\desktop.ini</t>
  </si>
  <si>
    <t>01/16/2020 07:40:55</t>
  </si>
  <si>
    <t>01/16/2020 07:40:56</t>
  </si>
  <si>
    <t>01/16/2020 07:40:57</t>
  </si>
  <si>
    <t>01/16/2020 07:40:58</t>
  </si>
  <si>
    <t>01/16/2020 07:41:00</t>
  </si>
  <si>
    <t>\\acsfs\profiles$\paulovadc\Saved Games\desktop.ini</t>
  </si>
  <si>
    <t>01/16/2020 07:41:01</t>
  </si>
  <si>
    <t>01/16/2020 07:41:31</t>
  </si>
  <si>
    <t>winrt--{S-1-5-21-602162358-764733703-839522115-358582}-.searchconnector-ms</t>
  </si>
  <si>
    <t>\\acsfs\profiles$\paulovadc\Searches\winrt--{S-1-5-21-602162358-764733703-839522115-358582}-.searchconnector-ms</t>
  </si>
  <si>
    <t>01/16/2020 07:44:31</t>
  </si>
  <si>
    <t>ab4612ac-fbf8-4e08-b41f-bac4c271cc01.tmp</t>
  </si>
  <si>
    <t>\\acsfs\profiles$\dhiulliananads\Downloads\ab4612ac-fbf8-4e08-b41f-bac4c271cc01.tmp</t>
  </si>
  <si>
    <t>01/16/2020 07:41:18</t>
  </si>
  <si>
    <t>7c30fe28-5fd6-4715-bcda-6432c935cc4f.tmp</t>
  </si>
  <si>
    <t>\\acsfs\profiles$\dhiulliananads\Downloads\7c30fe28-5fd6-4715-bcda-6432c935cc4f.tmp</t>
  </si>
  <si>
    <t>01/16/2020 07:40:17</t>
  </si>
  <si>
    <t>01/16/2020 07:45:31</t>
  </si>
  <si>
    <t>https://udpmailboxap01/h/search?si=0&amp;so=0&amp;sc=75226&amp;st=conversation&amp;action=compose&amp;paction=compose</t>
  </si>
  <si>
    <t>C:\Users\railsondsm\Downloads\</t>
  </si>
  <si>
    <t>Capturar.PNG</t>
  </si>
  <si>
    <t>01/16/2020 07:42:38</t>
  </si>
  <si>
    <t>https://udpmailboxap01/h/search?si=0&amp;so=0&amp;sc=75231&amp;sfi=5&amp;st=conversation&amp;action=compose&amp;id=2573&amp;paction=view&amp;rf=text&amp;op=reply</t>
  </si>
  <si>
    <t>railsondsm@bv.algartech.com;</t>
  </si>
  <si>
    <t>https://railsondsm@bv.algartech.com</t>
  </si>
  <si>
    <t>01/16/2020 07:42:58</t>
  </si>
  <si>
    <t>Capturar1.PNG</t>
  </si>
  <si>
    <t>Capturar2.PNG</t>
  </si>
  <si>
    <t>01/16/2020 07:43:27</t>
  </si>
  <si>
    <t>marianaol@bv.algartech.com;</t>
  </si>
  <si>
    <t>https://marianaol@bv.algartech.com</t>
  </si>
  <si>
    <t>01/16/2020 07:40:07</t>
  </si>
  <si>
    <t>\\acsfs\profiles$\danielpdl\My Documents\xworkcenter\lex\</t>
  </si>
  <si>
    <t>\\acsfs\profiles$\danielpdl\My Documents\xworkcenter\lex\temp.tlx</t>
  </si>
  <si>
    <t>01/16/2020 07:40:08</t>
  </si>
  <si>
    <t>01/16/2020 07:40:09</t>
  </si>
  <si>
    <t>01/16/2020 07:40:10</t>
  </si>
  <si>
    <t>01/16/2020 07:40:11</t>
  </si>
  <si>
    <t>01/16/2020 07:40:12</t>
  </si>
  <si>
    <t>01/16/2020 07:40:13</t>
  </si>
  <si>
    <t>01/16/2020 07:40:14</t>
  </si>
  <si>
    <t>01/16/2020 07:40:15</t>
  </si>
  <si>
    <t>01/16/2020 07:40:16</t>
  </si>
  <si>
    <t>01/16/2020 07:42:28</t>
  </si>
  <si>
    <t>88b802e9-6def-475f-a63d-f63f98817473.tmp</t>
  </si>
  <si>
    <t>\\acsfs\profiles$\mariajra\Downloads\88b802e9-6def-475f-a63d-f63f98817473.tmp</t>
  </si>
  <si>
    <t>01/16/2020 07:41:54</t>
  </si>
  <si>
    <t>01/16/2020 07:46:31</t>
  </si>
  <si>
    <t>6b3b42d6-21ce-453f-b951-bebaf569941f.tmp</t>
  </si>
  <si>
    <t>\\acsfs\profiles$\sarahbal\Downloads\6b3b42d6-21ce-453f-b951-bebaf569941f.tmp</t>
  </si>
  <si>
    <t>01/16/2020 07:43:23</t>
  </si>
  <si>
    <t>\\acsfs\profiles$\luanarda\My Documents\My Pictures\</t>
  </si>
  <si>
    <t>\\acsfs\profiles$\luanarda\My Documents\My Videos\desktop.ini</t>
  </si>
  <si>
    <t>01/16/2020 07:43:26</t>
  </si>
  <si>
    <t>\\acsfs\profiles$\luanarda\My Documents\My Videos\</t>
  </si>
  <si>
    <t>01/16/2020 07:43:28</t>
  </si>
  <si>
    <t>01/16/2020 07:43:30</t>
  </si>
  <si>
    <t>01/16/2020 07:43:44</t>
  </si>
  <si>
    <t>01/16/2020 07:43:47</t>
  </si>
  <si>
    <t>\\acsfs\profiles$\luanarda\My Documents\My Music\</t>
  </si>
  <si>
    <t>\\acsfs\profiles$\luanarda\My Documents\My Pictures\desktop.ini</t>
  </si>
  <si>
    <t>01/16/2020 07:43:48</t>
  </si>
  <si>
    <t>01/16/2020 07:43:51</t>
  </si>
  <si>
    <t>01/16/2020 07:43:52</t>
  </si>
  <si>
    <t>01/16/2020 07:43:56</t>
  </si>
  <si>
    <t>01/16/2020 07:43:58</t>
  </si>
  <si>
    <t>\\acsfs\profiles$\luanarda\Contacts\</t>
  </si>
  <si>
    <t>\\acsfs\profiles$\luanarda\Contacts\desktop.ini</t>
  </si>
  <si>
    <t>01/16/2020 07:43:59</t>
  </si>
  <si>
    <t>01/16/2020 07:44:01</t>
  </si>
  <si>
    <t>01/16/2020 07:44:03</t>
  </si>
  <si>
    <t>01/16/2020 07:44:05</t>
  </si>
  <si>
    <t>01/16/2020 07:44:06</t>
  </si>
  <si>
    <t>01/16/2020 07:44:07</t>
  </si>
  <si>
    <t>\\acsfs\profiles$\luanarda\My Documents\</t>
  </si>
  <si>
    <t>\\acsfs\profiles$\luanarda\Favorites\desktop.ini</t>
  </si>
  <si>
    <t>01/16/2020 07:44:08</t>
  </si>
  <si>
    <t>01/16/2020 07:44:09</t>
  </si>
  <si>
    <t>01/16/2020 07:44:10</t>
  </si>
  <si>
    <t>01/16/2020 07:44:16</t>
  </si>
  <si>
    <t>01/16/2020 07:44:17</t>
  </si>
  <si>
    <t>01/16/2020 07:44:18</t>
  </si>
  <si>
    <t>01/16/2020 07:44:19</t>
  </si>
  <si>
    <t>\\acsfs\profiles$\luanarda\My Documents\My Music\desktop.ini</t>
  </si>
  <si>
    <t>01/16/2020 07:44:21</t>
  </si>
  <si>
    <t>01/16/2020 07:44:22</t>
  </si>
  <si>
    <t>01/16/2020 07:44:24</t>
  </si>
  <si>
    <t>01/16/2020 07:44:26</t>
  </si>
  <si>
    <t>\\acsfs\profiles$\luanarda\Searches\</t>
  </si>
  <si>
    <t>\\acsfs\profiles$\luanarda\Searches\desktop.ini</t>
  </si>
  <si>
    <t>01/16/2020 07:44:27</t>
  </si>
  <si>
    <t>01/16/2020 07:44:28</t>
  </si>
  <si>
    <t>01/16/2020 07:44:30</t>
  </si>
  <si>
    <t>01/16/2020 07:44:33</t>
  </si>
  <si>
    <t>\\acsfs\profiles$\luanarda\Downloads\desktop.ini</t>
  </si>
  <si>
    <t>01/16/2020 07:44:34</t>
  </si>
  <si>
    <t>01/16/2020 07:44:36</t>
  </si>
  <si>
    <t>\\acsfs\profiles$\luanarda\Favorites\</t>
  </si>
  <si>
    <t>\\acsfs\profiles$\luanarda\My Documents\desktop.ini</t>
  </si>
  <si>
    <t>01/16/2020 07:44:38</t>
  </si>
  <si>
    <t>01/16/2020 07:44:39</t>
  </si>
  <si>
    <t>01/16/2020 07:44:40</t>
  </si>
  <si>
    <t>01/16/2020 07:44:42</t>
  </si>
  <si>
    <t>01/16/2020 07:44:43</t>
  </si>
  <si>
    <t>01/16/2020 07:44:46</t>
  </si>
  <si>
    <t>\\acsfs\profiles$\luanarda\Saved Games\desktop.ini</t>
  </si>
  <si>
    <t>01/16/2020 07:44:49</t>
  </si>
  <si>
    <t>01/16/2020 07:45:14</t>
  </si>
  <si>
    <t>winrt--{S-1-5-21-602162358-764733703-839522115-358565}-.searchconnector-ms</t>
  </si>
  <si>
    <t>\\acsfs\profiles$\luanarda\Searches\winrt--{S-1-5-21-602162358-764733703-839522115-358565}-.searchconnector-ms</t>
  </si>
  <si>
    <t>01/16/2020 07:45:29</t>
  </si>
  <si>
    <t>01/16/2020 07:45:34</t>
  </si>
  <si>
    <t>01/16/2020 07:42:25</t>
  </si>
  <si>
    <t>01/16/2020 07:42:55</t>
  </si>
  <si>
    <t>01/16/2020 07:43:25</t>
  </si>
  <si>
    <t>01/16/2020 07:43:55</t>
  </si>
  <si>
    <t>01/16/2020 07:44:25</t>
  </si>
  <si>
    <t>01/16/2020 07:44:55</t>
  </si>
  <si>
    <t>01/16/2020 07:43:05</t>
  </si>
  <si>
    <t>01/16/2020 07:47:31</t>
  </si>
  <si>
    <t>0943c510-d131-473d-bd68-266c0d613071.tmp</t>
  </si>
  <si>
    <t>\\acsfs\profiles$\inarajst\Downloads\0943c510-d131-473d-bd68-266c0d613071.tmp</t>
  </si>
  <si>
    <t>01/16/2020 07:45:50</t>
  </si>
  <si>
    <t>01/16/2020 07:48:31</t>
  </si>
  <si>
    <t>\\acsfs\profiles$\felipetds\My Documents\My Pictures\</t>
  </si>
  <si>
    <t>\\acsfs\profiles$\felipetds\My Documents\My Videos\desktop.ini</t>
  </si>
  <si>
    <t>01/16/2020 07:45:56</t>
  </si>
  <si>
    <t>\\acsfs\profiles$\felipetds\My Documents\My Videos\</t>
  </si>
  <si>
    <t>01/16/2020 07:45:57</t>
  </si>
  <si>
    <t>01/16/2020 07:46:00</t>
  </si>
  <si>
    <t>01/16/2020 07:46:02</t>
  </si>
  <si>
    <t>\\acsfs\profiles$\felipetds\My Documents\My Music\</t>
  </si>
  <si>
    <t>\\acsfs\profiles$\felipetds\My Documents\My Pictures\desktop.ini</t>
  </si>
  <si>
    <t>01/16/2020 07:46:04</t>
  </si>
  <si>
    <t>01/16/2020 07:46:05</t>
  </si>
  <si>
    <t>01/16/2020 07:46:06</t>
  </si>
  <si>
    <t>01/16/2020 07:46:07</t>
  </si>
  <si>
    <t>01/16/2020 07:46:16</t>
  </si>
  <si>
    <t>\\acsfs\profiles$\felipetds\Contacts\</t>
  </si>
  <si>
    <t>\\acsfs\profiles$\felipetds\Contacts\desktop.ini</t>
  </si>
  <si>
    <t>01/16/2020 07:46:17</t>
  </si>
  <si>
    <t>01/16/2020 07:46:18</t>
  </si>
  <si>
    <t>01/16/2020 07:46:19</t>
  </si>
  <si>
    <t>01/16/2020 07:46:21</t>
  </si>
  <si>
    <t>01/16/2020 07:46:23</t>
  </si>
  <si>
    <t>01/16/2020 07:46:24</t>
  </si>
  <si>
    <t>\\acsfs\profiles$\felipetds\My Documents\</t>
  </si>
  <si>
    <t>\\acsfs\profiles$\felipetds\Favorites\desktop.ini</t>
  </si>
  <si>
    <t>01/16/2020 07:46:25</t>
  </si>
  <si>
    <t>01/16/2020 07:46:26</t>
  </si>
  <si>
    <t>01/16/2020 07:46:28</t>
  </si>
  <si>
    <t>01/16/2020 07:46:30</t>
  </si>
  <si>
    <t>01/16/2020 07:46:32</t>
  </si>
  <si>
    <t>\\acsfs\profiles$\felipetds\My Documents\My Music\desktop.ini</t>
  </si>
  <si>
    <t>01/16/2020 07:46:33</t>
  </si>
  <si>
    <t>01/16/2020 07:46:35</t>
  </si>
  <si>
    <t>01/16/2020 07:46:36</t>
  </si>
  <si>
    <t>01/16/2020 07:46:39</t>
  </si>
  <si>
    <t>\\acsfs\profiles$\felipetds\Searches\</t>
  </si>
  <si>
    <t>\\acsfs\profiles$\felipetds\Searches\desktop.ini</t>
  </si>
  <si>
    <t>01/16/2020 07:46:40</t>
  </si>
  <si>
    <t>01/16/2020 07:46:42</t>
  </si>
  <si>
    <t>01/16/2020 07:46:43</t>
  </si>
  <si>
    <t>01/16/2020 07:46:45</t>
  </si>
  <si>
    <t>\\acsfs\profiles$\felipetds\Downloads\desktop.ini</t>
  </si>
  <si>
    <t>01/16/2020 07:46:46</t>
  </si>
  <si>
    <t>01/16/2020 07:46:48</t>
  </si>
  <si>
    <t>\\acsfs\profiles$\felipetds\Favorites\</t>
  </si>
  <si>
    <t>\\acsfs\profiles$\felipetds\My Documents\desktop.ini</t>
  </si>
  <si>
    <t>01/16/2020 07:46:49</t>
  </si>
  <si>
    <t>01/16/2020 07:46:50</t>
  </si>
  <si>
    <t>01/16/2020 07:46:52</t>
  </si>
  <si>
    <t>01/16/2020 07:46:53</t>
  </si>
  <si>
    <t>01/16/2020 07:46:54</t>
  </si>
  <si>
    <t>\\acsfs\profiles$\felipetds\Saved Games\desktop.ini</t>
  </si>
  <si>
    <t>01/16/2020 07:46:55</t>
  </si>
  <si>
    <t>01/16/2020 07:47:19</t>
  </si>
  <si>
    <t>winrt--{S-1-5-21-602162358-764733703-839522115-352980}-.searchconnector-ms</t>
  </si>
  <si>
    <t>\\acsfs\profiles$\felipetds\Searches\winrt--{S-1-5-21-602162358-764733703-839522115-352980}-.searchconnector-ms</t>
  </si>
  <si>
    <t>343a4e31-b93f-4d36-8c08-934a143e800f.tmp</t>
  </si>
  <si>
    <t>\\acsfs\profiles$\maxmillianosv\Downloads\343a4e31-b93f-4d36-8c08-934a143e800f.tmp</t>
  </si>
  <si>
    <t>01/16/2020 07:49:31</t>
  </si>
  <si>
    <t>01/16/2020 07:51:31</t>
  </si>
  <si>
    <t>01/16/2020 07:51:11</t>
  </si>
  <si>
    <t>VENDAS 1 2020.txt</t>
  </si>
  <si>
    <t>\\acsfs\profiles$\ERICALSR\My Documents\VENDAS 1 2020.txt</t>
  </si>
  <si>
    <t>01/16/2020 07:52:31</t>
  </si>
  <si>
    <t>01/16/2020 07:51:17</t>
  </si>
  <si>
    <t>lu341402v447a.tmp</t>
  </si>
  <si>
    <t>\\acsfs\profiles$\BRUNAAR\Numero\lu341402v447a.tmp</t>
  </si>
  <si>
    <t>01/16/2020 07:48:24</t>
  </si>
  <si>
    <t>01/16/2020 07:53:31</t>
  </si>
  <si>
    <t>3c2e3e71-93be-4106-bb55-b928dc5a0e96.tmp</t>
  </si>
  <si>
    <t>\\acsfs\profiles$\felipetds\Downloads\3c2e3e71-93be-4106-bb55-b928dc5a0e96.tmp</t>
  </si>
  <si>
    <t>01/16/2020 07:48:28</t>
  </si>
  <si>
    <t>4f19076b-e418-4175-a52d-939dba8d5725.tmp</t>
  </si>
  <si>
    <t>\\acsfs\profiles$\felipetds\Downloads\4f19076b-e418-4175-a52d-939dba8d5725.tmp</t>
  </si>
  <si>
    <t>01/16/2020 07:49:27</t>
  </si>
  <si>
    <t>a849f2f5-9b4a-4dd0-976b-eed7c1116562.tmp</t>
  </si>
  <si>
    <t>\\acsfs\profiles$\felipetds\Downloads\a849f2f5-9b4a-4dd0-976b-eed7c1116562.tmp</t>
  </si>
  <si>
    <t>01/16/2020 07:52:04</t>
  </si>
  <si>
    <t>\\acsfs\profiles$\wenderbnm\My Documents\My Videos\</t>
  </si>
  <si>
    <t>\\acsfs\profiles$\wenderbnm\My Documents\My Videos\desktop.ini</t>
  </si>
  <si>
    <t>01/16/2020 07:52:10</t>
  </si>
  <si>
    <t>01/16/2020 07:52:11</t>
  </si>
  <si>
    <t>01/16/2020 07:52:14</t>
  </si>
  <si>
    <t>\\acsfs\profiles$\wenderbnm\My Documents\My Pictures\</t>
  </si>
  <si>
    <t>\\acsfs\profiles$\wenderbnm\My Documents\My Pictures\desktop.ini</t>
  </si>
  <si>
    <t>01/16/2020 07:52:15</t>
  </si>
  <si>
    <t>01/16/2020 07:52:17</t>
  </si>
  <si>
    <t>01/16/2020 07:52:18</t>
  </si>
  <si>
    <t>\\acsfs\profiles$\wenderbnm\Contacts\</t>
  </si>
  <si>
    <t>\\acsfs\profiles$\wenderbnm\Contacts\desktop.ini</t>
  </si>
  <si>
    <t>01/16/2020 07:52:19</t>
  </si>
  <si>
    <t>01/16/2020 07:52:40</t>
  </si>
  <si>
    <t>01/16/2020 07:52:42</t>
  </si>
  <si>
    <t>\\acsfs\profiles$\wenderbnm\Favorites\</t>
  </si>
  <si>
    <t>\\acsfs\profiles$\wenderbnm\Favorites\desktop.ini</t>
  </si>
  <si>
    <t>01/16/2020 07:52:43</t>
  </si>
  <si>
    <t>01/16/2020 07:53:03</t>
  </si>
  <si>
    <t>01/16/2020 07:53:04</t>
  </si>
  <si>
    <t>01/16/2020 07:53:05</t>
  </si>
  <si>
    <t>01/16/2020 07:53:09</t>
  </si>
  <si>
    <t>\\acsfs\profiles$\wenderbnm\My Documents\My Music\</t>
  </si>
  <si>
    <t>\\acsfs\profiles$\wenderbnm\My Documents\My Music\desktop.ini</t>
  </si>
  <si>
    <t>01/16/2020 07:53:10</t>
  </si>
  <si>
    <t>01/16/2020 07:53:11</t>
  </si>
  <si>
    <t>01/16/2020 07:53:12</t>
  </si>
  <si>
    <t>01/16/2020 07:53:13</t>
  </si>
  <si>
    <t>01/16/2020 07:53:14</t>
  </si>
  <si>
    <t>\\acsfs\profiles$\wenderbnm\Searches\</t>
  </si>
  <si>
    <t>\\acsfs\profiles$\wenderbnm\Searches\desktop.ini</t>
  </si>
  <si>
    <t>01/16/2020 07:54:31</t>
  </si>
  <si>
    <t>01/16/2020 07:53:22</t>
  </si>
  <si>
    <t>01/16/2020 07:55:31</t>
  </si>
  <si>
    <t>ee95c1d2-2f31-42a0-817c-5498dab5f65c.tmp</t>
  </si>
  <si>
    <t>\\acsfs\profiles$\nayarasds\Downloads\ee95c1d2-2f31-42a0-817c-5498dab5f65c.tmp</t>
  </si>
  <si>
    <t>01/16/2020 07:54:08</t>
  </si>
  <si>
    <t>c6bd9d35-33dd-48ac-ab06-994dbbcac99c.tmp</t>
  </si>
  <si>
    <t>\\acsfs\profiles$\nayarasds\Downloads\c6bd9d35-33dd-48ac-ab06-994dbbcac99c.tmp</t>
  </si>
  <si>
    <t>01/16/2020 07:54:21</t>
  </si>
  <si>
    <t>03d4f84c-1155-4701-add3-f128fe3f8e38.tmp</t>
  </si>
  <si>
    <t>\\acsfs\profiles$\nayarasds\Downloads\03d4f84c-1155-4701-add3-f128fe3f8e38.tmp</t>
  </si>
  <si>
    <t>01/16/2020 07:54:37</t>
  </si>
  <si>
    <t>9064d039-a91a-46d4-9d47-5dda3ac2e67c.tmp</t>
  </si>
  <si>
    <t>\\acsfs\profiles$\nayarasds\Downloads\9064d039-a91a-46d4-9d47-5dda3ac2e67c.tmp</t>
  </si>
  <si>
    <t>01/16/2020 07:53:20</t>
  </si>
  <si>
    <t>01/16/2020 07:56:31</t>
  </si>
  <si>
    <t>01/16/2020 07:53:33</t>
  </si>
  <si>
    <t>01/16/2020 07:53:39</t>
  </si>
  <si>
    <t>01/16/2020 07:53:56</t>
  </si>
  <si>
    <t>01/16/2020 07:54:01</t>
  </si>
  <si>
    <t>01/16/2020 07:54:25</t>
  </si>
  <si>
    <t>01/16/2020 07:54:36</t>
  </si>
  <si>
    <t>01/16/2020 07:54:50</t>
  </si>
  <si>
    <t>01/16/2020 07:53:50</t>
  </si>
  <si>
    <t>01/16/2020 07:57:31</t>
  </si>
  <si>
    <t>dcf88fe3-4b75-4c48-9a6b-b192b59c9e13.tmp</t>
  </si>
  <si>
    <t>\\acsfs\profiles$\geovannasm\Downloads\dcf88fe3-4b75-4c48-9a6b-b192b59c9e13.tmp</t>
  </si>
  <si>
    <t>01/16/2020 07:54:59</t>
  </si>
  <si>
    <t>73763491-342a-452b-9fdc-70a030a35d8c.tmp</t>
  </si>
  <si>
    <t>\\acsfs\profiles$\geovannasm\Downloads\73763491-342a-452b-9fdc-70a030a35d8c.tmp</t>
  </si>
  <si>
    <t>01/16/2020 07:55:13</t>
  </si>
  <si>
    <t>94e3ed38-0259-468d-b22b-82ef973e73e6.tmp</t>
  </si>
  <si>
    <t>\\acsfs\profiles$\geovannasm\Downloads\94e3ed38-0259-468d-b22b-82ef973e73e6.tmp</t>
  </si>
  <si>
    <t>01/16/2020 07:56:12</t>
  </si>
  <si>
    <t>7d845c57-2525-4d8a-b289-f41cb214117c.tmp</t>
  </si>
  <si>
    <t>\\acsfs\profiles$\geovannasm\Downloads\7d845c57-2525-4d8a-b289-f41cb214117c.tmp</t>
  </si>
  <si>
    <t>01/16/2020 07:56:22</t>
  </si>
  <si>
    <t>c8a2803e-a74d-4f28-b017-bb78e313d6ef.tmp</t>
  </si>
  <si>
    <t>\\acsfs\profiles$\geovannasm\Downloads\c8a2803e-a74d-4f28-b017-bb78e313d6ef.tmp</t>
  </si>
  <si>
    <t>01/16/2020 07:55:37</t>
  </si>
  <si>
    <t>\\acsfs\profiles$\vivianalds\My Documents\My Pictures\</t>
  </si>
  <si>
    <t>\\acsfs\profiles$\vivianalds\My Documents\My Videos\desktop.ini</t>
  </si>
  <si>
    <t>01/16/2020 07:55:43</t>
  </si>
  <si>
    <t>\\acsfs\profiles$\vivianalds\My Documents\My Videos\</t>
  </si>
  <si>
    <t>01/16/2020 07:55:44</t>
  </si>
  <si>
    <t>01/16/2020 07:55:47</t>
  </si>
  <si>
    <t>01/16/2020 07:55:49</t>
  </si>
  <si>
    <t>01/16/2020 07:55:51</t>
  </si>
  <si>
    <t>\\acsfs\profiles$\vivianalds\My Documents\My Music\</t>
  </si>
  <si>
    <t>\\acsfs\profiles$\vivianalds\My Documents\My Pictures\desktop.ini</t>
  </si>
  <si>
    <t>01/16/2020 07:55:52</t>
  </si>
  <si>
    <t>01/16/2020 07:55:54</t>
  </si>
  <si>
    <t>01/16/2020 07:55:56</t>
  </si>
  <si>
    <t>\\acsfs\profiles$\vivianalds\Contacts\</t>
  </si>
  <si>
    <t>\\acsfs\profiles$\vivianalds\Contacts\desktop.ini</t>
  </si>
  <si>
    <t>01/16/2020 07:55:57</t>
  </si>
  <si>
    <t>01/16/2020 07:55:58</t>
  </si>
  <si>
    <t>01/16/2020 07:55:59</t>
  </si>
  <si>
    <t>01/16/2020 07:58:31</t>
  </si>
  <si>
    <t>01/16/2020 07:56:01</t>
  </si>
  <si>
    <t>01/16/2020 07:56:02</t>
  </si>
  <si>
    <t>\\acsfs\profiles$\vivianalds\My Documents\</t>
  </si>
  <si>
    <t>\\acsfs\profiles$\vivianalds\Favorites\desktop.ini</t>
  </si>
  <si>
    <t>01/16/2020 07:56:03</t>
  </si>
  <si>
    <t>01/16/2020 07:56:04</t>
  </si>
  <si>
    <t>01/16/2020 07:56:05</t>
  </si>
  <si>
    <t>01/16/2020 07:56:07</t>
  </si>
  <si>
    <t>01/16/2020 07:56:08</t>
  </si>
  <si>
    <t>01/16/2020 07:56:09</t>
  </si>
  <si>
    <t>\\acsfs\profiles$\vivianalds\My Documents\My Music\desktop.ini</t>
  </si>
  <si>
    <t>01/16/2020 07:56:11</t>
  </si>
  <si>
    <t>01/16/2020 07:56:14</t>
  </si>
  <si>
    <t>01/16/2020 07:56:15</t>
  </si>
  <si>
    <t>01/16/2020 07:56:16</t>
  </si>
  <si>
    <t>\\acsfs\profiles$\vivianalds\Searches\</t>
  </si>
  <si>
    <t>\\acsfs\profiles$\vivianalds\Searches\desktop.ini</t>
  </si>
  <si>
    <t>01/16/2020 07:56:17</t>
  </si>
  <si>
    <t>01/16/2020 07:56:18</t>
  </si>
  <si>
    <t>01/16/2020 07:56:20</t>
  </si>
  <si>
    <t>01/16/2020 07:56:21</t>
  </si>
  <si>
    <t>\\acsfs\profiles$\vivianalds\Downloads\desktop.ini</t>
  </si>
  <si>
    <t>01/16/2020 07:56:23</t>
  </si>
  <si>
    <t>01/16/2020 07:56:24</t>
  </si>
  <si>
    <t>\\acsfs\profiles$\vivianalds\Favorites\</t>
  </si>
  <si>
    <t>\\acsfs\profiles$\vivianalds\My Documents\desktop.ini</t>
  </si>
  <si>
    <t>01/16/2020 07:56:25</t>
  </si>
  <si>
    <t>01/16/2020 07:56:26</t>
  </si>
  <si>
    <t>01/16/2020 07:56:28</t>
  </si>
  <si>
    <t>01/16/2020 07:56:29</t>
  </si>
  <si>
    <t>\\acsfs\profiles$\vivianalds\Saved Games\desktop.ini</t>
  </si>
  <si>
    <t>01/16/2020 07:56:32</t>
  </si>
  <si>
    <t>01/16/2020 07:56:58</t>
  </si>
  <si>
    <t>winrt--{S-1-5-21-602162358-764733703-839522115-330444}-.searchconnector-ms</t>
  </si>
  <si>
    <t>\\acsfs\profiles$\vivianalds\Searches\winrt--{S-1-5-21-602162358-764733703-839522115-330444}-.searchconnector-ms</t>
  </si>
  <si>
    <t>01/16/2020 07:53:16</t>
  </si>
  <si>
    <t>01/16/2020 07:53:17</t>
  </si>
  <si>
    <t>01/16/2020 07:53:18</t>
  </si>
  <si>
    <t>01/16/2020 07:53:21</t>
  </si>
  <si>
    <t>\\acsfs\profiles$\wenderbnm\Downloads\desktop.ini</t>
  </si>
  <si>
    <t>01/16/2020 07:53:23</t>
  </si>
  <si>
    <t>\\acsfs\profiles$\wenderbnm\My Documents\</t>
  </si>
  <si>
    <t>\\acsfs\profiles$\wenderbnm\My Documents\desktop.ini</t>
  </si>
  <si>
    <t>01/16/2020 07:53:24</t>
  </si>
  <si>
    <t>01/16/2020 07:53:25</t>
  </si>
  <si>
    <t>01/16/2020 07:53:26</t>
  </si>
  <si>
    <t>01/16/2020 07:53:27</t>
  </si>
  <si>
    <t>01/16/2020 07:53:28</t>
  </si>
  <si>
    <t>\\acsfs\profiles$\wenderbnm\Saved Games\</t>
  </si>
  <si>
    <t>\\acsfs\profiles$\wenderbnm\Saved Games\desktop.ini</t>
  </si>
  <si>
    <t>01/16/2020 07:53:55</t>
  </si>
  <si>
    <t>winrt--{S-1-5-21-602162358-764733703-839522115-354115}-.searchconnector-ms</t>
  </si>
  <si>
    <t>\\acsfs\profiles$\wenderbnm\Searches\winrt--{S-1-5-21-602162358-764733703-839522115-354115}-.searchconnector-ms</t>
  </si>
  <si>
    <t>01/16/2020 07:58:04</t>
  </si>
  <si>
    <t>3dff4633-a505-4402-bab0-8e5b45724758.tmp</t>
  </si>
  <si>
    <t>\\acsfs\profiles$\wenderbnm\Downloads\3dff4633-a505-4402-bab0-8e5b45724758.tmp</t>
  </si>
  <si>
    <t>01/16/2020 07:57:35</t>
  </si>
  <si>
    <t>01/16/2020 07:59:30</t>
  </si>
  <si>
    <t>3b49de75-b0f3-4128-9a9a-fa69ade10f5a.tmp</t>
  </si>
  <si>
    <t>\\acsfs\profiles$\henriquehmdo\Downloads\3b49de75-b0f3-4128-9a9a-fa69ade10f5a.tmp</t>
  </si>
  <si>
    <t>01/16/2020 07:57:38</t>
  </si>
  <si>
    <t>01/16/2020 07:58:33</t>
  </si>
  <si>
    <t>598c7823-9cb0-4e9d-9444-79a6fd99a3db.tmp</t>
  </si>
  <si>
    <t>\\acsfs\profiles$\gabrielaff\Downloads\598c7823-9cb0-4e9d-9444-79a6fd99a3db.tmp</t>
  </si>
  <si>
    <t>01/16/2020 07:57:19</t>
  </si>
  <si>
    <t>13efc29e-c9b9-4f6e-a922-047eb6439793.tmp</t>
  </si>
  <si>
    <t>\\acsfs\profiles$\leticiala\Downloads\13efc29e-c9b9-4f6e-a922-047eb6439793.tmp</t>
  </si>
  <si>
    <t>01/16/2020 07:59:31</t>
  </si>
  <si>
    <t>01/16/2020 07:59:19</t>
  </si>
  <si>
    <t>01/16/2020 08:00:31</t>
  </si>
  <si>
    <t>90737e0d-0489-4735-abbb-d3fcc14a205d.tmp</t>
  </si>
  <si>
    <t>\\acsfs\profiles$\nayarasds\Downloads\90737e0d-0489-4735-abbb-d3fcc14a205d.tmp</t>
  </si>
  <si>
    <t>01/16/2020 07:56:47</t>
  </si>
  <si>
    <t>18050040-6cb3-4436-a208-e9e97840a9b1.tmp</t>
  </si>
  <si>
    <t>\\acsfs\profiles$\nayarasds\Downloads\18050040-6cb3-4436-a208-e9e97840a9b1.tmp</t>
  </si>
  <si>
    <t>01/16/2020 07:58:26</t>
  </si>
  <si>
    <t>\\acsfs\profiles$\jalilebds\My Documents\My Pictures\</t>
  </si>
  <si>
    <t>\\acsfs\profiles$\jalilebds\My Documents\My Videos\desktop.ini</t>
  </si>
  <si>
    <t>01/16/2020 07:58:30</t>
  </si>
  <si>
    <t>\\acsfs\profiles$\jalilebds\My Documents\My Videos\</t>
  </si>
  <si>
    <t>01/16/2020 07:58:36</t>
  </si>
  <si>
    <t>01/16/2020 07:58:38</t>
  </si>
  <si>
    <t>\\acsfs\profiles$\jalilebds\My Documents\My Music\</t>
  </si>
  <si>
    <t>\\acsfs\profiles$\jalilebds\My Documents\My Pictures\desktop.ini</t>
  </si>
  <si>
    <t>01/16/2020 07:58:40</t>
  </si>
  <si>
    <t>01/16/2020 07:58:58</t>
  </si>
  <si>
    <t>01/16/2020 07:58:59</t>
  </si>
  <si>
    <t>01/16/2020 07:59:02</t>
  </si>
  <si>
    <t>01/16/2020 07:59:05</t>
  </si>
  <si>
    <t>\\acsfs\profiles$\jalilebds\Contacts\</t>
  </si>
  <si>
    <t>\\acsfs\profiles$\jalilebds\Contacts\desktop.ini</t>
  </si>
  <si>
    <t>01/16/2020 07:59:07</t>
  </si>
  <si>
    <t>01/16/2020 07:59:09</t>
  </si>
  <si>
    <t>01/16/2020 07:59:10</t>
  </si>
  <si>
    <t>01/16/2020 07:59:11</t>
  </si>
  <si>
    <t>01/16/2020 07:59:13</t>
  </si>
  <si>
    <t>01/16/2020 07:59:14</t>
  </si>
  <si>
    <t>\\acsfs\profiles$\jalilebds\My Documents\</t>
  </si>
  <si>
    <t>\\acsfs\profiles$\jalilebds\Favorites\desktop.ini</t>
  </si>
  <si>
    <t>01/16/2020 07:59:18</t>
  </si>
  <si>
    <t>01/16/2020 07:59:20</t>
  </si>
  <si>
    <t>01/16/2020 07:59:24</t>
  </si>
  <si>
    <t>01/16/2020 07:59:25</t>
  </si>
  <si>
    <t>01/16/2020 07:59:41</t>
  </si>
  <si>
    <t>01/16/2020 07:59:43</t>
  </si>
  <si>
    <t>\\acsfs\profiles$\jalilebds\My Documents\My Music\desktop.ini</t>
  </si>
  <si>
    <t>01/16/2020 07:59:45</t>
  </si>
  <si>
    <t>01/16/2020 07:59:46</t>
  </si>
  <si>
    <t>01/16/2020 07:59:47</t>
  </si>
  <si>
    <t>01/16/2020 07:59:48</t>
  </si>
  <si>
    <t>01/16/2020 07:59:52</t>
  </si>
  <si>
    <t>\\acsfs\profiles$\jalilebds\Searches\</t>
  </si>
  <si>
    <t>\\acsfs\profiles$\jalilebds\Searches\desktop.ini</t>
  </si>
  <si>
    <t>01/16/2020 07:59:53</t>
  </si>
  <si>
    <t>01/16/2020 07:59:55</t>
  </si>
  <si>
    <t>01/16/2020 07:59:57</t>
  </si>
  <si>
    <t>01/16/2020 07:59:59</t>
  </si>
  <si>
    <t>01/16/2020 08:00:00</t>
  </si>
  <si>
    <t>\\acsfs\profiles$\jalilebds\Downloads\desktop.ini</t>
  </si>
  <si>
    <t>01/16/2020 08:00:01</t>
  </si>
  <si>
    <t>01/16/2020 08:00:03</t>
  </si>
  <si>
    <t>\\acsfs\profiles$\jalilebds\Favorites\</t>
  </si>
  <si>
    <t>\\acsfs\profiles$\jalilebds\My Documents\desktop.ini</t>
  </si>
  <si>
    <t>01/16/2020 08:00:05</t>
  </si>
  <si>
    <t>01/16/2020 08:00:06</t>
  </si>
  <si>
    <t>01/16/2020 08:00:07</t>
  </si>
  <si>
    <t>01/16/2020 08:00:09</t>
  </si>
  <si>
    <t>01/16/2020 08:00:11</t>
  </si>
  <si>
    <t>01/16/2020 08:00:13</t>
  </si>
  <si>
    <t>\\acsfs\profiles$\jalilebds\Saved Games\desktop.ini</t>
  </si>
  <si>
    <t>01/16/2020 08:00:16</t>
  </si>
  <si>
    <t>01/16/2020 08:01:31</t>
  </si>
  <si>
    <t>01/16/2020 07:59:23</t>
  </si>
  <si>
    <t>01/16/2020 07:59:26</t>
  </si>
  <si>
    <t>01/16/2020 07:59:28</t>
  </si>
  <si>
    <t>01/16/2020 07:59:32</t>
  </si>
  <si>
    <t>01/16/2020 00:07:40</t>
  </si>
  <si>
    <t>01/16/2020 07:59:33</t>
  </si>
  <si>
    <t>01/16/2020 07:58:41</t>
  </si>
  <si>
    <t>\\acsfs\profiles$\thyagosp\My Documents\My Pictures\</t>
  </si>
  <si>
    <t>\\acsfs\profiles$\THYAGOSP\My Documents\My Videos\desktop.ini</t>
  </si>
  <si>
    <t>01/16/2020 07:59:34</t>
  </si>
  <si>
    <t>01/16/2020 07:58:42</t>
  </si>
  <si>
    <t>\\acsfs\profiles$\THYAGOSP\My Documents\My Videos\</t>
  </si>
  <si>
    <t>01/16/2020 07:59:36</t>
  </si>
  <si>
    <t>01/16/2020 07:59:38</t>
  </si>
  <si>
    <t>01/16/2020 07:58:45</t>
  </si>
  <si>
    <t>01/16/2020 07:59:39</t>
  </si>
  <si>
    <t>01/16/2020 07:58:47</t>
  </si>
  <si>
    <t>01/16/2020 07:58:48</t>
  </si>
  <si>
    <t>01/16/2020 07:59:42</t>
  </si>
  <si>
    <t>01/16/2020 07:58:51</t>
  </si>
  <si>
    <t>\\acsfs\profiles$\thyagosp\My Documents\My Music\</t>
  </si>
  <si>
    <t>\\acsfs\profiles$\THYAGOSP\My Documents\My Pictures\desktop.ini</t>
  </si>
  <si>
    <t>01/16/2020 07:58:53</t>
  </si>
  <si>
    <t>\\acsfs\profiles$\thyagosp\My Documents\My Videos\</t>
  </si>
  <si>
    <t>01/16/2020 07:58:54</t>
  </si>
  <si>
    <t>01/16/2020 07:58:56</t>
  </si>
  <si>
    <t>01/16/2020 07:59:50</t>
  </si>
  <si>
    <t>01/16/2020 07:59:00</t>
  </si>
  <si>
    <t>01/16/2020 07:59:56</t>
  </si>
  <si>
    <t>\\acsfs\profiles$\THYAGOSP\Contacts\</t>
  </si>
  <si>
    <t>\\acsfs\profiles$\THYAGOSP\Contacts\desktop.ini</t>
  </si>
  <si>
    <t>01/16/2020 07:59:03</t>
  </si>
  <si>
    <t>01/16/2020 07:59:04</t>
  </si>
  <si>
    <t>01/16/2020 07:59:06</t>
  </si>
  <si>
    <t>\\acsfs\profiles$\thyagosp\My Documents\</t>
  </si>
  <si>
    <t>\\acsfs\profiles$\THYAGOSP\Favorites\desktop.ini</t>
  </si>
  <si>
    <t>01/16/2020 08:00:02</t>
  </si>
  <si>
    <t>01/16/2020 08:00:04</t>
  </si>
  <si>
    <t>01/16/2020 07:59:12</t>
  </si>
  <si>
    <t>01/16/2020 08:00:10</t>
  </si>
  <si>
    <t>01/16/2020 08:00:12</t>
  </si>
  <si>
    <t>01/16/2020 07:59:15</t>
  </si>
  <si>
    <t>\\acsfs\profiles$\THYAGOSP\My Documents\My Music\desktop.ini</t>
  </si>
  <si>
    <t>01/16/2020 07:59:17</t>
  </si>
  <si>
    <t>\\acsfs\profiles$\THYAGOSP\My Documents\My Music\</t>
  </si>
  <si>
    <t>01/16/2020 08:00:15</t>
  </si>
  <si>
    <t>01/16/2020 08:00:17</t>
  </si>
  <si>
    <t>01/16/2020 08:00:18</t>
  </si>
  <si>
    <t>01/16/2020 08:00:21</t>
  </si>
  <si>
    <t>01/16/2020 08:00:22</t>
  </si>
  <si>
    <t>01/16/2020 07:59:21</t>
  </si>
  <si>
    <t>\\acsfs\profiles$\THYAGOSP\Searches\</t>
  </si>
  <si>
    <t>\\acsfs\profiles$\THYAGOSP\Searches\desktop.ini</t>
  </si>
  <si>
    <t>01/16/2020 08:00:24</t>
  </si>
  <si>
    <t>01/16/2020 08:00:25</t>
  </si>
  <si>
    <t>01/16/2020 07:59:29</t>
  </si>
  <si>
    <t>\\acsfs\profiles$\THYAGOSP\Downloads\desktop.ini</t>
  </si>
  <si>
    <t>\\acsfs\profiles$\thyagosp\Favorites\</t>
  </si>
  <si>
    <t>\\acsfs\profiles$\THYAGOSP\My Documents\desktop.ini</t>
  </si>
  <si>
    <t>01/16/2020 07:59:35</t>
  </si>
  <si>
    <t>01/16/2020 07:59:37</t>
  </si>
  <si>
    <t>01/16/2020 07:59:40</t>
  </si>
  <si>
    <t>\\acsfs\profiles$\thyagosp\Downloads\</t>
  </si>
  <si>
    <t>\\acsfs\profiles$\THYAGOSP\Saved Games\desktop.ini</t>
  </si>
  <si>
    <t>01/16/2020 08:00:08</t>
  </si>
  <si>
    <t>winrt--{S-1-5-21-602162358-764733703-839522115-330935}-.searchconnector-ms</t>
  </si>
  <si>
    <t>\\acsfs\profiles$\THYAGOSP\Searches\winrt--{S-1-5-21-602162358-764733703-839522115-330935}-.searchconnector-ms</t>
  </si>
  <si>
    <t>01/16/2020 08:00:26</t>
  </si>
  <si>
    <t>01/16/2020 08:00:36</t>
  </si>
  <si>
    <t>01/16/2020 08:00:30</t>
  </si>
  <si>
    <t>ulog_AcroARM2_Reader_22bb18ef-a0cc-4985-b2f1-d8449a05e1d0_255afb72-88db-44ab-8eb2-324e7bf90f64_0.log</t>
  </si>
  <si>
    <t>C:\Users\Jordanarb\AppData\Roaming\Adobe\LogTransport2\Logs\ulog_AcroARM2_Reader_22bb18ef-a0cc-4985-b2f1-d8449a05e1d0_255afb72-88db-44ab-8eb2-324e7bf90f64_0.log\</t>
  </si>
  <si>
    <t>01/16/2020 08:02:31</t>
  </si>
  <si>
    <t>a4872477-9844-4573-8087-a8bf945b3730.tmp</t>
  </si>
  <si>
    <t>\\acsfs\profiles$\RAFAELRF\Downloads\a4872477-9844-4573-8087-a8bf945b3730.tmp</t>
  </si>
  <si>
    <t>2411687c-fcce-4697-b64a-9a64f310b820.tmp</t>
  </si>
  <si>
    <t>\\acsfs\profiles$\RAFAELRF\Downloads\2411687c-fcce-4697-b64a-9a64f310b820.tmp</t>
  </si>
  <si>
    <t>01/16/2020 08:03:31</t>
  </si>
  <si>
    <t>01/16/2020 08:00:57</t>
  </si>
  <si>
    <t>0b7dc948-632e-4e98-8d04-1ef374d6e8d1.tmp</t>
  </si>
  <si>
    <t>\\acsfs\profiles$\vivianalds\Downloads\0b7dc948-632e-4e98-8d04-1ef374d6e8d1.tmp</t>
  </si>
  <si>
    <t>01/16/2020 08:02:15</t>
  </si>
  <si>
    <t>ea67ad68-98a1-4cbd-8977-d13e1118ff66.tmp</t>
  </si>
  <si>
    <t>\\acsfs\profiles$\vivianalds\Downloads\ea67ad68-98a1-4cbd-8977-d13e1118ff66.tmp</t>
  </si>
  <si>
    <t>01/16/2020 08:02:28</t>
  </si>
  <si>
    <t>982754aa-f824-4fb6-a997-01147238a2f1.tmp</t>
  </si>
  <si>
    <t>\\acsfs\profiles$\vivianalds\Downloads\982754aa-f824-4fb6-a997-01147238a2f1.tmp</t>
  </si>
  <si>
    <t>01/16/2020 08:01:06</t>
  </si>
  <si>
    <t>9692a593-2e11-4c87-9b70-fb1e0985183d.tmp</t>
  </si>
  <si>
    <t>\\acsfs\profiles$\paulovadc\Downloads\9692a593-2e11-4c87-9b70-fb1e0985183d.tmp</t>
  </si>
  <si>
    <t>01/16/2020 08:02:34</t>
  </si>
  <si>
    <t>8d40176b-39bb-4af8-958e-fc432d830fa5.tmp</t>
  </si>
  <si>
    <t>\\acsfs\profiles$\paulovadc\Downloads\8d40176b-39bb-4af8-958e-fc432d830fa5.tmp</t>
  </si>
  <si>
    <t>01/16/2020 08:00:55</t>
  </si>
  <si>
    <t>\\acsfs\profiles$\quindaizaagds\My Documents\My Videos\desktop.ini</t>
  </si>
  <si>
    <t>01/16/2020 08:01:05</t>
  </si>
  <si>
    <t>\\acsfs\profiles$\quindaizaagds\My Documents\My Videos\</t>
  </si>
  <si>
    <t>01/16/2020 08:01:08</t>
  </si>
  <si>
    <t>01/16/2020 08:01:10</t>
  </si>
  <si>
    <t>01/16/2020 08:01:12</t>
  </si>
  <si>
    <t>\\acsfs\profiles$\quindaizaagds\My Documents\My Music\</t>
  </si>
  <si>
    <t>\\acsfs\profiles$\quindaizaagds\My Documents\My Pictures\desktop.ini</t>
  </si>
  <si>
    <t>01/16/2020 08:01:15</t>
  </si>
  <si>
    <t>01/16/2020 08:01:16</t>
  </si>
  <si>
    <t>01/16/2020 08:01:19</t>
  </si>
  <si>
    <t>01/16/2020 08:01:21</t>
  </si>
  <si>
    <t>01/16/2020 08:01:23</t>
  </si>
  <si>
    <t>\\acsfs\profiles$\quindaizaagds\Contacts\</t>
  </si>
  <si>
    <t>\\acsfs\profiles$\quindaizaagds\Contacts\desktop.ini</t>
  </si>
  <si>
    <t>01/16/2020 08:01:25</t>
  </si>
  <si>
    <t>01/16/2020 08:01:30</t>
  </si>
  <si>
    <t>01/16/2020 08:01:32</t>
  </si>
  <si>
    <t>01/16/2020 08:01:36</t>
  </si>
  <si>
    <t>01/16/2020 08:01:45</t>
  </si>
  <si>
    <t>\\acsfs\profiles$\quindaizaagds\My Documents\</t>
  </si>
  <si>
    <t>\\acsfs\profiles$\quindaizaagds\Favorites\desktop.ini</t>
  </si>
  <si>
    <t>01/16/2020 08:01:46</t>
  </si>
  <si>
    <t>01/16/2020 08:02:05</t>
  </si>
  <si>
    <t>01/16/2020 08:02:07</t>
  </si>
  <si>
    <t>01/16/2020 08:02:11</t>
  </si>
  <si>
    <t>01/16/2020 08:02:12</t>
  </si>
  <si>
    <t>01/16/2020 08:02:13</t>
  </si>
  <si>
    <t>01/16/2020 08:02:17</t>
  </si>
  <si>
    <t>\\acsfs\profiles$\quindaizaagds\My Documents\My Music\desktop.ini</t>
  </si>
  <si>
    <t>01/16/2020 08:02:19</t>
  </si>
  <si>
    <t>01/16/2020 08:02:20</t>
  </si>
  <si>
    <t>01/16/2020 08:02:21</t>
  </si>
  <si>
    <t>01/16/2020 08:02:24</t>
  </si>
  <si>
    <t>01/16/2020 08:02:26</t>
  </si>
  <si>
    <t>\\acsfs\profiles$\quindaizaagds\Searches\</t>
  </si>
  <si>
    <t>\\acsfs\profiles$\quindaizaagds\Searches\desktop.ini</t>
  </si>
  <si>
    <t>01/16/2020 08:02:29</t>
  </si>
  <si>
    <t>01/16/2020 08:02:32</t>
  </si>
  <si>
    <t>\\acsfs\profiles$\quindaizaagds\Downloads\desktop.ini</t>
  </si>
  <si>
    <t>01/16/2020 08:02:39</t>
  </si>
  <si>
    <t>01/16/2020 08:02:41</t>
  </si>
  <si>
    <t>\\acsfs\profiles$\quindaizaagds\Favorites\</t>
  </si>
  <si>
    <t>\\acsfs\profiles$\quindaizaagds\My Documents\desktop.ini</t>
  </si>
  <si>
    <t>01/16/2020 08:02:42</t>
  </si>
  <si>
    <t>01/16/2020 08:02:45</t>
  </si>
  <si>
    <t>01/16/2020 08:02:50</t>
  </si>
  <si>
    <t>01/16/2020 08:02:52</t>
  </si>
  <si>
    <t>01/16/2020 08:02:53</t>
  </si>
  <si>
    <t>01/16/2020 08:02:56</t>
  </si>
  <si>
    <t>\\acsfs\profiles$\quindaizaagds\Saved Games\desktop.ini</t>
  </si>
  <si>
    <t>01/16/2020 08:02:58</t>
  </si>
  <si>
    <t>01/16/2020 07:58:34</t>
  </si>
  <si>
    <t>882663c6-8865-48f3-b60f-f30c3b961d1c.tmp</t>
  </si>
  <si>
    <t>\\acsfs\profiles$\wenderbnm\Downloads\882663c6-8865-48f3-b60f-f30c3b961d1c.tmp</t>
  </si>
  <si>
    <t>01/16/2020 08:00:20</t>
  </si>
  <si>
    <t>937b58a6-1e52-44c7-b489-c882835577e1.tmp</t>
  </si>
  <si>
    <t>\\acsfs\profiles$\wenderbnm\Downloads\937b58a6-1e52-44c7-b489-c882835577e1.tmp</t>
  </si>
  <si>
    <t>01/16/2020 07:59:44</t>
  </si>
  <si>
    <t>01/16/2020 08:04:31</t>
  </si>
  <si>
    <t>8988c2db-cfb3-4691-b506-56f500cbd6d7.tmp</t>
  </si>
  <si>
    <t>\\acsfs\profiles$\henriquehmdo\Downloads\8988c2db-cfb3-4691-b506-56f500cbd6d7.tmp</t>
  </si>
  <si>
    <t>01/16/2020 08:00:58</t>
  </si>
  <si>
    <t>01/16/2020 08:02:03</t>
  </si>
  <si>
    <t>01/16/2020 08:00:23</t>
  </si>
  <si>
    <t>80fe08bc-c98b-4d11-ac76-754581f4e501.tmp</t>
  </si>
  <si>
    <t>\\acsfs\profiles$\gabrielaff\Downloads\80fe08bc-c98b-4d11-ac76-754581f4e501.tmp</t>
  </si>
  <si>
    <t>01/16/2020 08:05:32</t>
  </si>
  <si>
    <t>01/16/2020 08:01:18</t>
  </si>
  <si>
    <t>01/16/2020 08:01:42</t>
  </si>
  <si>
    <t>01/16/2020 08:03:03</t>
  </si>
  <si>
    <t>01/16/2020 08:03:27</t>
  </si>
  <si>
    <t>01/16/2020 08:03:45</t>
  </si>
  <si>
    <t>01/16/2020 08:03:50</t>
  </si>
  <si>
    <t>1d6bd6c0-d364-4cd0-9a15-5bbd57c8dcf1.tmp</t>
  </si>
  <si>
    <t>\\acsfs\profiles$\ALYNYA\Downloads\1d6bd6c0-d364-4cd0-9a15-5bbd57c8dcf1.tmp</t>
  </si>
  <si>
    <t>01/16/2020 08:00:48</t>
  </si>
  <si>
    <t>winrt--{S-1-5-21-602162358-764733703-839522115-342485}-.searchconnector-ms</t>
  </si>
  <si>
    <t>\\acsfs\profiles$\jalilebds\Searches\winrt--{S-1-5-21-602162358-764733703-839522115-342485}-.searchconnector-ms</t>
  </si>
  <si>
    <t>01/16/2020 08:05:08</t>
  </si>
  <si>
    <t>01/16/2020 08:00:41</t>
  </si>
  <si>
    <t>01/16/2020 08:06:31</t>
  </si>
  <si>
    <t>winrt--{S-1-5-21-602162358-764733703-839522115-330432}-.searchconnector-ms</t>
  </si>
  <si>
    <t>\\acsfs\profiles$\DALVADFB\Searches\winrt--{S-1-5-21-602162358-764733703-839522115-330432}-.searchconnector-ms</t>
  </si>
  <si>
    <t>01/16/2020 08:03:44</t>
  </si>
  <si>
    <t>1d6a5b8a-fb50-42c3-96ab-d78808fb93bb.tmp</t>
  </si>
  <si>
    <t>\\acsfs\profiles$\DALVADFB\Downloads\1d6a5b8a-fb50-42c3-96ab-d78808fb93bb.tmp</t>
  </si>
  <si>
    <t>01/16/2020 08:03:57</t>
  </si>
  <si>
    <t>Unconfirmed 782717.crdownload</t>
  </si>
  <si>
    <t>\\acsfs\profiles$\DALVADFB\Downloads\Unconfirmed 782717.crdownload</t>
  </si>
  <si>
    <t>01/16/2020 08:04:17</t>
  </si>
  <si>
    <t>e658c801-73e4-448a-9125-fff4c6de7433.tmp</t>
  </si>
  <si>
    <t>\\acsfs\profiles$\DALVADFB\Downloads\e658c801-73e4-448a-9125-fff4c6de7433.tmp</t>
  </si>
  <si>
    <t>01/16/2020 08:04:25</t>
  </si>
  <si>
    <t>Unconfirmed 323855.crdownload</t>
  </si>
  <si>
    <t>\\acsfs\profiles$\DALVADFB\Downloads\Unconfirmed 323855.crdownload</t>
  </si>
  <si>
    <t>01/16/2020 08:05:26</t>
  </si>
  <si>
    <t>99a033e3-0f4a-4109-8309-a87ddb43b103.tmp</t>
  </si>
  <si>
    <t>\\acsfs\profiles$\DALVADFB\Downloads\99a033e3-0f4a-4109-8309-a87ddb43b103.tmp</t>
  </si>
  <si>
    <t>01/16/2020 08:04:32</t>
  </si>
  <si>
    <t>01/16/2020 08:05:29</t>
  </si>
  <si>
    <t>ddaec698-dc1b-45d5-8764-15ed2cf8491a.tmp</t>
  </si>
  <si>
    <t>\\acsfs\profiles$\THYAGOSP\Downloads\ddaec698-dc1b-45d5-8764-15ed2cf8491a.tmp</t>
  </si>
  <si>
    <t>01/16/2020 08:02:10</t>
  </si>
  <si>
    <t>eff68b23-7911-4315-95cb-96394f31cab6.tmp</t>
  </si>
  <si>
    <t>\\acsfs\profiles$\luanarda\Downloads\eff68b23-7911-4315-95cb-96394f31cab6.tmp</t>
  </si>
  <si>
    <t>01/16/2020 08:05:05</t>
  </si>
  <si>
    <t>b36e8f1b-c16c-49d7-9fe9-c62adbda92d7.tmp</t>
  </si>
  <si>
    <t>\\acsfs\profiles$\luanarda\Downloads\b36e8f1b-c16c-49d7-9fe9-c62adbda92d7.tmp</t>
  </si>
  <si>
    <t>01/16/2020 08:03:11</t>
  </si>
  <si>
    <t>01/16/2020 08:03:36</t>
  </si>
  <si>
    <t>01/16/2020 08:03:41</t>
  </si>
  <si>
    <t>01/16/2020 08:03:47</t>
  </si>
  <si>
    <t>01/16/2020 08:04:00</t>
  </si>
  <si>
    <t>01/16/2020 08:03:25</t>
  </si>
  <si>
    <t>01/16/2020 08:03:55</t>
  </si>
  <si>
    <t>01/16/2020 08:04:55</t>
  </si>
  <si>
    <t>01/16/2020 08:05:25</t>
  </si>
  <si>
    <t>01/16/2020 08:05:55</t>
  </si>
  <si>
    <t>01/16/2020 08:06:08</t>
  </si>
  <si>
    <t>01/16/2020 08:07:31</t>
  </si>
  <si>
    <t>027067db-d4ba-4ff5-830c-012f1385a2a3.tmp</t>
  </si>
  <si>
    <t>\\acsfs\profiles$\antoniosva\Downloads\027067db-d4ba-4ff5-830c-012f1385a2a3.tmp</t>
  </si>
  <si>
    <t>01/16/2020 08:03:58</t>
  </si>
  <si>
    <t>01/16/2020 08:08:31</t>
  </si>
  <si>
    <t>01/16/2020 08:05:07</t>
  </si>
  <si>
    <t>lu10556ftol.tmp</t>
  </si>
  <si>
    <t>\\acsfs\profiles$\VIVIANALDS\My Documents\lu10556ftol.tmp</t>
  </si>
  <si>
    <t>\\acsfs\profiles$\VIVIANALDS\My Documents\lu10556ftol.tmp\</t>
  </si>
  <si>
    <t>\\acsfs\profiles$\VIVIANALDS\My Documents\lu10556ftol.tmp\META-INF\</t>
  </si>
  <si>
    <t>\\acsfs\profiles$\VIVIANALDS\My Documents\lu10556ftol.tmp\Thumbnails\</t>
  </si>
  <si>
    <t>01/16/2020 08:03:30</t>
  </si>
  <si>
    <t>winrt--{S-1-5-21-602162358-764733703-839522115-330524}-.searchconnector-ms</t>
  </si>
  <si>
    <t>\\acsfs\profiles$\quindaizaagds\Searches\winrt--{S-1-5-21-602162358-764733703-839522115-330524}-.searchconnector-ms</t>
  </si>
  <si>
    <t>01/16/2020 08:09:31</t>
  </si>
  <si>
    <t>01/16/2020 08:04:52</t>
  </si>
  <si>
    <t>01/16/2020 08:10:31</t>
  </si>
  <si>
    <t>01/16/2020 08:05:10</t>
  </si>
  <si>
    <t>01/16/2020 08:05:12</t>
  </si>
  <si>
    <t>01/16/2020 08:05:15</t>
  </si>
  <si>
    <t>01/16/2020 08:05:17</t>
  </si>
  <si>
    <t>01/16/2020 08:05:20</t>
  </si>
  <si>
    <t>01/16/2020 08:05:23</t>
  </si>
  <si>
    <t>01/16/2020 08:05:27</t>
  </si>
  <si>
    <t>01/16/2020 08:05:34</t>
  </si>
  <si>
    <t>01/16/2020 08:05:37</t>
  </si>
  <si>
    <t>01/16/2020 08:05:40</t>
  </si>
  <si>
    <t>01/16/2020 08:05:43</t>
  </si>
  <si>
    <t>01/16/2020 08:05:47</t>
  </si>
  <si>
    <t>01/16/2020 08:05:52</t>
  </si>
  <si>
    <t>0]]0],0]]l,0]a_x0006__x001F_�,0]i,0]l,1578963302346,1578963603339,1578963904335,708385187,76,77,78,[],[]]],false,iwagbqyq5_cmqlzbanwpacqolgbymbrky1hyw9wzwbrqebiph8iqz-_-nea8ajk3cl1u6dhazrweuy4acpn1lbxov-fxfxs7u6fxlrrmewru5fr4fy8cuk8t73sxehkspjr8dpf1-v_6eyefdj_s5ctm3pd-_i4y3cnuoucl3oesbl-jzrepmleg33fjkfom_gv_oiymounmhepbtspoobkmjpnttr8idpe\",iwagbqyq5_cmqlzbanwpacqolgbymbrky1hyw9wzwbrqebiph8iqz-_-nea8ajk3cl1u6dhazrweuy4acpn1lbxov-fxfxs7u6fxlrrmewru5fr4fy8cuk8t73sxehkspjr8dpf1-v_6eyefdj_s5ctm3pd-_i4y3cnuoucl3oesbl-jzrepmleg3hfjkfpvwd4ugmnftsnmsfnubzryf9dpbtdcp9otuo4\",iwagbqyq5_cmqlzbanwpacqolgbymbrky1hyw9wzwbrqebiph8iqz-_-nea8ajk3cl1u6dhazrweuy4acpn1lbxov-fxfxs7u6fxlrrmewru5fr4fy8cuk8t73sxehkspjr8dpf1-v_6eyefdj_s5ctm3pd-_i4y3cnuoucl3oesbl-jzrepmleg3nfjkfp1ambimkcqo8fosskz1kkpco-yobwacpoffcg\",null,true]"</t>
  </si>
  <si>
    <t>01/16/2020 08:06:02</t>
  </si>
  <si>
    <t>01/16/2020 08:06:11</t>
  </si>
  <si>
    <t>01/16/2020 08:06:14</t>
  </si>
  <si>
    <t>01/16/2020 08:06:17</t>
  </si>
  <si>
    <t>01/16/2020 08:06:21</t>
  </si>
  <si>
    <t>01/16/2020 08:06:24</t>
  </si>
  <si>
    <t>01/16/2020 08:06:27</t>
  </si>
  <si>
    <t>01/16/2020 08:06:33</t>
  </si>
  <si>
    <t>01/16/2020 08:06:38</t>
  </si>
  <si>
    <t>mail.google.com/sync/u/0/i/s?hl=pt-BR&amp;c=312</t>
  </si>
  <si>
    <t>01/16/2020 08:06:43</t>
  </si>
  <si>
    <t>01/16/2020 08:06:47</t>
  </si>
  <si>
    <t>01/16/2020 08:06:52</t>
  </si>
  <si>
    <t>01/16/2020 08:07:05</t>
  </si>
  <si>
    <t>01/16/2020 08:07:09</t>
  </si>
  <si>
    <t>01/16/2020 08:09:00</t>
  </si>
  <si>
    <t>57c9106a-7ea8-46c2-a8a4-d65744bcbdd0.tmp</t>
  </si>
  <si>
    <t>\\acsfs\profiles$\ayalabfi\Downloads\57c9106a-7ea8-46c2-a8a4-d65744bcbdd0.tmp</t>
  </si>
  <si>
    <t>01/16/2020 08:09:03</t>
  </si>
  <si>
    <t>46f8b09a-23d6-48a5-a860-9e8b72e43ada.tmp</t>
  </si>
  <si>
    <t>\\acsfs\profiles$\ayalabfi\Downloads\46f8b09a-23d6-48a5-a860-9e8b72e43ada.tmp</t>
  </si>
  <si>
    <t>01/16/2020 08:10:03</t>
  </si>
  <si>
    <t>49ed5603-f95b-49ec-826b-c28c2d8696fd.tmp</t>
  </si>
  <si>
    <t>\\acsfs\profiles$\ayalabfi\Downloads\49ed5603-f95b-49ec-826b-c28c2d8696fd.tmp</t>
  </si>
  <si>
    <t>01/16/2020 08:06:58</t>
  </si>
  <si>
    <t>01/16/2020 08:11:31</t>
  </si>
  <si>
    <t>fd75c304-f543-42b9-a995-a09a530b55a0.tmp</t>
  </si>
  <si>
    <t>\\acsfs\profiles$\DALVADFB\Downloads\fd75c304-f543-42b9-a995-a09a530b55a0.tmp</t>
  </si>
  <si>
    <t>01/16/2020 08:08:52</t>
  </si>
  <si>
    <t>9df08efc-6a87-4a2d-80b1-eacef2f96b26.tmp</t>
  </si>
  <si>
    <t>\\acsfs\profiles$\THYAGOSP\Downloads\9df08efc-6a87-4a2d-80b1-eacef2f96b26.tmp</t>
  </si>
  <si>
    <t>01/16/2020 08:09:20</t>
  </si>
  <si>
    <t>01/16/2020 08:07:25</t>
  </si>
  <si>
    <t>01/16/2020 08:07:55</t>
  </si>
  <si>
    <t>01/16/2020 08:08:25</t>
  </si>
  <si>
    <t>01/16/2020 08:08:55</t>
  </si>
  <si>
    <t>01/16/2020 08:07:39</t>
  </si>
  <si>
    <t>01/16/2020 08:12:31</t>
  </si>
  <si>
    <t>41f7322a-8999-4521-8319-2e43f926d7d3.tmp</t>
  </si>
  <si>
    <t>\\acsfs\profiles$\antoniosva\Downloads\41f7322a-8999-4521-8319-2e43f926d7d3.tmp</t>
  </si>
  <si>
    <t>01/16/2020 08:08:37</t>
  </si>
  <si>
    <t>3f366b11-85de-46f5-8576-ef3adf2b92e3.tmp</t>
  </si>
  <si>
    <t>\\acsfs\profiles$\antoniosva\Downloads\3f366b11-85de-46f5-8576-ef3adf2b92e3.tmp</t>
  </si>
  <si>
    <t>01/16/2020 08:09:05</t>
  </si>
  <si>
    <t>672bc647-9e50-4ac4-9d6e-04f819a5422c.tmp</t>
  </si>
  <si>
    <t>\\acsfs\profiles$\antoniosva\Downloads\672bc647-9e50-4ac4-9d6e-04f819a5422c.tmp</t>
  </si>
  <si>
    <t>01/16/2020 08:10:38</t>
  </si>
  <si>
    <t>dc2eee17-6e7f-4cc1-9461-42bae4a93132.tmp</t>
  </si>
  <si>
    <t>\\acsfs\profiles$\antoniosva\Downloads\dc2eee17-6e7f-4cc1-9461-42bae4a93132.tmp</t>
  </si>
  <si>
    <t>01/16/2020 08:08:14</t>
  </si>
  <si>
    <t>01/16/2020 08:13:31</t>
  </si>
  <si>
    <t>a9c5f2ac-1205-4d8d-b07d-3d1026196f4a.tmp</t>
  </si>
  <si>
    <t>\\acsfs\profiles$\vivianalds\Downloads\a9c5f2ac-1205-4d8d-b07d-3d1026196f4a.tmp</t>
  </si>
  <si>
    <t>01/16/2020 08:13:58</t>
  </si>
  <si>
    <t>01/16/2020 08:14:32</t>
  </si>
  <si>
    <t>01/16/2020 08:12:28</t>
  </si>
  <si>
    <t>7eff1e08-5e72-43d2-9ed2-d6ac11cb6c0f.tmp</t>
  </si>
  <si>
    <t>\\acsfs\profiles$\leticiala\Downloads\7eff1e08-5e72-43d2-9ed2-d6ac11cb6c0f.tmp</t>
  </si>
  <si>
    <t>01/16/2020 08:12:32</t>
  </si>
  <si>
    <t>4ef5e832-c43f-4de3-892f-60e8d2867804.tmp</t>
  </si>
  <si>
    <t>\\acsfs\profiles$\leticiala\Downloads\4ef5e832-c43f-4de3-892f-60e8d2867804.tmp</t>
  </si>
  <si>
    <t>01/16/2020 08:09:55</t>
  </si>
  <si>
    <t>5817a042-0469-49a2-85f3-4483b4ef67a2.tmp</t>
  </si>
  <si>
    <t>\\acsfs\profiles$\wedersonbadr\My Documents\My Music\5817a042-0469-49a2-85f3-4483b4ef67a2.tmp</t>
  </si>
  <si>
    <t>01/16/2020 08:14:12</t>
  </si>
  <si>
    <t>2387d071-b39e-4899-ba60-49ba66273ee3.tmp</t>
  </si>
  <si>
    <t>\\acsfs\profiles$\wedersonbadr\My Documents\My Music\2387d071-b39e-4899-ba60-49ba66273ee3.tmp</t>
  </si>
  <si>
    <t>01/16/2020 08:11:11</t>
  </si>
  <si>
    <t>01/16/2020 08:16:32</t>
  </si>
  <si>
    <t>7771cb01-e3c2-4fc4-a275-c48c7aaae3f8.tmp</t>
  </si>
  <si>
    <t>\\acsfs\profiles$\THYAGOSP\Downloads\7771cb01-e3c2-4fc4-a275-c48c7aaae3f8.tmp</t>
  </si>
  <si>
    <t>01/16/2020 08:12:41</t>
  </si>
  <si>
    <t>3d75d1f8-c7b9-44d7-8323-70c9e39a319c.tmp</t>
  </si>
  <si>
    <t>\\acsfs\profiles$\ANAPDSB\Downloads\3d75d1f8-c7b9-44d7-8323-70c9e39a319c.tmp</t>
  </si>
  <si>
    <t>01/16/2020 08:12:52</t>
  </si>
  <si>
    <t>Q29udHJvbGxlci5DYWxjdWxhZG9yYURlVmVuY2lt (23).ica</t>
  </si>
  <si>
    <t>\\acsfs\profiles$\ANAPDSB\Downloads\Q29udHJvbGxlci5DYWxjdWxhZG9yYURlVmVuY2lt (23).ica</t>
  </si>
  <si>
    <t>01/16/2020 08:14:03</t>
  </si>
  <si>
    <t>4ce639f4-aceb-4a29-b586-294dce0693fb.tmp</t>
  </si>
  <si>
    <t>\\acsfs\profiles$\ANAPDSB\Downloads\4ce639f4-aceb-4a29-b586-294dce0693fb.tmp</t>
  </si>
  <si>
    <t>01/16/2020 08:13:15</t>
  </si>
  <si>
    <t>db6d8de5-4ea8-4bf4-935a-575e3a4bb686.tmp</t>
  </si>
  <si>
    <t>\\acsfs\profiles$\sarahbal\Downloads\db6d8de5-4ea8-4bf4-935a-575e3a4bb686.tmp</t>
  </si>
  <si>
    <t>01/16/2020 08:13:25</t>
  </si>
  <si>
    <t>01/16/2020 08:13:03</t>
  </si>
  <si>
    <t>01/16/2020 08:17:31</t>
  </si>
  <si>
    <t>15418998-99bd-4979-8e04-58d56481b4da.tmp</t>
  </si>
  <si>
    <t>\\acsfs\profiles$\geovannasm\Downloads\15418998-99bd-4979-8e04-58d56481b4da.tmp</t>
  </si>
  <si>
    <t>01/16/2020 08:18:31</t>
  </si>
  <si>
    <t>01/16/2020 08:16:11</t>
  </si>
  <si>
    <t>4fff1673-d629-4e64-9a14-630e45064872.tmp</t>
  </si>
  <si>
    <t>\\acsfs\profiles$\vivianalds\Downloads\4fff1673-d629-4e64-9a14-630e45064872.tmp</t>
  </si>
  <si>
    <t>01/16/2020 08:17:22</t>
  </si>
  <si>
    <t>f69e38bd-3f91-4420-8d5e-6f526e0ab6f0.tmp</t>
  </si>
  <si>
    <t>\\acsfs\profiles$\quindaizaagds\Downloads\f69e38bd-3f91-4420-8d5e-6f526e0ab6f0.tmp</t>
  </si>
  <si>
    <t>01/16/2020 08:19:31</t>
  </si>
  <si>
    <t>01/16/2020 08:16:14</t>
  </si>
  <si>
    <t>01/16/2020 08:20:31</t>
  </si>
  <si>
    <t>01/16/2020 08:16:19</t>
  </si>
  <si>
    <t>01/16/2020 08:16:25</t>
  </si>
  <si>
    <t>01/16/2020 08:19:50</t>
  </si>
  <si>
    <t>01/16/2020 08:19:36</t>
  </si>
  <si>
    <t>01/16/2020 08:19:37</t>
  </si>
  <si>
    <t>lu230282can31.tmp</t>
  </si>
  <si>
    <t>\\acsfs\profiles$\jalilebds\Downloads\lu230282can31.tmp</t>
  </si>
  <si>
    <t>01/16/2020 08:21:31</t>
  </si>
  <si>
    <t>01/16/2020 08:20:37</t>
  </si>
  <si>
    <t>01/16/2020 08:17:57</t>
  </si>
  <si>
    <t>ab842875-b7c5-4273-8068-0b1beb53f6ba.tmp</t>
  </si>
  <si>
    <t>\\acsfs\profiles$\luanarda\Downloads\ab842875-b7c5-4273-8068-0b1beb53f6ba.tmp</t>
  </si>
  <si>
    <t>01/16/2020 08:17:11</t>
  </si>
  <si>
    <t>01/16/2020 08:22:31</t>
  </si>
  <si>
    <t>01/16/2020 08:20:16</t>
  </si>
  <si>
    <t>\\acsfs\profiles$\lucasns\My Documents\My Pictures\</t>
  </si>
  <si>
    <t>\\acsfs\profiles$\LUCASNS\My Documents\My Videos\desktop.ini</t>
  </si>
  <si>
    <t>01/16/2020 08:20:21</t>
  </si>
  <si>
    <t>\\acsfs\profiles$\LUCASNS\My Documents\My Videos\</t>
  </si>
  <si>
    <t>01/16/2020 08:20:22</t>
  </si>
  <si>
    <t>01/16/2020 08:20:24</t>
  </si>
  <si>
    <t>01/16/2020 08:20:26</t>
  </si>
  <si>
    <t>01/16/2020 08:20:29</t>
  </si>
  <si>
    <t>\\acsfs\profiles$\lucasns\My Documents\My Music\</t>
  </si>
  <si>
    <t>\\acsfs\profiles$\LUCASNS\My Documents\My Pictures\desktop.ini</t>
  </si>
  <si>
    <t>\\acsfs\profiles$\lucasns\My Documents\My Videos\</t>
  </si>
  <si>
    <t>01/16/2020 08:20:33</t>
  </si>
  <si>
    <t>01/16/2020 08:20:34</t>
  </si>
  <si>
    <t>01/16/2020 08:20:41</t>
  </si>
  <si>
    <t>\\acsfs\profiles$\LUCASNS\Contacts\</t>
  </si>
  <si>
    <t>\\acsfs\profiles$\LUCASNS\Contacts\desktop.ini</t>
  </si>
  <si>
    <t>01/16/2020 08:20:42</t>
  </si>
  <si>
    <t>01/16/2020 08:20:44</t>
  </si>
  <si>
    <t>01/16/2020 08:20:45</t>
  </si>
  <si>
    <t>01/16/2020 08:20:47</t>
  </si>
  <si>
    <t>01/16/2020 08:20:48</t>
  </si>
  <si>
    <t>01/16/2020 08:20:49</t>
  </si>
  <si>
    <t>\\acsfs\profiles$\lucasns\My Documents\</t>
  </si>
  <si>
    <t>\\acsfs\profiles$\LUCASNS\Favorites\desktop.ini</t>
  </si>
  <si>
    <t>01/16/2020 08:20:51</t>
  </si>
  <si>
    <t>01/16/2020 08:20:52</t>
  </si>
  <si>
    <t>01/16/2020 08:20:53</t>
  </si>
  <si>
    <t>01/16/2020 08:20:54</t>
  </si>
  <si>
    <t>01/16/2020 08:20:55</t>
  </si>
  <si>
    <t>01/16/2020 08:20:56</t>
  </si>
  <si>
    <t>01/16/2020 08:20:57</t>
  </si>
  <si>
    <t>\\acsfs\profiles$\LUCASNS\My Documents\My Music\desktop.ini</t>
  </si>
  <si>
    <t>01/16/2020 08:20:59</t>
  </si>
  <si>
    <t>\\acsfs\profiles$\LUCASNS\My Documents\My Music\</t>
  </si>
  <si>
    <t>01/16/2020 08:21:00</t>
  </si>
  <si>
    <t>01/16/2020 08:21:01</t>
  </si>
  <si>
    <t>01/16/2020 08:21:03</t>
  </si>
  <si>
    <t>\\acsfs\profiles$\LUCASNS\Searches\</t>
  </si>
  <si>
    <t>\\acsfs\profiles$\LUCASNS\Searches\desktop.ini</t>
  </si>
  <si>
    <t>01/16/2020 08:21:04</t>
  </si>
  <si>
    <t>01/16/2020 08:21:05</t>
  </si>
  <si>
    <t>01/16/2020 08:21:06</t>
  </si>
  <si>
    <t>01/16/2020 08:21:08</t>
  </si>
  <si>
    <t>01/16/2020 08:21:09</t>
  </si>
  <si>
    <t>\\acsfs\profiles$\LUCASNS\Downloads\desktop.ini</t>
  </si>
  <si>
    <t>01/16/2020 08:21:10</t>
  </si>
  <si>
    <t>01/16/2020 08:21:12</t>
  </si>
  <si>
    <t>\\acsfs\profiles$\lucasns\Favorites\</t>
  </si>
  <si>
    <t>\\acsfs\profiles$\LUCASNS\My Documents\desktop.ini</t>
  </si>
  <si>
    <t>01/16/2020 08:21:15</t>
  </si>
  <si>
    <t>\\acsfs\profiles$\LUCASNS\My Documents\</t>
  </si>
  <si>
    <t>01/16/2020 08:21:16</t>
  </si>
  <si>
    <t>01/16/2020 08:21:17</t>
  </si>
  <si>
    <t>01/16/2020 08:21:18</t>
  </si>
  <si>
    <t>01/16/2020 08:21:19</t>
  </si>
  <si>
    <t>01/16/2020 08:21:21</t>
  </si>
  <si>
    <t>\\acsfs\profiles$\lucasns\Downloads\</t>
  </si>
  <si>
    <t>\\acsfs\profiles$\LUCASNS\Saved Games\desktop.ini</t>
  </si>
  <si>
    <t>01/16/2020 08:21:22</t>
  </si>
  <si>
    <t>01/16/2020 08:21:48</t>
  </si>
  <si>
    <t>winrt--{S-1-5-21-602162358-764733703-839522115-340716}-.searchconnector-ms</t>
  </si>
  <si>
    <t>\\acsfs\profiles$\LUCASNS\Searches\winrt--{S-1-5-21-602162358-764733703-839522115-340716}-.searchconnector-ms</t>
  </si>
  <si>
    <t>01/16/2020 08:18:32</t>
  </si>
  <si>
    <t>01/16/2020 08:23:32</t>
  </si>
  <si>
    <t>dafd6183-e2f6-477d-9e66-1ee34dc96162.tmp</t>
  </si>
  <si>
    <t>\\acsfs\profiles$\quindaizaagds\Downloads\dafd6183-e2f6-477d-9e66-1ee34dc96162.tmp</t>
  </si>
  <si>
    <t>01/16/2020 08:20:12</t>
  </si>
  <si>
    <t>01/16/2020 08:24:31</t>
  </si>
  <si>
    <t>de32e827-8481-4005-8e27-99ffa9187d47.tmp</t>
  </si>
  <si>
    <t>\\acsfs\profiles$\henriquehmdo\Downloads\de32e827-8481-4005-8e27-99ffa9187d47.tmp</t>
  </si>
  <si>
    <t>01/16/2020 08:21:30</t>
  </si>
  <si>
    <t>lu103081e8qe.tmp</t>
  </si>
  <si>
    <t>\\acsfs\profiles$\dhiulliananads\My Documents\lu103081e8qe.tmp</t>
  </si>
  <si>
    <t>\\acsfs\profiles$\dhiulliananads\My Documents\lu103081e8qe.tmp\</t>
  </si>
  <si>
    <t>\\acsfs\profiles$\dhiulliananads\My Documents\lu103081e8qe.tmp\META-INF\</t>
  </si>
  <si>
    <t>\\acsfs\profiles$\dhiulliananads\My Documents\lu103081e8qe.tmp\Thumbnails\</t>
  </si>
  <si>
    <t>mail.google.com/mail/u/0/jserror?script=https://mail.google.com/mail/u/0/#inbox&amp;error=class$obf_1010: [/sync/u/0/i/bv] qg: unsupported http status: 503&amp;line=not available&amp;txz=p</t>
  </si>
  <si>
    <t>01/16/2020 08:21:57</t>
  </si>
  <si>
    <t>mail.google.com/mail/u/0/jserror?script=https://mail.google.com/mail/u/0/#inbox&amp;error=class$obf_1010: [/sync/u/0/el2] qg: unsupported http status: 503&amp;line=not available&amp;txz=p</t>
  </si>
  <si>
    <t>01/16/2020 08:22:58</t>
  </si>
  <si>
    <t>01/16/2020 08:23:59</t>
  </si>
  <si>
    <t>01/16/2020 08:25:32</t>
  </si>
  <si>
    <t>01/16/2020 08:20:30</t>
  </si>
  <si>
    <t>lu7668qmhy.tmp</t>
  </si>
  <si>
    <t>\\acsfs\profiles$\ALEXANDREMM\lu7668qmhy.tmp</t>
  </si>
  <si>
    <t>\\acsfs\profiles$\ALEXANDREMM\lu7668qmhy.tmp\</t>
  </si>
  <si>
    <t>\\acsfs\profiles$\ALEXANDREMM\lu7668qmhy.tmp\META-INF\</t>
  </si>
  <si>
    <t>\\acsfs\profiles$\ALEXANDREMM\lu7668qmhy.tmp\Thumbnails\</t>
  </si>
  <si>
    <t>01/16/2020 08:21:36</t>
  </si>
  <si>
    <t>01/16/2020 08:26:31</t>
  </si>
  <si>
    <t>01/16/2020 08:21:56</t>
  </si>
  <si>
    <t>01/16/2020 08:22:46</t>
  </si>
  <si>
    <t>01/16/2020 08:26:01</t>
  </si>
  <si>
    <t>01/16/2020 08:21:25</t>
  </si>
  <si>
    <t>01/16/2020 08:25:55</t>
  </si>
  <si>
    <t>01/16/2020 08:26:10</t>
  </si>
  <si>
    <t>01/16/2020 08:27:31</t>
  </si>
  <si>
    <t>01/16/2020 08:23:06</t>
  </si>
  <si>
    <t>01/16/2020 08:26:54</t>
  </si>
  <si>
    <t>01/16/2020 08:28:31</t>
  </si>
  <si>
    <t>01/16/2020 08:26:55</t>
  </si>
  <si>
    <t>lu10556ftop.tmp</t>
  </si>
  <si>
    <t>\\acsfs\profiles$\VIVIANALDS\My Documents\lu10556ftop.tmp</t>
  </si>
  <si>
    <t>\\acsfs\profiles$\VIVIANALDS\My Documents\lu10556ftop.tmp\</t>
  </si>
  <si>
    <t>\\acsfs\profiles$\VIVIANALDS\My Documents\lu10556ftop.tmp\META-INF\</t>
  </si>
  <si>
    <t>\\acsfs\profiles$\VIVIANALDS\My Documents\lu10556ftop.tmp\Thumbnails\</t>
  </si>
  <si>
    <t>01/16/2020 08:26:57</t>
  </si>
  <si>
    <t>lu10556ftot.tmp</t>
  </si>
  <si>
    <t>\\acsfs\profiles$\VIVIANALDS\My Documents\lu10556ftot.tmp</t>
  </si>
  <si>
    <t>\\acsfs\profiles$\VIVIANALDS\My Documents\lu10556ftot.tmp\</t>
  </si>
  <si>
    <t>\\acsfs\profiles$\VIVIANALDS\My Documents\lu10556ftot.tmp\META-INF\</t>
  </si>
  <si>
    <t>\\acsfs\profiles$\VIVIANALDS\My Documents\lu10556ftot.tmp\Thumbnails\</t>
  </si>
  <si>
    <t>01/16/2020 08:27:05</t>
  </si>
  <si>
    <t>01/16/2020 08:27:06</t>
  </si>
  <si>
    <t>lu10556ftox.tmp</t>
  </si>
  <si>
    <t>\\acsfs\profiles$\VIVIANALDS\My Documents\lu10556ftox.tmp</t>
  </si>
  <si>
    <t>\\acsfs\profiles$\VIVIANALDS\My Documents\lu10556ftox.tmp\</t>
  </si>
  <si>
    <t>\\acsfs\profiles$\VIVIANALDS\My Documents\lu10556ftox.tmp\META-INF\</t>
  </si>
  <si>
    <t>\\acsfs\profiles$\VIVIANALDS\My Documents\lu10556ftox.tmp\Thumbnails\</t>
  </si>
  <si>
    <t>01/16/2020 08:25:00</t>
  </si>
  <si>
    <t>94e6f55f-2d42-41e7-9361-18da67980666.tmp</t>
  </si>
  <si>
    <t>\\acsfs\profiles$\wenderbnm\Downloads\94e6f55f-2d42-41e7-9361-18da67980666.tmp</t>
  </si>
  <si>
    <t>01/16/2020 08:26:17</t>
  </si>
  <si>
    <t>01/16/2020 08:29:31</t>
  </si>
  <si>
    <t>66de012f-c092-434c-a4b3-bd676fb3757c.tmp</t>
  </si>
  <si>
    <t>\\acsfs\profiles$\larissaad\Downloads\66de012f-c092-434c-a4b3-bd676fb3757c.tmp</t>
  </si>
  <si>
    <t>01/16/2020 08:26:22</t>
  </si>
  <si>
    <t>8841ed3d-824e-409d-a430-11db4e39fb86.tmp</t>
  </si>
  <si>
    <t>\\acsfs\profiles$\larissaad\Downloads\8841ed3d-824e-409d-a430-11db4e39fb86.tmp</t>
  </si>
  <si>
    <t>01/16/2020 08:27:19</t>
  </si>
  <si>
    <t>67318933-fbd5-462b-b904-cf40198c713f.tmp</t>
  </si>
  <si>
    <t>\\acsfs\profiles$\KARENDSR\Downloads\67318933-fbd5-462b-b904-cf40198c713f.tmp</t>
  </si>
  <si>
    <t>01/16/2020 08:27:24</t>
  </si>
  <si>
    <t>e089b7ac-3c73-45b6-9690-0a09eb0c6e04.tmp</t>
  </si>
  <si>
    <t>\\acsfs\profiles$\KARENDSR\Downloads\e089b7ac-3c73-45b6-9690-0a09eb0c6e04.tmp</t>
  </si>
  <si>
    <t>01/16/2020 08:28:03</t>
  </si>
  <si>
    <t>eee082e7-4396-4061-aa83-25e954eb8539.tmp</t>
  </si>
  <si>
    <t>\\acsfs\profiles$\KARENDSR\Downloads\eee082e7-4396-4061-aa83-25e954eb8539.tmp</t>
  </si>
  <si>
    <t>01/16/2020 08:28:51</t>
  </si>
  <si>
    <t>66ef830c-8796-4598-94b3-754d6f2291cb.tmp</t>
  </si>
  <si>
    <t>\\acsfs\profiles$\KARENDSR\Downloads\66ef830c-8796-4598-94b3-754d6f2291cb.tmp</t>
  </si>
  <si>
    <t>01/16/2020 08:25:53</t>
  </si>
  <si>
    <t>770ef4a4-8ae9-4772-9219-2b37a9187178.tmp</t>
  </si>
  <si>
    <t>\\acsfs\profiles$\leticiala\Downloads\770ef4a4-8ae9-4772-9219-2b37a9187178.tmp</t>
  </si>
  <si>
    <t>01/16/2020 08:24:59</t>
  </si>
  <si>
    <t>01/16/2020 08:26:00</t>
  </si>
  <si>
    <t>01/16/2020 08:28:00</t>
  </si>
  <si>
    <t>01/16/2020 08:24:41</t>
  </si>
  <si>
    <t>bb5a4779-8d79-4012-95f3-997d9ba56d03.tmp</t>
  </si>
  <si>
    <t>\\acsfs\profiles$\wedersonbadr\My Documents\My Music\bb5a4779-8d79-4012-95f3-997d9ba56d03.tmp</t>
  </si>
  <si>
    <t>01/16/2020 08:29:55</t>
  </si>
  <si>
    <t>01/16/2020 08:30:31</t>
  </si>
  <si>
    <t>01/16/2020 08:29:56</t>
  </si>
  <si>
    <t>lu230282can34.tmp</t>
  </si>
  <si>
    <t>\\acsfs\profiles$\jalilebds\Downloads\lu230282can34.tmp</t>
  </si>
  <si>
    <t>01/16/2020 08:26:08</t>
  </si>
  <si>
    <t>01/16/2020 08:31:31</t>
  </si>
  <si>
    <t>bvcartes-supervisores@algarnet.onmicrosoft.com;joaogvc@algartech.com;katia.cardoso@bv.com.br;leonardoao@algartech.com;marianadjc@algartech.com;paulacn@algartech.com;rafaelggs@algartech.com;ricardodfm@algartech.com.br;taysdss@algartech.com;viniciussg@algartech.com;</t>
  </si>
  <si>
    <t>bvcartes-supervisores@algarnet.onmicrosoft.com,joaogvc@algartech.com,katia.cardoso@bv.com.br,leonardoao@algartech.com,marianadjc@algartech.com,paulacn@algartech.com,rafaelggs@algartech.com,ricardodfm@algartech.com.br,taysdss@algartech.com,viniciussg@algartech.com</t>
  </si>
  <si>
    <t>01/16/2020 08:26:14</t>
  </si>
  <si>
    <t>01/16/2020 08:26:32</t>
  </si>
  <si>
    <t>01/16/2020 08:26:42</t>
  </si>
  <si>
    <t>01/16/2020 08:26:56</t>
  </si>
  <si>
    <t>mail.google.com/_/upload?authuser=0&amp;dcp=asu-n&amp;upload_id=AEnB2UpZuC-YUKm48flCs2TUzCeIaJXcxxa6RrckuXqbscUrIJYdHZ4fsEwNjS7ys2eKAQUxNDu4d24FrvRtC9472N8qBilz_RVL8q_hqB8_UIvqJZPpqUE&amp;upload_protocol=resumable</t>
  </si>
  <si>
    <t>01/16/2020 08:27:09</t>
  </si>
  <si>
    <t>01/16/2020 08:30:25</t>
  </si>
  <si>
    <t>01/16/2020 08:30:35</t>
  </si>
  <si>
    <t>01/16/2020 08:30:40</t>
  </si>
  <si>
    <t>01/16/2020 08:30:58</t>
  </si>
  <si>
    <t>01/16/2020 08:26:25</t>
  </si>
  <si>
    <t>01/16/2020 08:27:25</t>
  </si>
  <si>
    <t>01/16/2020 08:27:55</t>
  </si>
  <si>
    <t>01/16/2020 08:28:25</t>
  </si>
  <si>
    <t>01/16/2020 08:28:55</t>
  </si>
  <si>
    <t>01/16/2020 08:30:09</t>
  </si>
  <si>
    <t>01/16/2020 08:32:31</t>
  </si>
  <si>
    <t>ef4b6ef9-a508-4f68-a0f1-666c0ce4b7cb.tmp</t>
  </si>
  <si>
    <t>\\acsfs\profiles$\Angelicacldr\Downloads\ef4b6ef9-a508-4f68-a0f1-666c0ce4b7cb.tmp</t>
  </si>
  <si>
    <t>01/16/2020 08:30:17</t>
  </si>
  <si>
    <t>34bba7cb-76bf-4146-a851-9b476d5da403.tmp</t>
  </si>
  <si>
    <t>\\acsfs\profiles$\Angelicacldr\Downloads\34bba7cb-76bf-4146-a851-9b476d5da403.tmp</t>
  </si>
  <si>
    <t>01/16/2020 08:30:56</t>
  </si>
  <si>
    <t>95db3a21-bc81-49b0-9ed8-928347c7c76c.tmp</t>
  </si>
  <si>
    <t>\\acsfs\profiles$\Angelicacldr\Downloads\95db3a21-bc81-49b0-9ed8-928347c7c76c.tmp</t>
  </si>
  <si>
    <t>01/16/2020 08:28:18</t>
  </si>
  <si>
    <t>680c3243-d679-4a91-9b4e-22fa459c4d19.tmp</t>
  </si>
  <si>
    <t>\\acsfs\profiles$\lucasgpe\Downloads\680c3243-d679-4a91-9b4e-22fa459c4d19.tmp</t>
  </si>
  <si>
    <t>01/16/2020 08:29:46</t>
  </si>
  <si>
    <t>f03f1bde-4ced-42b7-8730-9ccfff341de1.tmp</t>
  </si>
  <si>
    <t>\\acsfs\profiles$\lucasgpe\Downloads\f03f1bde-4ced-42b7-8730-9ccfff341de1.tmp</t>
  </si>
  <si>
    <t>01/16/2020 08:28:40</t>
  </si>
  <si>
    <t>\\acsfs\profiles$\LUCASNS\Favorites\Links\</t>
  </si>
  <si>
    <t>\\acsfs\profiles$\LUCASNS\Favorites\Links\desktop.ini</t>
  </si>
  <si>
    <t>01/16/2020 08:28:42</t>
  </si>
  <si>
    <t>http--udpnp2ap01-NiceApplications-Desktop-XbapApplications-NiceDesktop (2).url</t>
  </si>
  <si>
    <t>\\acsfs\profiles$\LUCASNS\Favorites\Links\http--udpnp2ap01-NiceApplications-Desktop-XbapApplications-NiceDesktop (2).url</t>
  </si>
  <si>
    <t>01/16/2020 08:28:50</t>
  </si>
  <si>
    <t>\\acsfs\profiles$\LUCASNS\Favorites\</t>
  </si>
  <si>
    <t>http--udpnp2ap01-NiceApplications-Desktop-XbapApplications-NiceDesktop.xbap.url</t>
  </si>
  <si>
    <t>\\acsfs\profiles$\LUCASNS\Favorites\http--udpnp2ap01-NiceApplications-Desktop-XbapApplications-NiceDesktop.xbap.url</t>
  </si>
  <si>
    <t>01/16/2020 08:31:02</t>
  </si>
  <si>
    <t>8d7262dd-20eb-4894-af6c-83e7ecda3c8e.tmp</t>
  </si>
  <si>
    <t>\\acsfs\profiles$\LUCASNS\Downloads\8d7262dd-20eb-4894-af6c-83e7ecda3c8e.tmp</t>
  </si>
  <si>
    <t>01/16/2020 08:31:13</t>
  </si>
  <si>
    <t>Não confirmado 442170.crdownload</t>
  </si>
  <si>
    <t>\\acsfs\profiles$\LUCASNS\Downloads\Não confirmado 442170.crdownload</t>
  </si>
  <si>
    <t>01/16/2020 08:30:01</t>
  </si>
  <si>
    <t>01/16/2020 08:28:54</t>
  </si>
  <si>
    <t>01/16/2020 08:34:31</t>
  </si>
  <si>
    <t>1ff7df87-7666-4f18-86a3-6b72f7dfeef5.tmp</t>
  </si>
  <si>
    <t>\\acsfs\profiles$\larissaad\Downloads\1ff7df87-7666-4f18-86a3-6b72f7dfeef5.tmp</t>
  </si>
  <si>
    <t>01/16/2020 08:32:02</t>
  </si>
  <si>
    <t>01/16/2020 08:33:03</t>
  </si>
  <si>
    <t>01/16/2020 08:34:04</t>
  </si>
  <si>
    <t>01/16/2020 08:30:41</t>
  </si>
  <si>
    <t>01/16/2020 08:35:31</t>
  </si>
  <si>
    <t>ccb3c594-8006-4c30-92ef-6f7f8628403b.tmp</t>
  </si>
  <si>
    <t>\\acsfs\profiles$\lorrainerdl\Downloads\ccb3c594-8006-4c30-92ef-6f7f8628403b.tmp</t>
  </si>
  <si>
    <t>01/16/2020 08:31:14</t>
  </si>
  <si>
    <t>0d4829ab-95fa-4047-9e4a-ee6f92381665.tmp</t>
  </si>
  <si>
    <t>\\acsfs\profiles$\lorrainerdl\Downloads\0d4829ab-95fa-4047-9e4a-ee6f92381665.tmp</t>
  </si>
  <si>
    <t>01/16/2020 08:32:40</t>
  </si>
  <si>
    <t>30780b11-8979-4ac1-8333-3a10c3dbd7bf.tmp</t>
  </si>
  <si>
    <t>\\acsfs\profiles$\lorrainerdl\Downloads\30780b11-8979-4ac1-8333-3a10c3dbd7bf.tmp</t>
  </si>
  <si>
    <t>01/16/2020 08:31:07</t>
  </si>
  <si>
    <t>01/16/2020 08:36:31</t>
  </si>
  <si>
    <t>01/16/2020 08:34:55</t>
  </si>
  <si>
    <t>01/16/2020 08:37:31</t>
  </si>
  <si>
    <t>01/16/2020 08:36:35</t>
  </si>
  <si>
    <t>24e36776-1af4-4daa-ba80-0578fc389155.tmp</t>
  </si>
  <si>
    <t>\\acsfs\profiles$\nataliacsl\Downloads\24e36776-1af4-4daa-ba80-0578fc389155.tmp</t>
  </si>
  <si>
    <t>01/16/2020 08:33:00</t>
  </si>
  <si>
    <t>f9211512-ece0-46e3-b281-b3b041bab9db.tmp</t>
  </si>
  <si>
    <t>\\acsfs\profiles$\Angelicacldr\Downloads\f9211512-ece0-46e3-b281-b3b041bab9db.tmp</t>
  </si>
  <si>
    <t>01/16/2020 08:33:30</t>
  </si>
  <si>
    <t>293c0657-669a-4bc9-bb61-738a61f9a555.tmp</t>
  </si>
  <si>
    <t>\\acsfs\profiles$\Angelicacldr\Downloads\293c0657-669a-4bc9-bb61-738a61f9a555.tmp</t>
  </si>
  <si>
    <t>01/16/2020 08:33:56</t>
  </si>
  <si>
    <t>c4c28978-7b07-4aac-8488-943e6520dc34.tmp</t>
  </si>
  <si>
    <t>\\acsfs\profiles$\Angelicacldr\Downloads\c4c28978-7b07-4aac-8488-943e6520dc34.tmp</t>
  </si>
  <si>
    <t>01/16/2020 08:34:10</t>
  </si>
  <si>
    <t>aec659c7-3082-48f1-a253-b880333fe143.tmp</t>
  </si>
  <si>
    <t>\\acsfs\profiles$\Angelicacldr\Downloads\aec659c7-3082-48f1-a253-b880333fe143.tmp</t>
  </si>
  <si>
    <t>01/16/2020 08:34:05</t>
  </si>
  <si>
    <t>01/16/2020 08:34:21</t>
  </si>
  <si>
    <t>01/16/2020 08:34:24</t>
  </si>
  <si>
    <t>bvcartes-supervisores@algarnet.onmicrosoft.com;marianacds@algartech.com;</t>
  </si>
  <si>
    <t>bvcartes-supervisores@algarnet.onmicrosoft.com,marianacds@algartech.com</t>
  </si>
  <si>
    <t>01/16/2020 08:34:28</t>
  </si>
  <si>
    <t>01/16/2020 08:33:15</t>
  </si>
  <si>
    <t>850bfa77-6160-495b-aab7-9b79c1559058.tmp</t>
  </si>
  <si>
    <t>\\acsfs\profiles$\LUCASNS\Downloads\850bfa77-6160-495b-aab7-9b79c1559058.tmp</t>
  </si>
  <si>
    <t>01/16/2020 08:33:18</t>
  </si>
  <si>
    <t>372a6724-d9dc-4609-b864-388ca8bbe342.tmp</t>
  </si>
  <si>
    <t>\\acsfs\profiles$\LUCASNS\Downloads\372a6724-d9dc-4609-b864-388ca8bbe342.tmp</t>
  </si>
  <si>
    <t>01/16/2020 08:36:30</t>
  </si>
  <si>
    <t>01/16/2020 08:36:46</t>
  </si>
  <si>
    <t>01/16/2020 08:34:19</t>
  </si>
  <si>
    <t>01/16/2020 08:35:13</t>
  </si>
  <si>
    <t>01/16/2020 08:38:31</t>
  </si>
  <si>
    <t>16c9f03d-e645-435a-b547-128630465e1a.tmp</t>
  </si>
  <si>
    <t>\\acsfs\profiles$\felipetds\Downloads\16c9f03d-e645-435a-b547-128630465e1a.tmp</t>
  </si>
  <si>
    <t>01/16/2020 08:37:33</t>
  </si>
  <si>
    <t>Modelo Monitoria.txt</t>
  </si>
  <si>
    <t>\\acsfs\Deptos\EDUCACAO EMPRESARIAL\FERNANDA MONIT\Fernanda\Modelo Monitoria.txt</t>
  </si>
  <si>
    <t>01/16/2020 08:35:55</t>
  </si>
  <si>
    <t>01/16/2020 08:39:30</t>
  </si>
  <si>
    <t>a8725ebf-eea1-44ea-98ce-a63d08c0f518.tmp</t>
  </si>
  <si>
    <t>\\acsfs\profiles$\larissaad\Downloads\a8725ebf-eea1-44ea-98ce-a63d08c0f518.tmp</t>
  </si>
  <si>
    <t>01/16/2020 08:39:31</t>
  </si>
  <si>
    <t>01/16/2020 08:36:05</t>
  </si>
  <si>
    <t>01/16/2020 08:37:37</t>
  </si>
  <si>
    <t>01/16/2020 08:38:09</t>
  </si>
  <si>
    <t>01/16/2020 08:34:26</t>
  </si>
  <si>
    <t>df6a3f5f-4cab-4214-805b-c2470eb7c3b8.tmp</t>
  </si>
  <si>
    <t>\\acsfs\profiles$\lorraynevam\Downloads\df6a3f5f-4cab-4214-805b-c2470eb7c3b8.tmp</t>
  </si>
  <si>
    <t>01/16/2020 08:35:44</t>
  </si>
  <si>
    <t>f8276968-68ad-41a5-b084-7d57a685fcd1.tmp</t>
  </si>
  <si>
    <t>\\acsfs\profiles$\lorraynevam\Downloads\f8276968-68ad-41a5-b084-7d57a685fcd1.tmp</t>
  </si>
  <si>
    <t>01/16/2020 08:37:10</t>
  </si>
  <si>
    <t>01/16/2020 08:41:32</t>
  </si>
  <si>
    <t>01/16/2020 08:37:13</t>
  </si>
  <si>
    <t>01/16/2020 08:38:20</t>
  </si>
  <si>
    <t>01/16/2020 08:38:14</t>
  </si>
  <si>
    <t>01/16/2020 08:42:30</t>
  </si>
  <si>
    <t>03c26a29-211b-4edc-81d8-6288546650b7.tmp</t>
  </si>
  <si>
    <t>\\acsfs\profiles$\nataliacsl\Downloads\03c26a29-211b-4edc-81d8-6288546650b7.tmp</t>
  </si>
  <si>
    <t>01/16/2020 08:38:19</t>
  </si>
  <si>
    <t>e7a3d1c8-8d4e-474b-bdba-0dd760629324.tmp</t>
  </si>
  <si>
    <t>\\acsfs\profiles$\nataliacsl\Downloads\e7a3d1c8-8d4e-474b-bdba-0dd760629324.tmp</t>
  </si>
  <si>
    <t>01/16/2020 08:39:19</t>
  </si>
  <si>
    <t>7c2b1e75-c56c-47ae-85cd-b228a76d2995.tmp</t>
  </si>
  <si>
    <t>\\acsfs\profiles$\nataliacsl\Downloads\7c2b1e75-c56c-47ae-85cd-b228a76d2995.tmp</t>
  </si>
  <si>
    <t>01/16/2020 08:37:16</t>
  </si>
  <si>
    <t>lu2733221pju0.tmp</t>
  </si>
  <si>
    <t>\\acsfs\profiles$\RAFAELRF\meu\lu2733221pju0.tmp</t>
  </si>
  <si>
    <t>01/16/2020 08:41:19</t>
  </si>
  <si>
    <t>993a715f-48bf-4fa1-a8fa-2f84a3b5b29f.tmp</t>
  </si>
  <si>
    <t>\\acsfs\profiles$\vivianealda\Downloads\993a715f-48bf-4fa1-a8fa-2f84a3b5b29f.tmp</t>
  </si>
  <si>
    <t>01/16/2020 08:38:53</t>
  </si>
  <si>
    <t>CASO 00819553 - OPERADORA HENRIQUE HUMBERTO MARCELINO DE OLIVEIRA_1_6770356123581100628_1_32.wav</t>
  </si>
  <si>
    <t>\\acsfs\Deptos\EDUCACAO EMPRESARIAL\KÉSIA\OUVIDORIA, PROCON, BACEN E RECLAME AQUI\CASO 00819553 - OPERADORA HENRIQUE HUMBERTO MARCELINO DE OLIVEIRA_1_6770356123581100628_1_32.wav</t>
  </si>
  <si>
    <t>01/16/2020 08:38:03</t>
  </si>
  <si>
    <t>01/16/2020 08:43:31</t>
  </si>
  <si>
    <t>5c510d92-b038-4d4c-b87e-d5a9c6701309.tmp</t>
  </si>
  <si>
    <t>\\acsfs\profiles$\websondsa\Downloads\5c510d92-b038-4d4c-b87e-d5a9c6701309.tmp</t>
  </si>
  <si>
    <t>01/16/2020 08:44:30</t>
  </si>
  <si>
    <t>01/16/2020 08:40:08</t>
  </si>
  <si>
    <t>01/16/2020 08:42:10</t>
  </si>
  <si>
    <t>01/16/2020 08:43:10</t>
  </si>
  <si>
    <t>01/16/2020 08:44:11</t>
  </si>
  <si>
    <t>01/16/2020 08:39:33</t>
  </si>
  <si>
    <t>01/16/2020 08:41:33</t>
  </si>
  <si>
    <t>01/16/2020 08:45:31</t>
  </si>
  <si>
    <t>627e8321-1b99-4ba3-96a3-ef865926465f.tmp</t>
  </si>
  <si>
    <t>\\acsfs\profiles$\ayalabfi\Downloads\627e8321-1b99-4ba3-96a3-ef865926465f.tmp</t>
  </si>
  <si>
    <t>01/16/2020 08:42:57</t>
  </si>
  <si>
    <t>01/16/2020 08:42:59</t>
  </si>
  <si>
    <t>01/16/2020 08:43:12</t>
  </si>
  <si>
    <t>01/16/2020 08:43:41</t>
  </si>
  <si>
    <t>01/16/2020 08:43:43</t>
  </si>
  <si>
    <t>01/16/2020 08:43:48</t>
  </si>
  <si>
    <t>01/16/2020 08:43:57</t>
  </si>
  <si>
    <t>01/16/2020 08:44:00</t>
  </si>
  <si>
    <t>01/16/2020 08:44:10</t>
  </si>
  <si>
    <t>01/16/2020 08:46:30</t>
  </si>
  <si>
    <t>01/16/2020 08:44:12</t>
  </si>
  <si>
    <t>01/16/2020 08:44:13</t>
  </si>
  <si>
    <t>01/16/2020 08:44:14</t>
  </si>
  <si>
    <t>01/16/2020 08:44:15</t>
  </si>
  <si>
    <t>01/16/2020 08:44:16</t>
  </si>
  <si>
    <t>01/16/2020 08:44:17</t>
  </si>
  <si>
    <t>01/16/2020 08:44:18</t>
  </si>
  <si>
    <t>01/16/2020 08:44:19</t>
  </si>
  <si>
    <t>01/16/2020 08:44:20</t>
  </si>
  <si>
    <t>01/16/2020 08:44:21</t>
  </si>
  <si>
    <t>01/16/2020 08:44:22</t>
  </si>
  <si>
    <t>01/16/2020 08:44:23</t>
  </si>
  <si>
    <t>01/16/2020 08:44:24</t>
  </si>
  <si>
    <t>01/16/2020 08:44:25</t>
  </si>
  <si>
    <t>01/16/2020 08:44:26</t>
  </si>
  <si>
    <t>01/16/2020 08:44:27</t>
  </si>
  <si>
    <t>01/16/2020 08:44:28</t>
  </si>
  <si>
    <t>01/16/2020 08:44:29</t>
  </si>
  <si>
    <t>01/16/2020 08:44:31</t>
  </si>
  <si>
    <t>01/16/2020 08:42:09</t>
  </si>
  <si>
    <t>3f0467df-5a8e-4dbd-bc60-03450cc61d92.tmp</t>
  </si>
  <si>
    <t>\\acsfs\profiles$\lorrainerdl\Downloads\3f0467df-5a8e-4dbd-bc60-03450cc61d92.tmp</t>
  </si>
  <si>
    <t>01/16/2020 08:42:15</t>
  </si>
  <si>
    <t>fa8fe569-f300-4c44-bff4-ccedf37c02c8.tmp</t>
  </si>
  <si>
    <t>\\acsfs\profiles$\lorrainerdl\Downloads\fa8fe569-f300-4c44-bff4-ccedf37c02c8.tmp</t>
  </si>
  <si>
    <t>01/16/2020 08:41:26</t>
  </si>
  <si>
    <t>01/16/2020 08:42:25</t>
  </si>
  <si>
    <t>01/16/2020 08:43:25</t>
  </si>
  <si>
    <t>01/16/2020 08:43:55</t>
  </si>
  <si>
    <t>01/16/2020 08:44:55</t>
  </si>
  <si>
    <t>01/16/2020 08:45:25</t>
  </si>
  <si>
    <t>01/16/2020 08:46:05</t>
  </si>
  <si>
    <t>01/16/2020 08:46:11</t>
  </si>
  <si>
    <t>\\acsfs\profiles$\ERICALSR\My Documents\$RECYCLE.BIN\</t>
  </si>
  <si>
    <t>$IVXYG3B.txt</t>
  </si>
  <si>
    <t>\\acsfs\profiles$\ERICALSR\My Documents\$RECYCLE.BIN\$IVXYG3B.txt</t>
  </si>
  <si>
    <t>01/16/2020 08:42:07</t>
  </si>
  <si>
    <t>01/16/2020 08:47:31</t>
  </si>
  <si>
    <t>29c30b79-ed2e-43bd-abeb-4180c2d58076.tmp</t>
  </si>
  <si>
    <t>\\acsfs\profiles$\inarajst\Downloads\29c30b79-ed2e-43bd-abeb-4180c2d58076.tmp</t>
  </si>
  <si>
    <t>01/16/2020 08:43:58</t>
  </si>
  <si>
    <t>1e6bea28-1d92-4742-9345-4f5c81ecd5d2.tmp</t>
  </si>
  <si>
    <t>\\acsfs\profiles$\monicargds\Downloads\1e6bea28-1d92-4742-9345-4f5c81ecd5d2.tmp</t>
  </si>
  <si>
    <t>01/16/2020 08:46:44</t>
  </si>
  <si>
    <t>01/16/2020 08:44:02</t>
  </si>
  <si>
    <t>\\acsfs\Deptos\Operacao\Banco_Votorantim\Supervisao\SUPERS BV CARTÕES\ADILSON\Vendas\</t>
  </si>
  <si>
    <t>\\acsfs\Deptos\Operacao\Banco_Votorantim\Supervisao\SUPERS BV CARTÕES\ADILSON\Vendas\Controle Vendas Janeiro.xlsx</t>
  </si>
  <si>
    <t>01/16/2020 08:42:23</t>
  </si>
  <si>
    <t>0897e7a4-bf28-4027-82fa-25648bdd75e1.tmp</t>
  </si>
  <si>
    <t>\\acsfs\profiles$\vivianealda\Downloads\0897e7a4-bf28-4027-82fa-25648bdd75e1.tmp</t>
  </si>
  <si>
    <t>01/16/2020 08:47:25</t>
  </si>
  <si>
    <t>01/16/2020 08:48:31</t>
  </si>
  <si>
    <t>92f64fa9-a8cf-4f1c-a8ce-04af8b312942.tmp</t>
  </si>
  <si>
    <t>\\acsfs\profiles$\esterasg\Downloads\92f64fa9-a8cf-4f1c-a8ce-04af8b312942.tmp</t>
  </si>
  <si>
    <t>01/16/2020 08:46:42</t>
  </si>
  <si>
    <t>01/16/2020 08:48:05</t>
  </si>
  <si>
    <t>01/16/2020 08:43:33</t>
  </si>
  <si>
    <t>01/16/2020 08:49:31</t>
  </si>
  <si>
    <t>cd9633da-8485-4f89-94c0-7dd97b556999.tmp</t>
  </si>
  <si>
    <t>\\acsfs\profiles$\rafaelahpn\Downloads\cd9633da-8485-4f89-94c0-7dd97b556999.tmp</t>
  </si>
  <si>
    <t>cd2a283c-aee6-406f-b408-2d0b727a7e42.tmp</t>
  </si>
  <si>
    <t>\\acsfs\profiles$\rafaelahpn\Downloads\cd2a283c-aee6-406f-b408-2d0b727a7e42.tmp</t>
  </si>
  <si>
    <t>01/16/2020 08:45:02</t>
  </si>
  <si>
    <t>a9276d06-1f6c-4ba9-89d1-e0131486b995.tmp</t>
  </si>
  <si>
    <t>\\acsfs\profiles$\rafaelahpn\Downloads\a9276d06-1f6c-4ba9-89d1-e0131486b995.tmp</t>
  </si>
  <si>
    <t>01/16/2020 08:46:12</t>
  </si>
  <si>
    <t>c78d4b1a-8752-4281-8c30-10a7fd8f9d2c.tmp</t>
  </si>
  <si>
    <t>\\acsfs\profiles$\rafaelahpn\Downloads\c78d4b1a-8752-4281-8c30-10a7fd8f9d2c.tmp</t>
  </si>
  <si>
    <t>01/16/2020 08:46:35</t>
  </si>
  <si>
    <t>78a68cdb-a205-45c5-a9a0-4d9d2a9d463d.tmp</t>
  </si>
  <si>
    <t>\\acsfs\profiles$\rafaelahpn\Downloads\78a68cdb-a205-45c5-a9a0-4d9d2a9d463d.tmp</t>
  </si>
  <si>
    <t>01/16/2020 08:47:43</t>
  </si>
  <si>
    <t>d672de59-3504-4e1b-a15e-aa79cacf90b6.tmp</t>
  </si>
  <si>
    <t>\\acsfs\profiles$\rafaelahpn\Downloads\d672de59-3504-4e1b-a15e-aa79cacf90b6.tmp</t>
  </si>
  <si>
    <t>ee9e352d-b72b-4ae3-8900-ec57e21994ed.tmp</t>
  </si>
  <si>
    <t>\\acsfs\profiles$\anafsb\Downloads\ee9e352d-b72b-4ae3-8900-ec57e21994ed.tmp</t>
  </si>
  <si>
    <t>5876a9f3-9f22-48bf-ae6e-c3dc6f4e45ea.tmp</t>
  </si>
  <si>
    <t>\\acsfs\profiles$\larissaad\Downloads\5876a9f3-9f22-48bf-ae6e-c3dc6f4e45ea.tmp</t>
  </si>
  <si>
    <t>349a0f4c-9970-460b-a48a-75e723325777.tmp</t>
  </si>
  <si>
    <t>\\acsfs\profiles$\KARENDSR\Downloads\349a0f4c-9970-460b-a48a-75e723325777.tmp</t>
  </si>
  <si>
    <t>01/16/2020 08:47:12</t>
  </si>
  <si>
    <t>01/16/2020 08:48:12</t>
  </si>
  <si>
    <t>01/16/2020 08:48:15</t>
  </si>
  <si>
    <t>01/16/2020 08:50:31</t>
  </si>
  <si>
    <t>41f419a4-a916-47d4-a702-acb00aeb3338.tmp</t>
  </si>
  <si>
    <t>\\acsfs\profiles$\ROZENCAM\Downloads\41f419a4-a916-47d4-a702-acb00aeb3338.tmp</t>
  </si>
  <si>
    <t>01/16/2020 08:48:06</t>
  </si>
  <si>
    <t>01/16/2020 08:48:51</t>
  </si>
  <si>
    <t>01/16/2020 08:47:56</t>
  </si>
  <si>
    <t>01/16/2020 08:51:31</t>
  </si>
  <si>
    <t>01/16/2020 08:48:26</t>
  </si>
  <si>
    <t>01/16/2020 08:48:55</t>
  </si>
  <si>
    <t>01/16/2020 08:49:25</t>
  </si>
  <si>
    <t>01/16/2020 08:49:52</t>
  </si>
  <si>
    <t>01/16/2020 08:52:31</t>
  </si>
  <si>
    <t>3bec272d-9962-483d-905c-14b2993d3692.tmp</t>
  </si>
  <si>
    <t>\\acsfs\profiles$\nataliacsl\Downloads\3bec272d-9962-483d-905c-14b2993d3692.tmp</t>
  </si>
  <si>
    <t>01/16/2020 08:47:53</t>
  </si>
  <si>
    <t>01/16/2020 08:50:34</t>
  </si>
  <si>
    <t>454f69e6-413d-4d07-9e77-73f05ec18f4e.tmp</t>
  </si>
  <si>
    <t>\\acsfs\profiles$\vivianealda\Downloads\454f69e6-413d-4d07-9e77-73f05ec18f4e.tmp</t>
  </si>
  <si>
    <t>01/16/2020 08:47:41</t>
  </si>
  <si>
    <t>01/16/2020 08:53:31</t>
  </si>
  <si>
    <t>56cebdfe-73ac-4714-8a0f-fbdb08cf9b6b.tmp</t>
  </si>
  <si>
    <t>\\acsfs\profiles$\esterasg\Downloads\56cebdfe-73ac-4714-8a0f-fbdb08cf9b6b.tmp</t>
  </si>
  <si>
    <t>ff54bd79-5654-4add-9309-fd2771a9c423.tmp</t>
  </si>
  <si>
    <t>\\acsfs\profiles$\esterasg\Downloads\ff54bd79-5654-4add-9309-fd2771a9c423.tmp</t>
  </si>
  <si>
    <t>01/16/2020 08:48:27</t>
  </si>
  <si>
    <t>becbda19-d161-4c37-968a-a29858176988.tmp</t>
  </si>
  <si>
    <t>\\acsfs\profiles$\esterasg\Downloads\becbda19-d161-4c37-968a-a29858176988.tmp</t>
  </si>
  <si>
    <t>74776bcd-9fdd-405d-ad03-19f03609d178.tmp</t>
  </si>
  <si>
    <t>\\acsfs\profiles$\esterasg\Downloads\74776bcd-9fdd-405d-ad03-19f03609d178.tmp</t>
  </si>
  <si>
    <t>01/16/2020 08:49:19</t>
  </si>
  <si>
    <t>01/16/2020 08:49:39</t>
  </si>
  <si>
    <t>01/16/2020 08:49:45</t>
  </si>
  <si>
    <t>01/16/2020 08:50:06</t>
  </si>
  <si>
    <t>01/16/2020 08:50:11</t>
  </si>
  <si>
    <t>01/16/2020 08:50:17</t>
  </si>
  <si>
    <t>01/16/2020 08:50:23</t>
  </si>
  <si>
    <t>01/16/2020 08:50:27</t>
  </si>
  <si>
    <t>01/16/2020 08:50:56</t>
  </si>
  <si>
    <t>01/16/2020 08:51:03</t>
  </si>
  <si>
    <t>01/16/2020 08:51:06</t>
  </si>
  <si>
    <t>01/16/2020 08:51:26</t>
  </si>
  <si>
    <t>01/16/2020 08:51:47</t>
  </si>
  <si>
    <t>01/16/2020 08:52:17</t>
  </si>
  <si>
    <t>01/16/2020 08:52:26</t>
  </si>
  <si>
    <t>01/16/2020 08:53:04</t>
  </si>
  <si>
    <t>01/16/2020 08:54:31</t>
  </si>
  <si>
    <t>05f23e11-4fd5-4d03-933b-ce99bf451cc7.tmp</t>
  </si>
  <si>
    <t>\\acsfs\profiles$\larissaad\Downloads\05f23e11-4fd5-4d03-933b-ce99bf451cc7.tmp</t>
  </si>
  <si>
    <t>01/16/2020 08:50:28</t>
  </si>
  <si>
    <t>b28c2f1e-01c5-4de9-883a-ce170f0c9310.tmp</t>
  </si>
  <si>
    <t>\\acsfs\profiles$\leticiala\Downloads\b28c2f1e-01c5-4de9-883a-ce170f0c9310.tmp</t>
  </si>
  <si>
    <t>01/16/2020 08:50:13</t>
  </si>
  <si>
    <t>01/16/2020 08:52:14</t>
  </si>
  <si>
    <t>01/16/2020 08:53:45</t>
  </si>
  <si>
    <t>01/16/2020 08:53:44</t>
  </si>
  <si>
    <t>01/16/2020 08:55:30</t>
  </si>
  <si>
    <t>01/16/2020 08:53:46</t>
  </si>
  <si>
    <t>"mozilla/5.0 (windows nt 6.1; win64; x64) applewebkit/537.36 (khtml;0;0.668;0.928;0];1;1.146];13;131.8549999850802;13700109;13700167;13700235;13700951;13701078;13701207;13701214;13701235;13701239;13701458;13701486;13701506;13701510;13701534;13701573;13701577;13701613;13701625;13701653;13701693;13701709;13701901�;13701949;13701969;141.0399999585934;1578940723092000;1578940727411000;16533.185000007506;16749.110000033397;16878.420000022743;17019.825000024866;17101.79500002414;2.22];211.00499999010935;223.956;3;5;716.065];74.9099999666214;80.9599999920465;["https://drive.google.com/_/d;["https://drive.google.com/_/drive_fe/_/js/k=drive_fe.main.pt_br.0guumejfwv4.o/am=mbqqtgue_sahaay/d=0/ct=zgms/rs=afb8gsw4csik3zgokact5lf5ve6dhrn2kq/m=sy10p;[[13701450;[null;adfn-cukavp_gzvgyovd4ezxa34ayzzyr-p2q7lkzwbbb3upbycht4niuwjbx-5yqdis7nlddfhi;css;false];fq2hjgod7i0d9g";https://drive.google.com/_/drive_fe/_/js/k=drive_fe.main.pt_br.0guumejfwv4.o/am=mbqqtgue_sahaay/d=0/ct=zgms/rs=afb8gsw4csik3zgokact5lf5ve6dhrn2kq/m=iqscub;htt</t>
  </si>
  <si>
    <t>https://"mozilla/5.0 (windows nt 6.1; win64; x64) applewebkit/537.36 (khtml,0,0.668,0.928,0],1,1.146],13,131.8549999850802,13700109,13700167,13700235,13700951,13701078,13701207,13701214,13701235,13701239,13701458,13701486,13701506,13701510,13701534,13701573,13701577,13701613,13701625,13701653,13701693,13701709,13701901�,13701949,13701969,141.0399999585934,1578940723092000,1578940727411000,16533.185000007506,16749.110000033397,16878.420000022743,17019.825000024866,17101.79500002414,2.22],211.00499999010935,223.956,3,5,716.065],74.9099999666214,80.9599999920465,["https://drive.google.com/_/d,["https://drive.google.com/_/drive_fe/_/js/k=drive_fe.main.pt_br.0guumejfwv4.o/am=mbqqtgue_sahaay/d=0/ct=zgms/rs=afb8gsw4csik3zgokact5lf5ve6dhrn2kq/m=sy10p,[[13701450,[null,adfn-cukavp_gzvgyovd4ezxa34ayzzyr-p2q7lkzwbbb3upbycht4niuwjbx-5yqdis7nlddfhi,css,false],fq2hjgod7i0d9g",https://drive.google.com/_/drive_fe/_/js/k=drive_fe.main.pt_br.0guumejfwv4.o/am=mbqqtgue_sahaay/d=0/ct=zgms/rs=afb8gsw4csik3zgokact5lf5ve6dhrn2kq/m=iq</t>
  </si>
  <si>
    <t>01/16/2020 08:53:56</t>
  </si>
  <si>
    <t>01/16/2020 08:54:00</t>
  </si>
  <si>
    <t>01/16/2020 08:54:01</t>
  </si>
  <si>
    <t>01/16/2020 08:54:02</t>
  </si>
  <si>
    <t>01/16/2020 08:54:03</t>
  </si>
  <si>
    <t>01/16/2020 08:54:09</t>
  </si>
  <si>
    <t>01/16/2020 08:54:17</t>
  </si>
  <si>
    <t>01/16/2020 08:54:28</t>
  </si>
  <si>
    <t>01/16/2020 08:54:29</t>
  </si>
  <si>
    <t>01/16/2020 08:54:32</t>
  </si>
  <si>
    <t>01/16/2020 08:54:33</t>
  </si>
  <si>
    <t>01/16/2020 08:54:35</t>
  </si>
  <si>
    <t>01/16/2020 08:54:36</t>
  </si>
  <si>
    <t>01/16/2020 08:54:41</t>
  </si>
  <si>
    <t>01/16/2020 08:54:42</t>
  </si>
  <si>
    <t>01/16/2020 08:54:45</t>
  </si>
  <si>
    <t>01/16/2020 08:54:53</t>
  </si>
  <si>
    <t>01/16/2020 08:54:56</t>
  </si>
  <si>
    <t>01/16/2020 08:54:57</t>
  </si>
  <si>
    <t>01/16/2020 08:54:59</t>
  </si>
  <si>
    <t>01/16/2020 08:55:02</t>
  </si>
  <si>
    <t>01/16/2020 08:51:49</t>
  </si>
  <si>
    <t>01/16/2020 08:56:31</t>
  </si>
  <si>
    <t>01/16/2020 08:51:50</t>
  </si>
  <si>
    <t>01/16/2020 08:51:56</t>
  </si>
  <si>
    <t>01/16/2020 08:52:25</t>
  </si>
  <si>
    <t>01/16/2020 08:52:55</t>
  </si>
  <si>
    <t>01/16/2020 08:57:30</t>
  </si>
  <si>
    <t>01/16/2020 08:55:32</t>
  </si>
  <si>
    <t>01/16/2020 08:57:01</t>
  </si>
  <si>
    <t>4f37fd22-92dc-4ff6-8b5e-55b0af1352fc.tmp</t>
  </si>
  <si>
    <t>\\acsfs\profiles$\Flaviojmm\Downloads\4f37fd22-92dc-4ff6-8b5e-55b0af1352fc.tmp</t>
  </si>
  <si>
    <t>01/16/2020 08:56:57</t>
  </si>
  <si>
    <t>01/16/2020 08:53:19</t>
  </si>
  <si>
    <t>01/16/2020 08:58:31</t>
  </si>
  <si>
    <t>ae223cd7-4017-42d1-9e7b-a0608c66e168.tmp</t>
  </si>
  <si>
    <t>\\acsfs\profiles$\websondsa\Downloads\ae223cd7-4017-42d1-9e7b-a0608c66e168.tmp</t>
  </si>
  <si>
    <t>lu10556ftp1.tmp</t>
  </si>
  <si>
    <t>\\acsfs\profiles$\VIVIANALDS\My Documents\lu10556ftp1.tmp</t>
  </si>
  <si>
    <t>\\acsfs\profiles$\VIVIANALDS\My Documents\lu10556ftp1.tmp\</t>
  </si>
  <si>
    <t>\\acsfs\profiles$\VIVIANALDS\My Documents\lu10556ftp1.tmp\META-INF\</t>
  </si>
  <si>
    <t>\\acsfs\profiles$\VIVIANALDS\My Documents\lu10556ftp1.tmp\Thumbnails\</t>
  </si>
  <si>
    <t>01/16/2020 08:53:25</t>
  </si>
  <si>
    <t>01/16/2020 08:53:26</t>
  </si>
  <si>
    <t>01/16/2020 08:54:34</t>
  </si>
  <si>
    <t>mail.google.com/sync/u/0/i/s?hl=pt-BR&amp;c=558</t>
  </si>
  <si>
    <t>01/16/2020 08:59:30</t>
  </si>
  <si>
    <t>01/16/2020 08:56:15</t>
  </si>
  <si>
    <t>01/16/2020 08:57:16</t>
  </si>
  <si>
    <t>01/16/2020 08:58:16</t>
  </si>
  <si>
    <t>01/16/2020 08:56:45</t>
  </si>
  <si>
    <t>056a12b6-e904-47fb-ad72-30f129615028.tmp</t>
  </si>
  <si>
    <t>\\acsfs\profiles$\lorraynevam\Downloads\056a12b6-e904-47fb-ad72-30f129615028.tmp</t>
  </si>
  <si>
    <t>01/16/2020 08:55:13</t>
  </si>
  <si>
    <t>01/16/2020 09:00:30</t>
  </si>
  <si>
    <t>01/16/2020 08:55:14</t>
  </si>
  <si>
    <t>0];0]0];0]l;0]ll;0]su��� a;1578960292392;1578960593386;1578960894383;1578993103530;173;174;175;176;177;178;179;180;181;182;183;184;185;66;67;68;708385187;[];[]]];false;iwagbqyq5_cmqlzbanwpacqolgbymbrky1hyw9wzwbrqebiph8iqz-_-nea8ajk3cl1u6dhazrweuy4acpn1lbxov-fxfxs7u6fxlrrmewru5fr4fy8cuk8t73sxehkspjr8dpf1-v_6eyefdj_s5ctm3pd-_i4y3cnuoucl3oesbl-jzrepmleg0hfjkforc086tm6_6a1dq6tenejbpn2tyc-a1xaujxa\";iwagbqyq5_cmqlzbanwpacqolgbymbrky1hyw9wzwbrqebiph8iqz-_-nea8ajk3cl1u6dhazrweuy4acpn1lbxov-fxfxs7u6fxlrrmewru5fr4fy8cuk8t73sxehkspjr8dpf1-v_6eyefdj_s5ctm3pd-_i4y3cnuoucl3oesbl-jzrepmleg0xfjkfpa2bnm22zkdb_z91suu5wkym1jm9bkn05kcls\";iwagbqyq5_cmqlzbanwpacqolgbymbrky1hyw9wzwbrqebiph8iqz-_-nea8ajk3cl1u6dhazrweuy4acpn1lbxov-fxfxs7u6fxlrrmewru5fr4fy8cuk8t73sxehkspjr8dpf1-v_6eyefdj_s5ctm3pd-_i4y3cnuoucl3oesbl-jzrepmleg1nfjkfr6233y4oem2jthr_6vwjzjvdm2m0mrdpqe0hw\";ixjsjalok\";nul;null;qdjy1zn4qopf4shoacuzfevhedu0dsyplxa5qsqdhd1aoka0ca1mhcxvogzm4x2l8q-piix5uvmnaqgnorazhmwho0qf0cic60aitajums1s0dwjniadnjujalhxgkus_prhqpt9juvozzjpk</t>
  </si>
  <si>
    <t>https://0],0]0],0]l,0]ll,0]su��� a,1578960292392,1578960593386,1578960894383,1578993103530,173,174,175,176,177,178,179,180,181,182,183,184,185,66,67,68,708385187,[],[]]],false,iwagbqyq5_cmqlzbanwpacqolgbymbrky1hyw9wzwbrqebiph8iqz-_-nea8ajk3cl1u6dhazrweuy4acpn1lbxov-fxfxs7u6fxlrrmewru5fr4fy8cuk8t73sxehkspjr8dpf1-v_6eyefdj_s5ctm3pd-_i4y3cnuoucl3oesbl-jzrepmleg0hfjkforc086tm6_6a1dq6tenejbpn2tyc-a1xaujxa\",iwagbqyq5_cmqlzbanwpacqolgbymbrky1hyw9wzwbrqebiph8iqz-_-nea8ajk3cl1u6dhazrweuy4acpn1lbxov-fxfxs7u6fxlrrmewru5fr4fy8cuk8t73sxehkspjr8dpf1-v_6eyefdj_s5ctm3pd-_i4y3cnuoucl3oesbl-jzrepmleg0xfjkfpa2bnm22zkdb_z91suu5wkym1jm9bkn05kcls\",iwagbqyq5_cmqlzbanwpacqolgbymbrky1hyw9wzwbrqebiph8iqz-_-nea8ajk3cl1u6dhazrweuy4acpn1lbxov-fxfxs7u6fxlrrmewru5fr4fy8cuk8t73sxehkspjr8dpf1-v_6eyefdj_s5ctm3pd-_i4y3cnuoucl3oesbl-jzrepmleg1nfjkfr6233y4oem2jthr_6vwjzjvdm2m0mrdpqe0hw\",ixjsjalok\",nul,null,qdjy1zn4qopf4shoacuzfevhedu0dsyplxa5qsqdhd1aoka0ca1mhcxvogzm4x2l8q-piix5uvmnaqgnorazhmwho0qf0cic60aitajums1s0dwjniadnjujalhxgkus_prhqpt9j</t>
  </si>
  <si>
    <t>01/16/2020 08:55:15</t>
  </si>
  <si>
    <t>01/16/2020 08:55:18</t>
  </si>
  <si>
    <t>01/16/2020 08:55:19</t>
  </si>
  <si>
    <t>01/16/2020 08:55:20</t>
  </si>
  <si>
    <t>01/16/2020 08:56:38</t>
  </si>
  <si>
    <t>\\acsfs\profiles$\andrezacapf\Contacts\</t>
  </si>
  <si>
    <t>ANDREZA CAROLINE AGUIAR PIRES FERREIRA (21672).contact</t>
  </si>
  <si>
    <t>\\acsfs\profiles$\andrezacapf\Contacts\ANDREZA CAROLINE AGUIAR PIRES FERREIRA (21672).contact</t>
  </si>
  <si>
    <t>01/16/2020 08:55:21</t>
  </si>
  <si>
    <t>01/16/2020 08:56:44</t>
  </si>
  <si>
    <t>\\acsfs\profiles$\andrezacapf\My Documents\My Videos\</t>
  </si>
  <si>
    <t>\\acsfs\profiles$\andrezacapf\My Documents\My Videos\desktop.ini</t>
  </si>
  <si>
    <t>01/16/2020 08:55:22</t>
  </si>
  <si>
    <t>\\acsfs\profiles$\andrezacapf\My Documents\My Pictures\</t>
  </si>
  <si>
    <t>\\acsfs\profiles$\andrezacapf\My Documents\My Pictures\desktop.ini</t>
  </si>
  <si>
    <t>01/16/2020 08:55:27</t>
  </si>
  <si>
    <t>01/16/2020 08:55:31</t>
  </si>
  <si>
    <t>\\acsfs\profiles$\andrezacapf\Contacts\desktop.ini</t>
  </si>
  <si>
    <t>01/16/2020 08:55:35</t>
  </si>
  <si>
    <t>\\acsfs\profiles$\andrezacapf\Favorites\</t>
  </si>
  <si>
    <t>\\acsfs\profiles$\andrezacapf\Favorites\desktop.ini</t>
  </si>
  <si>
    <t>01/16/2020 08:56:46</t>
  </si>
  <si>
    <t>01/16/2020 08:55:36</t>
  </si>
  <si>
    <t>\\acsfs\profiles$\andrezacapf\My Documents\My Music\</t>
  </si>
  <si>
    <t>\\acsfs\profiles$\andrezacapf\My Documents\My Music\desktop.ini</t>
  </si>
  <si>
    <t>01/16/2020 08:56:47</t>
  </si>
  <si>
    <t>01/16/2020 08:55:37</t>
  </si>
  <si>
    <t>\\acsfs\profiles$\andrezacapf\Searches\</t>
  </si>
  <si>
    <t>\\acsfs\profiles$\andrezacapf\Searches\desktop.ini</t>
  </si>
  <si>
    <t>01/16/2020 08:56:48</t>
  </si>
  <si>
    <t>\\acsfs\profiles$\andrezacapf\Downloads\desktop.ini</t>
  </si>
  <si>
    <t>\\acsfs\profiles$\andrezacapf\My Documents\</t>
  </si>
  <si>
    <t>\\acsfs\profiles$\andrezacapf\My Documents\desktop.ini</t>
  </si>
  <si>
    <t>01/16/2020 08:56:49</t>
  </si>
  <si>
    <t>\\acsfs\profiles$\andrezacapf\Saved Games\</t>
  </si>
  <si>
    <t>\\acsfs\profiles$\andrezacapf\Saved Games\desktop.ini</t>
  </si>
  <si>
    <t>01/16/2020 08:55:39</t>
  </si>
  <si>
    <t>01/16/2020 08:55:40</t>
  </si>
  <si>
    <t>01/16/2020 08:55:45</t>
  </si>
  <si>
    <t>01/16/2020 08:55:54</t>
  </si>
  <si>
    <t>01/16/2020 08:56:58</t>
  </si>
  <si>
    <t>01/16/2020 08:57:41</t>
  </si>
  <si>
    <t>6ee86648-2daa-46fc-9113-2b72aade76d0.tmp</t>
  </si>
  <si>
    <t>\\acsfs\profiles$\andrezacapf\Downloads\6ee86648-2daa-46fc-9113-2b72aade76d0.tmp</t>
  </si>
  <si>
    <t>01/16/2020 08:55:56</t>
  </si>
  <si>
    <t>01/16/2020 08:59:35</t>
  </si>
  <si>
    <t>f717f862-6b1c-4b83-922a-67eff4548d2e.tmp</t>
  </si>
  <si>
    <t>\\acsfs\profiles$\andrezacapf\Downloads\f717f862-6b1c-4b83-922a-67eff4548d2e.tmp</t>
  </si>
  <si>
    <t>01/16/2020 08:59:40</t>
  </si>
  <si>
    <t>f0b20d39-c380-461e-b6ad-23374926919f.tmp</t>
  </si>
  <si>
    <t>\\acsfs\profiles$\andrezacapf\Downloads\f0b20d39-c380-461e-b6ad-23374926919f.tmp</t>
  </si>
  <si>
    <t>01/16/2020 08:55:57</t>
  </si>
  <si>
    <t>01/16/2020 08:59:58</t>
  </si>
  <si>
    <t>7805e5e9-249e-481b-a090-cd7adb4a1d50.tmp</t>
  </si>
  <si>
    <t>\\acsfs\profiles$\andrezacapf\Downloads\7805e5e9-249e-481b-a090-cd7adb4a1d50.tmp</t>
  </si>
  <si>
    <t>01/16/2020 08:55:58</t>
  </si>
  <si>
    <t>01/16/2020 08:56:01</t>
  </si>
  <si>
    <t>01/16/2020 08:56:06</t>
  </si>
  <si>
    <t>01/16/2020 08:56:11</t>
  </si>
  <si>
    <t>01/16/2020 08:56:12</t>
  </si>
  <si>
    <t>01/16/2020 08:56:13</t>
  </si>
  <si>
    <t>01/16/2020 08:56:14</t>
  </si>
  <si>
    <t>01/16/2020 08:56:16</t>
  </si>
  <si>
    <t>01/16/2020 08:56:17</t>
  </si>
  <si>
    <t>01/16/2020 08:56:18</t>
  </si>
  <si>
    <t>01/16/2020 08:56:19</t>
  </si>
  <si>
    <t>01/16/2020 08:56:20</t>
  </si>
  <si>
    <t>01/16/2020 08:56:21</t>
  </si>
  <si>
    <t>01/16/2020 08:56:22</t>
  </si>
  <si>
    <t>01/16/2020 08:56:23</t>
  </si>
  <si>
    <t>01/16/2020 08:56:27</t>
  </si>
  <si>
    <t>01/16/2020 08:56:28</t>
  </si>
  <si>
    <t>01/16/2020 08:56:29</t>
  </si>
  <si>
    <t>01/16/2020 08:56:36</t>
  </si>
  <si>
    <t>01/16/2020 09:00:05</t>
  </si>
  <si>
    <t>01/16/2020 08:56:34</t>
  </si>
  <si>
    <t>01/16/2020 09:01:30</t>
  </si>
  <si>
    <t>dbcad44a-cb20-4e1c-9dbb-c0c67f14ae24.tmp</t>
  </si>
  <si>
    <t>\\acsfs\profiles$\talitafdc\Downloads\dbcad44a-cb20-4e1c-9dbb-c0c67f14ae24.tmp</t>
  </si>
  <si>
    <t>01/16/2020 08:57:13</t>
  </si>
  <si>
    <t>050ec864-7460-4c0d-bd0f-a48b481eca4c.tmp</t>
  </si>
  <si>
    <t>\\acsfs\profiles$\talitafdc\Downloads\050ec864-7460-4c0d-bd0f-a48b481eca4c.tmp</t>
  </si>
  <si>
    <t>01/16/2020 08:58:46</t>
  </si>
  <si>
    <t>0b4b9997-ed89-434a-b932-86fc0203217b.tmp</t>
  </si>
  <si>
    <t>\\acsfs\profiles$\talitafdc\Downloads\0b4b9997-ed89-434a-b932-86fc0203217b.tmp</t>
  </si>
  <si>
    <t>01/16/2020 08:57:29</t>
  </si>
  <si>
    <t>10.200.66.30</t>
  </si>
  <si>
    <t>78-2B-CB-C1-07-8D</t>
  </si>
  <si>
    <t>VOTORANT-WB010</t>
  </si>
  <si>
    <t>56119965-9683-4ee2-a133-b0400d95363f.tmp</t>
  </si>
  <si>
    <t>\\acsfs\profiles$\gabriellalpr\Downloads\56119965-9683-4ee2-a133-b0400d95363f.tmp</t>
  </si>
  <si>
    <t>01/16/2020 08:58:20</t>
  </si>
  <si>
    <t>b35bf051-b6c5-44e1-b825-c35b9e88b04f.tmp</t>
  </si>
  <si>
    <t>\\acsfs\profiles$\gabriellalpr\Downloads\b35bf051-b6c5-44e1-b825-c35b9e88b04f.tmp</t>
  </si>
  <si>
    <t>01/16/2020 08:59:55</t>
  </si>
  <si>
    <t>d9dbbee6-0cdd-4eef-818d-8b9501bb071b.tmp</t>
  </si>
  <si>
    <t>\\acsfs\profiles$\gabriellalpr\Downloads\d9dbbee6-0cdd-4eef-818d-8b9501bb071b.tmp</t>
  </si>
  <si>
    <t>01/16/2020 09:00:28</t>
  </si>
  <si>
    <t>38ab82ad-d947-4b60-bdd0-544cb93d474f.tmp</t>
  </si>
  <si>
    <t>\\acsfs\profiles$\gabriellalpr\Downloads\38ab82ad-d947-4b60-bdd0-544cb93d474f.tmp</t>
  </si>
  <si>
    <t>01/16/2020 09:00:49</t>
  </si>
  <si>
    <t>01/16/2020 09:00:50</t>
  </si>
  <si>
    <t>01/16/2020 09:00:21</t>
  </si>
  <si>
    <t>65dd8954-9668-4bbb-9001-a50386025df2.tmp</t>
  </si>
  <si>
    <t>\\acsfs\profiles$\isabellegtds\Downloads\65dd8954-9668-4bbb-9001-a50386025df2.tmp</t>
  </si>
  <si>
    <t>01/16/2020 08:57:57</t>
  </si>
  <si>
    <t>01/16/2020 09:02:30</t>
  </si>
  <si>
    <t>\\acsfs\profiles$\kellzylenneasr\My Documents\My Pictures\</t>
  </si>
  <si>
    <t>\\acsfs\profiles$\kellzylenneasr\My Documents\My Videos\desktop.ini</t>
  </si>
  <si>
    <t>01/16/2020 08:58:05</t>
  </si>
  <si>
    <t>\\acsfs\profiles$\kellzylenneasr\My Documents\My Videos\</t>
  </si>
  <si>
    <t>01/16/2020 08:58:07</t>
  </si>
  <si>
    <t>01/16/2020 08:58:08</t>
  </si>
  <si>
    <t>01/16/2020 08:58:14</t>
  </si>
  <si>
    <t>01/16/2020 08:58:15</t>
  </si>
  <si>
    <t>\\acsfs\profiles$\kellzylenneasr\My Documents\My Music\</t>
  </si>
  <si>
    <t>\\acsfs\profiles$\kellzylenneasr\My Documents\My Pictures\desktop.ini</t>
  </si>
  <si>
    <t>01/16/2020 08:58:24</t>
  </si>
  <si>
    <t>01/16/2020 08:58:25</t>
  </si>
  <si>
    <t>01/16/2020 08:58:26</t>
  </si>
  <si>
    <t>01/16/2020 08:58:29</t>
  </si>
  <si>
    <t>\\acsfs\profiles$\kellzylenneasr\Contacts\</t>
  </si>
  <si>
    <t>\\acsfs\profiles$\kellzylenneasr\Contacts\desktop.ini</t>
  </si>
  <si>
    <t>01/16/2020 08:58:32</t>
  </si>
  <si>
    <t>01/16/2020 08:58:33</t>
  </si>
  <si>
    <t>01/16/2020 08:58:36</t>
  </si>
  <si>
    <t>\\acsfs\profiles$\kellzylenneasr\My Documents\</t>
  </si>
  <si>
    <t>\\acsfs\profiles$\kellzylenneasr\Favorites\desktop.ini</t>
  </si>
  <si>
    <t>01/16/2020 08:58:47</t>
  </si>
  <si>
    <t>01/16/2020 08:58:52</t>
  </si>
  <si>
    <t>01/16/2020 08:58:53</t>
  </si>
  <si>
    <t>01/16/2020 08:58:57</t>
  </si>
  <si>
    <t>01/16/2020 08:58:58</t>
  </si>
  <si>
    <t>01/16/2020 08:59:01</t>
  </si>
  <si>
    <t>01/16/2020 08:59:07</t>
  </si>
  <si>
    <t>\\acsfs\profiles$\kellzylenneasr\My Documents\My Music\desktop.ini</t>
  </si>
  <si>
    <t>01/16/2020 08:59:10</t>
  </si>
  <si>
    <t>01/16/2020 08:59:11</t>
  </si>
  <si>
    <t>01/16/2020 08:59:13</t>
  </si>
  <si>
    <t>01/16/2020 08:59:14</t>
  </si>
  <si>
    <t>01/16/2020 08:59:28</t>
  </si>
  <si>
    <t>\\acsfs\profiles$\kellzylenneasr\Searches\</t>
  </si>
  <si>
    <t>\\acsfs\profiles$\kellzylenneasr\Searches\desktop.ini</t>
  </si>
  <si>
    <t>01/16/2020 08:59:29</t>
  </si>
  <si>
    <t>01/16/2020 08:59:34</t>
  </si>
  <si>
    <t>01/16/2020 08:59:36</t>
  </si>
  <si>
    <t>01/16/2020 08:59:45</t>
  </si>
  <si>
    <t>\\acsfs\profiles$\kellzylenneasr\Downloads\desktop.ini</t>
  </si>
  <si>
    <t>01/16/2020 08:59:50</t>
  </si>
  <si>
    <t>01/16/2020 08:59:52</t>
  </si>
  <si>
    <t>\\acsfs\profiles$\kellzylenneasr\Favorites\</t>
  </si>
  <si>
    <t>\\acsfs\profiles$\kellzylenneasr\My Documents\desktop.ini</t>
  </si>
  <si>
    <t>01/16/2020 08:59:59</t>
  </si>
  <si>
    <t>01/16/2020 09:00:08</t>
  </si>
  <si>
    <t>01/16/2020 09:00:09</t>
  </si>
  <si>
    <t>01/16/2020 09:00:16</t>
  </si>
  <si>
    <t>01/16/2020 09:00:18</t>
  </si>
  <si>
    <t>01/16/2020 09:00:19</t>
  </si>
  <si>
    <t>\\acsfs\profiles$\kellzylenneasr\Saved Games\desktop.ini</t>
  </si>
  <si>
    <t>01/16/2020 09:00:20</t>
  </si>
  <si>
    <t>01/16/2020 09:00:51</t>
  </si>
  <si>
    <t>winrt--{S-1-5-21-602162358-764733703-839522115-342472}-.searchconnector-ms</t>
  </si>
  <si>
    <t>\\acsfs\profiles$\kellzylenneasr\Searches\winrt--{S-1-5-21-602162358-764733703-839522115-342472}-.searchconnector-ms</t>
  </si>
  <si>
    <t>01/16/2020 08:57:56</t>
  </si>
  <si>
    <t>98a48438-9c0c-4b92-a3a5-5a3efbd9743e.tmp</t>
  </si>
  <si>
    <t>\\acsfs\profiles$\Flaviojmm\Downloads\98a48438-9c0c-4b92-a3a5-5a3efbd9743e.tmp</t>
  </si>
  <si>
    <t>01/16/2020 09:03:30</t>
  </si>
  <si>
    <t>0662e238-f421-4122-a12e-d29ce1798931.tmp</t>
  </si>
  <si>
    <t>\\acsfs\profiles$\esterasg\Downloads\0662e238-f421-4122-a12e-d29ce1798931.tmp</t>
  </si>
  <si>
    <t>01/16/2020 09:04:30</t>
  </si>
  <si>
    <t>01/16/2020 09:00:17</t>
  </si>
  <si>
    <t>01/16/2020 09:02:18</t>
  </si>
  <si>
    <t>01/16/2020 09:05:31</t>
  </si>
  <si>
    <t>f1566565-0f79-456d-9a7d-ff6a6e74994b.tmp</t>
  </si>
  <si>
    <t>\\acsfs\profiles$\andrezacapf\Downloads\f1566565-0f79-456d-9a7d-ff6a6e74994b.tmp</t>
  </si>
  <si>
    <t>023f5229-f8d2-4bdf-af79-d01b88189162.tmp</t>
  </si>
  <si>
    <t>\\acsfs\profiles$\andrezacapf\Downloads\023f5229-f8d2-4bdf-af79-d01b88189162.tmp</t>
  </si>
  <si>
    <t>01/16/2020 09:00:36</t>
  </si>
  <si>
    <t>8ce36dc3-6c8a-4c39-b396-91db83059dc5.tmp</t>
  </si>
  <si>
    <t>\\acsfs\profiles$\andrezacapf\Downloads\8ce36dc3-6c8a-4c39-b396-91db83059dc5.tmp</t>
  </si>
  <si>
    <t>01/16/2020 09:03:05</t>
  </si>
  <si>
    <t>437b6983-996b-4b83-bc18-6008759163d2.tmp</t>
  </si>
  <si>
    <t>\\acsfs\profiles$\andrezacapf\Downloads\437b6983-996b-4b83-bc18-6008759163d2.tmp</t>
  </si>
  <si>
    <t>01/16/2020 09:04:34</t>
  </si>
  <si>
    <t>01/16/2020 09:04:35</t>
  </si>
  <si>
    <t>01/16/2020 09:04:36</t>
  </si>
  <si>
    <t>01/16/2020 09:04:37</t>
  </si>
  <si>
    <t>01/16/2020 09:04:38</t>
  </si>
  <si>
    <t>01/16/2020 09:04:39</t>
  </si>
  <si>
    <t>01/16/2020 09:04:40</t>
  </si>
  <si>
    <t>01/16/2020 09:04:41</t>
  </si>
  <si>
    <t>01/16/2020 09:04:42</t>
  </si>
  <si>
    <t>01/16/2020 09:04:43</t>
  </si>
  <si>
    <t>01/16/2020 09:04:44</t>
  </si>
  <si>
    <t>01/16/2020 09:00:23</t>
  </si>
  <si>
    <t>01/16/2020 09:00:27</t>
  </si>
  <si>
    <t>01/16/2020 09:00:31</t>
  </si>
  <si>
    <t>01/16/2020 09:04:45</t>
  </si>
  <si>
    <t>01/16/2020 09:00:32</t>
  </si>
  <si>
    <t>01/16/2020 09:04:46</t>
  </si>
  <si>
    <t>01/16/2020 09:00:37</t>
  </si>
  <si>
    <t>01/16/2020 09:00:48</t>
  </si>
  <si>
    <t>01/16/2020 09:04:47</t>
  </si>
  <si>
    <t>01/16/2020 09:00:52</t>
  </si>
  <si>
    <t>01/16/2020 09:04:48</t>
  </si>
  <si>
    <t>01/16/2020 09:00:59</t>
  </si>
  <si>
    <t>01/16/2020 09:01:05</t>
  </si>
  <si>
    <t>01/16/2020 09:04:49</t>
  </si>
  <si>
    <t>01/16/2020 09:01:06</t>
  </si>
  <si>
    <t>01/16/2020 09:01:11</t>
  </si>
  <si>
    <t>01/16/2020 09:01:12</t>
  </si>
  <si>
    <t>01/16/2020 09:04:50</t>
  </si>
  <si>
    <t>01/16/2020 09:04:51</t>
  </si>
  <si>
    <t>01/16/2020 09:01:13</t>
  </si>
  <si>
    <t>01/16/2020 09:01:15</t>
  </si>
  <si>
    <t>01/16/2020 09:04:52</t>
  </si>
  <si>
    <t>01/16/2020 09:01:16</t>
  </si>
  <si>
    <t>01/16/2020 09:01:20</t>
  </si>
  <si>
    <t>01/16/2020 09:03:42</t>
  </si>
  <si>
    <t>0]\\\\\\��� l;0]]l;0]a_x0006__x001F_�;0]l;0]ll;0]l�_x0018_� =;1578956981447;1578957282440;1578957884431;1578958185426;1578958486421;1578958787418;55;56;58;59;60;61;708385187;[];[]]];false;iwagbqyq5_cmqlzbanwpacqolgbymbrky1hyw9wzwbrqebiph8iqz-_-nea8ajk3cl1u6dhazrweuy4acpn1lbxov-fxfxs7u6fxlrrmewru5fr4fy8cuk8t73sxehkspjr8dpf1-v_6eyefdj_s5ctm3pd-_i4y3cnuoucl3oesbl-jzrepmlegpxfjkfp_avinondndtypbz-dlx4cy_f_jd64cnirv-w\";iwagbqyq5_cmqlzbanwpacqolgbymbrky1hyw9wzwbrqebiph8iqz-_-nea8ajk3cl1u6dhazrweuy4acpn1lbxov-fxfxs7u6fxlrrmewru5fr4fy8cuk8t73sxehkspjr8dpf1-v_6eyefdj_s5ctm3pd-_i4y3cnuoucl3oesbl-jzrepmlegqhfjkfo8rvlwbxybv7ol4uue-in6om50fsrzyp8acai\";iwagbqyq5_cmqlzbanwpacqolgbymbrky1hyw9wzwbrqebiph8iqz-_-nea8ajk3cl1u6dhazrweuy4acpn1lbxov-fxfxs7u6fxlrrmewru5fr4fy8cuk8t73sxehkspjr8dpf1-v_6eyefdj_s5ctm3pd-_i4y3cnuoucl3oesbl-jzrepmlegqnfjkfpwnbzjdheimizaplonom8th5fq3udmivh9y9y\";iwagbqyq5_cmqlzbanwpacqolgbymbrky1hyw9wzwbrqebiph8iqz-_-nea8ajk3cl1u6dhazrweuy4acpn1lbxov-fxfxs7u6fxlrrmewru5fr4fy8cuk8t73sxehkspjr8dpf1-v_6eyefdj_s5ctm3pd-_i4y3cnu</t>
  </si>
  <si>
    <t>https://0]\\\\\\��� l,0]]l,0]a_x0006__x001F_�,0]l,0]ll,0]l�_x0018_� =,1578956981447,1578957282440,1578957884431,1578958185426,1578958486421,1578958787418,55,56,58,59,60,61,708385187,[],[]]],false,iwagbqyq5_cmqlzbanwpacqolgbymbrky1hyw9wzwbrqebiph8iqz-_-nea8ajk3cl1u6dhazrweuy4acpn1lbxov-fxfxs7u6fxlrrmewru5fr4fy8cuk8t73sxehkspjr8dpf1-v_6eyefdj_s5ctm3pd-_i4y3cnuoucl3oesbl-jzrepmlegpxfjkfp_avinondndtypbz-dlx4cy_f_jd64cnirv-w\",iwagbqyq5_cmqlzbanwpacqolgbymbrky1hyw9wzwbrqebiph8iqz-_-nea8ajk3cl1u6dhazrweuy4acpn1lbxov-fxfxs7u6fxlrrmewru5fr4fy8cuk8t73sxehkspjr8dpf1-v_6eyefdj_s5ctm3pd-_i4y3cnuoucl3oesbl-jzrepmlegqhfjkfo8rvlwbxybv7ol4uue-in6om50fsrzyp8acai\",iwagbqyq5_cmqlzbanwpacqolgbymbrky1hyw9wzwbrqebiph8iqz-_-nea8ajk3cl1u6dhazrweuy4acpn1lbxov-fxfxs7u6fxlrrmewru5fr4fy8cuk8t73sxehkspjr8dpf1-v_6eyefdj_s5ctm3pd-_i4y3cnuoucl3oesbl-jzrepmlegqnfjkfpwnbzjdheimizaplonom8th5fq3udmivh9y9y\",iwagbqyq5_cmqlzbanwpacqolgbymbrky1hyw9wzwbrqebiph8iqz-_-nea8ajk3cl1u6dhazrweuy4acpn1lbxov-fxfxs7u6fxlrrmewru5fr4fy8cuk8t73sxehkspjr8dpf1-v_6eyefdj_s5ctm3pd-</t>
  </si>
  <si>
    <t>01/16/2020 09:03:43</t>
  </si>
  <si>
    <t>01/16/2020 09:03:48</t>
  </si>
  <si>
    <t>01/16/2020 09:03:51</t>
  </si>
  <si>
    <t>01/16/2020 09:03:52</t>
  </si>
  <si>
    <t>01/16/2020 09:03:53</t>
  </si>
  <si>
    <t>01/16/2020 09:03:59</t>
  </si>
  <si>
    <t>01/16/2020 09:04:06</t>
  </si>
  <si>
    <t>01/16/2020 09:04:15</t>
  </si>
  <si>
    <t>01/16/2020 09:04:19</t>
  </si>
  <si>
    <t>01/16/2020 09:04:20</t>
  </si>
  <si>
    <t>01/16/2020 09:04:21</t>
  </si>
  <si>
    <t>01/16/2020 09:04:22</t>
  </si>
  <si>
    <t>01/16/2020 09:04:25</t>
  </si>
  <si>
    <t>01/16/2020 09:04:27</t>
  </si>
  <si>
    <t>01/16/2020 09:06:30</t>
  </si>
  <si>
    <t>01/16/2020 09:05:39</t>
  </si>
  <si>
    <t>016f0fcc-86f4-4e0a-9c58-68dbeaa1c1d0.tmp</t>
  </si>
  <si>
    <t>\\acsfs\profiles$\talitafdc\Downloads\016f0fcc-86f4-4e0a-9c58-68dbeaa1c1d0.tmp</t>
  </si>
  <si>
    <t>01/16/2020 09:00:56</t>
  </si>
  <si>
    <t>01/16/2020 09:00:57</t>
  </si>
  <si>
    <t>01/16/2020 09:05:13</t>
  </si>
  <si>
    <t>396e573a-41dd-4f88-bdba-e6268e151457.tmp</t>
  </si>
  <si>
    <t>\\acsfs\profiles$\gabrielhca\Downloads\396e573a-41dd-4f88-bdba-e6268e151457.tmp</t>
  </si>
  <si>
    <t>01/16/2020 09:05:35</t>
  </si>
  <si>
    <t>cc5bc615-1ecd-4a0d-90a3-0c0b714f756c.tmp</t>
  </si>
  <si>
    <t>\\acsfs\profiles$\gabrielhca\Downloads\cc5bc615-1ecd-4a0d-90a3-0c0b714f756c.tmp</t>
  </si>
  <si>
    <t>01/16/2020 09:04:14</t>
  </si>
  <si>
    <t>ccc2c43f-4c37-485d-87e7-339c37b589cb.tmp</t>
  </si>
  <si>
    <t>\\acsfs\profiles$\isabellegtds\Downloads\ccc2c43f-4c37-485d-87e7-339c37b589cb.tmp</t>
  </si>
  <si>
    <t>01/16/2020 09:04:53</t>
  </si>
  <si>
    <t>01/16/2020 09:07:31</t>
  </si>
  <si>
    <t>01/16/2020 09:06:22</t>
  </si>
  <si>
    <t>f3729bdd-efa5-477e-b249-b200f3fe73d0.tmp</t>
  </si>
  <si>
    <t>\\acsfs\profiles$\kellzylenneasr\Downloads\f3729bdd-efa5-477e-b249-b200f3fe73d0.tmp</t>
  </si>
  <si>
    <t>01/16/2020 09:03:08</t>
  </si>
  <si>
    <t>5fad74e1-d373-4bd3-bb92-25a3b3b54d36.tmp</t>
  </si>
  <si>
    <t>\\acsfs\profiles$\BRUNAAR\Downloads\5fad74e1-d373-4bd3-bb92-25a3b3b54d36.tmp</t>
  </si>
  <si>
    <t>01/16/2020 09:06:07</t>
  </si>
  <si>
    <t>01/16/2020 09:08:30</t>
  </si>
  <si>
    <t>915c5923-4f22-4788-9f3e-d0573a5edc5f.tmp</t>
  </si>
  <si>
    <t>\\acsfs\profiles$\quindaizaagds\Downloads\915c5923-4f22-4788-9f3e-d0573a5edc5f.tmp</t>
  </si>
  <si>
    <t>01/16/2020 09:05:11</t>
  </si>
  <si>
    <t>01/16/2020 09:09:31</t>
  </si>
  <si>
    <t>01/16/2020 09:07:24</t>
  </si>
  <si>
    <t>\\acsfs\profiles$\pedrohab\My Documents\My Pictures\</t>
  </si>
  <si>
    <t>\\acsfs\profiles$\PEDROHAB\My Documents\My Videos\desktop.ini</t>
  </si>
  <si>
    <t>01/16/2020 09:07:38</t>
  </si>
  <si>
    <t>\\acsfs\profiles$\PEDROHAB\My Documents\My Videos\</t>
  </si>
  <si>
    <t>01/16/2020 09:07:40</t>
  </si>
  <si>
    <t>01/16/2020 09:07:42</t>
  </si>
  <si>
    <t>01/16/2020 09:07:43</t>
  </si>
  <si>
    <t>01/16/2020 09:07:46</t>
  </si>
  <si>
    <t>\\acsfs\profiles$\pedrohab\My Documents\My Music\</t>
  </si>
  <si>
    <t>\\acsfs\profiles$\PEDROHAB\My Documents\My Pictures\desktop.ini</t>
  </si>
  <si>
    <t>01/16/2020 09:07:49</t>
  </si>
  <si>
    <t>\\acsfs\profiles$\pedrohab\My Documents\My Videos\</t>
  </si>
  <si>
    <t>01/16/2020 09:07:50</t>
  </si>
  <si>
    <t>01/16/2020 09:07:51</t>
  </si>
  <si>
    <t>01/16/2020 09:07:54</t>
  </si>
  <si>
    <t>01/16/2020 09:07:57</t>
  </si>
  <si>
    <t>\\acsfs\profiles$\PEDROHAB\Contacts\</t>
  </si>
  <si>
    <t>\\acsfs\profiles$\PEDROHAB\Contacts\desktop.ini</t>
  </si>
  <si>
    <t>01/16/2020 09:08:01</t>
  </si>
  <si>
    <t>01/16/2020 09:08:03</t>
  </si>
  <si>
    <t>01/16/2020 09:08:05</t>
  </si>
  <si>
    <t>01/16/2020 09:08:09</t>
  </si>
  <si>
    <t>01/16/2020 09:08:10</t>
  </si>
  <si>
    <t>01/16/2020 09:08:12</t>
  </si>
  <si>
    <t>\\acsfs\profiles$\pedrohab\My Documents\</t>
  </si>
  <si>
    <t>\\acsfs\profiles$\PEDROHAB\Favorites\desktop.ini</t>
  </si>
  <si>
    <t>01/16/2020 09:08:17</t>
  </si>
  <si>
    <t>01/16/2020 09:08:19</t>
  </si>
  <si>
    <t>01/16/2020 09:08:21</t>
  </si>
  <si>
    <t>01/16/2020 09:08:24</t>
  </si>
  <si>
    <t>01/16/2020 09:08:26</t>
  </si>
  <si>
    <t>01/16/2020 09:08:28</t>
  </si>
  <si>
    <t>\\acsfs\profiles$\PEDROHAB\My Documents\My Music\desktop.ini</t>
  </si>
  <si>
    <t>01/16/2020 09:08:35</t>
  </si>
  <si>
    <t>\\acsfs\profiles$\PEDROHAB\My Documents\My Music\</t>
  </si>
  <si>
    <t>01/16/2020 09:08:38</t>
  </si>
  <si>
    <t>01/16/2020 09:08:40</t>
  </si>
  <si>
    <t>01/16/2020 09:08:43</t>
  </si>
  <si>
    <t>01/16/2020 09:08:46</t>
  </si>
  <si>
    <t>\\acsfs\profiles$\PEDROHAB\Searches\</t>
  </si>
  <si>
    <t>\\acsfs\profiles$\PEDROHAB\Searches\desktop.ini</t>
  </si>
  <si>
    <t>01/16/2020 09:08:48</t>
  </si>
  <si>
    <t>\\acsfs\profiles$\pedrohab\Searches\</t>
  </si>
  <si>
    <t>01/16/2020 09:08:51</t>
  </si>
  <si>
    <t>01/16/2020 09:08:54</t>
  </si>
  <si>
    <t>01/16/2020 09:08:56</t>
  </si>
  <si>
    <t>01/16/2020 09:08:59</t>
  </si>
  <si>
    <t>\\acsfs\profiles$\PEDROHAB\Downloads\desktop.ini</t>
  </si>
  <si>
    <t>01/16/2020 09:09:02</t>
  </si>
  <si>
    <t>01/16/2020 09:09:06</t>
  </si>
  <si>
    <t>\\acsfs\profiles$\pedrohab\Favorites\</t>
  </si>
  <si>
    <t>\\acsfs\profiles$\PEDROHAB\My Documents\desktop.ini</t>
  </si>
  <si>
    <t>01/16/2020 09:06:21</t>
  </si>
  <si>
    <t>01/16/2020 09:07:21</t>
  </si>
  <si>
    <t>01/16/2020 09:08:22</t>
  </si>
  <si>
    <t>\\acsfs\DEPTOS\Operacao\Banco_Votorantim\Qualidade\Anderson\Auditoria de Vendas\Thumbs.db</t>
  </si>
  <si>
    <t>01/16/2020 09:10:15</t>
  </si>
  <si>
    <t>01/16/2020 09:10:30</t>
  </si>
  <si>
    <t>01/16/2020 09:10:16</t>
  </si>
  <si>
    <t>lu230282can3h.tmp</t>
  </si>
  <si>
    <t>\\acsfs\profiles$\jalilebds\Downloads\lu230282can3h.tmp</t>
  </si>
  <si>
    <t>01/16/2020 09:09:30</t>
  </si>
  <si>
    <t>01/16/2020 09:11:30</t>
  </si>
  <si>
    <t>8b410e4b-cc08-4d66-b5e8-578f360b120a.tmp</t>
  </si>
  <si>
    <t>\\acsfs\profiles$\gabrielhca\Downloads\8b410e4b-cc08-4d66-b5e8-578f360b120a.tmp</t>
  </si>
  <si>
    <t>01/16/2020 09:06:12</t>
  </si>
  <si>
    <t>01/16/2020 09:06:23</t>
  </si>
  <si>
    <t>01/16/2020 09:06:33</t>
  </si>
  <si>
    <t>joaogvc@algartech.com;katia.cardoso@bv.com.br;leonardoao@algartech.com;marianadjc@algartech.com;paulacn@algartech.com;planejamentodeoperacoesetrafego@bv.com.br;rafaelggs@algartech.com;raphaelmco@algartech.com.br;ricardodfm@algartech.com.br;taysdss@algartech.com;thiagordu@algartech.com;viniciussg@algartech.com;</t>
  </si>
  <si>
    <t>joaogvc@algartech.com,katia.cardoso@bv.com.br,leonardoao@algartech.com,marianadjc@algartech.com,paulacn@algartech.com,planejamentodeoperacoesetrafego@bv.com.br,rafaelggs@algartech.com,raphaelmco@algartech.com.br,ricardodfm@algartech.com.br,taysdss@algartech.com,thiagordu@algartech.com,viniciussg@algartech.com</t>
  </si>
  <si>
    <t>01/16/2020 09:06:43</t>
  </si>
  <si>
    <t>01/16/2020 09:06:58</t>
  </si>
  <si>
    <t>01/16/2020 09:07:02</t>
  </si>
  <si>
    <t>01/16/2020 09:07:05</t>
  </si>
  <si>
    <t>01/16/2020 09:07:18</t>
  </si>
  <si>
    <t>01/16/2020 09:07:32</t>
  </si>
  <si>
    <t>01/16/2020 09:07:44</t>
  </si>
  <si>
    <t>01/16/2020 09:08:25</t>
  </si>
  <si>
    <t>01/16/2020 09:08:37</t>
  </si>
  <si>
    <t>mail.google.com/_/upload?authuser=0&amp;dcp=asu-n&amp;upload_id=AEnB2Upi5h1oF3P_UORBklhcS5ROPzMe4DxXMvY31FkYP8_Gloof1xs-ISyANBr-int08Ky1YrRhONAGSjW_v5UUWRrKiF-Bd6-dXcIjjZPamYMU78omeNk&amp;upload_protocol=resumable</t>
  </si>
  <si>
    <t>01/16/2020 09:10:26</t>
  </si>
  <si>
    <t>01/16/2020 09:08:39</t>
  </si>
  <si>
    <t>bvcartes-supervisores@algarnet.onmicrosoft.com;joaogvc@algartech.com;katia.cardoso@bv.com.br;leonardoao@algartech.com;marianadjc@algartech.com;paulacn@algartech.com;rafaelggs@algartech.com;ricardodfm@algartech.com.br;taysdss@algartech.com;thiagordu@algartech.com;viniciussg@algartech.com;</t>
  </si>
  <si>
    <t>bvcartes-supervisores@algarnet.onmicrosoft.com,joaogvc@algartech.com,katia.cardoso@bv.com.br,leonardoao@algartech.com,marianadjc@algartech.com,paulacn@algartech.com,rafaelggs@algartech.com,ricardodfm@algartech.com.br,taysdss@algartech.com,thiagordu@algartech.com,viniciussg@algartech.com</t>
  </si>
  <si>
    <t>01/16/2020 09:10:56</t>
  </si>
  <si>
    <t>01/15/2020 17:33:42</t>
  </si>
  <si>
    <t>01/16/2020 09:12:30</t>
  </si>
  <si>
    <t>01/16/2020 09:10:47</t>
  </si>
  <si>
    <t>36f829df-64ec-411c-8f71-2c5c671884a7.tmp</t>
  </si>
  <si>
    <t>\\acsfs\profiles$\kellzylenneasr\Downloads\36f829df-64ec-411c-8f71-2c5c671884a7.tmp</t>
  </si>
  <si>
    <t>01/16/2020 09:11:03</t>
  </si>
  <si>
    <t>lu341402v447f.tmp</t>
  </si>
  <si>
    <t>\\acsfs\profiles$\BRUNAAR\Numero\lu341402v447f.tmp</t>
  </si>
  <si>
    <t>01/16/2020 09:09:14</t>
  </si>
  <si>
    <t>01/16/2020 09:10:12</t>
  </si>
  <si>
    <t>01/16/2020 09:11:26</t>
  </si>
  <si>
    <t>01/16/2020 09:14:30</t>
  </si>
  <si>
    <t>01/16/2020 09:12:54</t>
  </si>
  <si>
    <t>01/16/2020 09:12:55</t>
  </si>
  <si>
    <t>01/16/2020 09:09:08</t>
  </si>
  <si>
    <t>\\acsfs\profiles$\PEDROHAB\My Documents\</t>
  </si>
  <si>
    <t>01/16/2020 09:09:10</t>
  </si>
  <si>
    <t>01/16/2020 09:09:12</t>
  </si>
  <si>
    <t>01/16/2020 09:09:16</t>
  </si>
  <si>
    <t>01/16/2020 09:09:21</t>
  </si>
  <si>
    <t>\\acsfs\profiles$\pedrohab\Downloads\</t>
  </si>
  <si>
    <t>\\acsfs\profiles$\PEDROHAB\Saved Games\desktop.ini</t>
  </si>
  <si>
    <t>01/16/2020 09:09:23</t>
  </si>
  <si>
    <t>01/16/2020 09:09:52</t>
  </si>
  <si>
    <t>winrt--{S-1-5-21-602162358-764733703-839522115-352963}-.searchconnector-ms</t>
  </si>
  <si>
    <t>\\acsfs\profiles$\PEDROHAB\Searches\winrt--{S-1-5-21-602162358-764733703-839522115-352963}-.searchconnector-ms</t>
  </si>
  <si>
    <t>01/16/2020 09:09:19</t>
  </si>
  <si>
    <t>01/16/2020 09:11:22</t>
  </si>
  <si>
    <t>01/16/2020 09:13:23</t>
  </si>
  <si>
    <t>01/16/2020 09:13:32</t>
  </si>
  <si>
    <t>01/16/2020 09:15:30</t>
  </si>
  <si>
    <t>bgrayenywbdwabdfxvdoe0fctvkjgasmw1dktlxrqljcc0c=</t>
  </si>
  <si>
    <t>01/16/2020 09:12:57</t>
  </si>
  <si>
    <t>01/16/2020 09:12:58</t>
  </si>
  <si>
    <t>lu230282can3k.tmp</t>
  </si>
  <si>
    <t>\\acsfs\profiles$\jalilebds\Downloads\lu230282can3k.tmp</t>
  </si>
  <si>
    <t>01/16/2020 09:16:31</t>
  </si>
  <si>
    <t>01/16/2020 09:13:26</t>
  </si>
  <si>
    <t>01/16/2020 09:15:26</t>
  </si>
  <si>
    <t>01/16/2020 09:17:31</t>
  </si>
  <si>
    <t>01/16/2020 09:14:29</t>
  </si>
  <si>
    <t>01/16/2020 09:16:35</t>
  </si>
  <si>
    <t>01/16/2020 09:15:29</t>
  </si>
  <si>
    <t>01/16/2020 09:18:31</t>
  </si>
  <si>
    <t>01/16/2020 09:14:01</t>
  </si>
  <si>
    <t>01/16/2020 09:19:31</t>
  </si>
  <si>
    <t>01/16/2020 09:15:34</t>
  </si>
  <si>
    <t>14c6d90f-a156-4ce9-9764-d33ea34c9f61.tmp</t>
  </si>
  <si>
    <t>\\acsfs\profiles$\larissaad\Downloads\14c6d90f-a156-4ce9-9764-d33ea34c9f61.tmp</t>
  </si>
  <si>
    <t>01/16/2020 09:15:10</t>
  </si>
  <si>
    <t>b5ab99db-be90-491b-973e-f83160c01e22.tmp</t>
  </si>
  <si>
    <t>\\acsfs\profiles$\lorrainerdl\Downloads\b5ab99db-be90-491b-973e-f83160c01e22.tmp</t>
  </si>
  <si>
    <t>5fdc3385-638e-4e36-87ef-e12ff3b535da.tmp</t>
  </si>
  <si>
    <t>\\acsfs\profiles$\lorrainerdl\Downloads\5fdc3385-638e-4e36-87ef-e12ff3b535da.tmp</t>
  </si>
  <si>
    <t>01/16/2020 09:14:58</t>
  </si>
  <si>
    <t>01/16/2020 09:14:59</t>
  </si>
  <si>
    <t>lu103081e8s3.tmp</t>
  </si>
  <si>
    <t>\\acsfs\profiles$\dhiulliananads\My Documents\lu103081e8s3.tmp</t>
  </si>
  <si>
    <t>\\acsfs\profiles$\dhiulliananads\My Documents\lu103081e8s3.tmp\</t>
  </si>
  <si>
    <t>\\acsfs\profiles$\dhiulliananads\My Documents\lu103081e8s3.tmp\META-INF\</t>
  </si>
  <si>
    <t>\\acsfs\profiles$\dhiulliananads\My Documents\lu103081e8s3.tmp\Thumbnails\</t>
  </si>
  <si>
    <t>01/16/2020 09:15:15</t>
  </si>
  <si>
    <t>01/16/2020 09:15:16</t>
  </si>
  <si>
    <t>lu103081e8s8.tmp</t>
  </si>
  <si>
    <t>\\acsfs\profiles$\dhiulliananads\My Documents\lu103081e8s8.tmp</t>
  </si>
  <si>
    <t>\\acsfs\profiles$\dhiulliananads\My Documents\lu103081e8s8.tmp\</t>
  </si>
  <si>
    <t>\\acsfs\profiles$\dhiulliananads\My Documents\lu103081e8s8.tmp\META-INF\</t>
  </si>
  <si>
    <t>\\acsfs\profiles$\dhiulliananads\My Documents\lu103081e8s8.tmp\Thumbnails\</t>
  </si>
  <si>
    <t>01/16/2020 09:15:25</t>
  </si>
  <si>
    <t>lu103081e8sd.tmp</t>
  </si>
  <si>
    <t>\\acsfs\profiles$\dhiulliananads\My Documents\lu103081e8sd.tmp</t>
  </si>
  <si>
    <t>\\acsfs\profiles$\dhiulliananads\My Documents\lu103081e8sd.tmp\</t>
  </si>
  <si>
    <t>\\acsfs\profiles$\dhiulliananads\My Documents\lu103081e8sd.tmp\META-INF\</t>
  </si>
  <si>
    <t>\\acsfs\profiles$\dhiulliananads\My Documents\lu103081e8sd.tmp\Thumbnails\</t>
  </si>
  <si>
    <t>01/16/2020 09:14:33</t>
  </si>
  <si>
    <t>39797090-c6d9-4008-a143-04d531f4ab93.tmp</t>
  </si>
  <si>
    <t>\\acsfs\profiles$\PEDROHAB\Downloads\39797090-c6d9-4008-a143-04d531f4ab93.tmp</t>
  </si>
  <si>
    <t>01/16/2020 09:14:36</t>
  </si>
  <si>
    <t>057175b1-68c1-4521-84b9-4267eda911d3.tmp</t>
  </si>
  <si>
    <t>\\acsfs\profiles$\PEDROHAB\Downloads\057175b1-68c1-4521-84b9-4267eda911d3.tmp</t>
  </si>
  <si>
    <t>01/16/2020 09:16:26</t>
  </si>
  <si>
    <t>2e4c7a2e-f3e4-4892-849d-8d0f274ca0d3.tmp</t>
  </si>
  <si>
    <t>\\acsfs\profiles$\PEDROHAB\Downloads\2e4c7a2e-f3e4-4892-849d-8d0f274ca0d3.tmp</t>
  </si>
  <si>
    <t>01/16/2020 09:15:24</t>
  </si>
  <si>
    <t>01/16/2020 09:16:01</t>
  </si>
  <si>
    <t>Erro fatal KAMILA MARCELA ROCHA COSTA.PNG</t>
  </si>
  <si>
    <t>\\acsfs\ACS\001 - Qualidade Lilian\PAULO\Pasta Tainara\Erro fatal KAMILA MARCELA ROCHA COSTA.PNG</t>
  </si>
  <si>
    <t>01/16/2020 09:20:32</t>
  </si>
  <si>
    <t>01/16/2020 09:17:12</t>
  </si>
  <si>
    <t>78c4795a-40a0-43bb-9bad-4745e9e7d586.tmp</t>
  </si>
  <si>
    <t>\\acsfs\profiles$\ayalabfi\Downloads\78c4795a-40a0-43bb-9bad-4745e9e7d586.tmp</t>
  </si>
  <si>
    <t>01/16/2020 09:21:32</t>
  </si>
  <si>
    <t>01/16/2020 09:17:26</t>
  </si>
  <si>
    <t>01/16/2020 09:17:56</t>
  </si>
  <si>
    <t>01/16/2020 09:18:26</t>
  </si>
  <si>
    <t>01/16/2020 09:18:56</t>
  </si>
  <si>
    <t>01/16/2020 09:17:08</t>
  </si>
  <si>
    <t>CONTROLE DE SKILLS.xlsx</t>
  </si>
  <si>
    <t>\\acsfs\DEPTOS\Operacao\PCP\5 - Comum\PLANEJAMENTO BV\22 - BANCO DE DADOS BV\CARTÕES\CONTROLE DE SKILLS.xlsx</t>
  </si>
  <si>
    <t>01/16/2020 09:22:32</t>
  </si>
  <si>
    <t>4fb24e5e-fe2b-4290-bf6a-3708d186b328.tmp</t>
  </si>
  <si>
    <t>\\acsfs\profiles$\inarajst\Downloads\4fb24e5e-fe2b-4290-bf6a-3708d186b328.tmp</t>
  </si>
  <si>
    <t>01/16/2020 09:20:47</t>
  </si>
  <si>
    <t>01263909-31bc-41b4-bcfb-382bc5d10e65.tmp</t>
  </si>
  <si>
    <t>\\acsfs\profiles$\geovannasm\Downloads\01263909-31bc-41b4-bcfb-382bc5d10e65.tmp</t>
  </si>
  <si>
    <t>01/16/2020 09:20:54</t>
  </si>
  <si>
    <t>ecaaf4d5-c204-400d-82a5-b8539f4ac759.tmp</t>
  </si>
  <si>
    <t>\\acsfs\profiles$\geovannasm\Downloads\ecaaf4d5-c204-400d-82a5-b8539f4ac759.tmp</t>
  </si>
  <si>
    <t>01/16/2020 09:16:57</t>
  </si>
  <si>
    <t>outlook.office.com/owa/service.svc?action=CreateItem&amp;app=Mail&amp;n=74</t>
  </si>
  <si>
    <t>harunams@algartech.com;</t>
  </si>
  <si>
    <t>harunams@algartech.com</t>
  </si>
  <si>
    <t>01/16/2020 09:17:28</t>
  </si>
  <si>
    <t>outlook.office.com/owa/service.svc?action=CreateItem&amp;app=Mail&amp;n=101</t>
  </si>
  <si>
    <t>01/16/2020 09:17:33</t>
  </si>
  <si>
    <t>01/16/2020 09:17:36</t>
  </si>
  <si>
    <t>outlook.office.com/owa/service.svc?action=CreateItem&amp;app=Mail&amp;n=110</t>
  </si>
  <si>
    <t>01/16/2020 09:21:02</t>
  </si>
  <si>
    <t>4d20e963-248d-4462-b921-076db4e25d3f.tmp</t>
  </si>
  <si>
    <t>\\acsfs\profiles$\gabrielsma\Downloads\4d20e963-248d-4462-b921-076db4e25d3f.tmp</t>
  </si>
  <si>
    <t>01/16/2020 09:21:06</t>
  </si>
  <si>
    <t>01/16/2020 09:17:25</t>
  </si>
  <si>
    <t>aa9c0394-1d87-49c2-9fd8-f5e4db726c5e.tmp</t>
  </si>
  <si>
    <t>\\acsfs\profiles$\lucasgpe\Downloads\aa9c0394-1d87-49c2-9fd8-f5e4db726c5e.tmp</t>
  </si>
  <si>
    <t>01/16/2020 09:23:33</t>
  </si>
  <si>
    <t>01/16/2020 09:21:46</t>
  </si>
  <si>
    <t>01/16/2020 09:24:34</t>
  </si>
  <si>
    <t>01/16/2020 09:20:08</t>
  </si>
  <si>
    <t>01/16/2020 09:23:56</t>
  </si>
  <si>
    <t>01/16/2020 09:26:34</t>
  </si>
  <si>
    <t>f7783681-faf7-40f1-99b8-b59f5bd43a8d.tmp</t>
  </si>
  <si>
    <t>\\acsfs\profiles$\LUCASBS\Downloads\f7783681-faf7-40f1-99b8-b59f5bd43a8d.tmp</t>
  </si>
  <si>
    <t>01/16/2020 09:25:12</t>
  </si>
  <si>
    <t>058aae1c-4f29-47ca-b386-0c7b03552d0d.tmp</t>
  </si>
  <si>
    <t>\\acsfs\profiles$\isabellegtds\Downloads\058aae1c-4f29-47ca-b386-0c7b03552d0d.tmp</t>
  </si>
  <si>
    <t>01/16/2020 09:22:23</t>
  </si>
  <si>
    <t>01/16/2020 09:27:33</t>
  </si>
  <si>
    <t>36b956c6-6029-480e-b5cb-4c7265070cba.tmp</t>
  </si>
  <si>
    <t>\\acsfs\profiles$\inarajst\Downloads\36b956c6-6029-480e-b5cb-4c7265070cba.tmp</t>
  </si>
  <si>
    <t>01/16/2020 09:24:04</t>
  </si>
  <si>
    <t>3fd6ddcd-d4a6-4762-ad76-d5884804d208.tmp</t>
  </si>
  <si>
    <t>\\acsfs\profiles$\inarajst\Downloads\3fd6ddcd-d4a6-4762-ad76-d5884804d208.tmp</t>
  </si>
  <si>
    <t>01/16/2020 09:25:35</t>
  </si>
  <si>
    <t>Não confirmado 851697.crdownload</t>
  </si>
  <si>
    <t>\\acsfs\ACS\Gabriel da Silva\Contemporânea\NPS\NPS_Voz\Janeiro.20\Não confirmado 851697.crdownload</t>
  </si>
  <si>
    <t>01/16/2020 09:22:41</t>
  </si>
  <si>
    <t>0d924bc6-336c-4dfb-a342-0358328c8a33.tmp</t>
  </si>
  <si>
    <t>\\acsfs\profiles$\Angelicacldr\Downloads\0d924bc6-336c-4dfb-a342-0358328c8a33.tmp</t>
  </si>
  <si>
    <t>01/16/2020 09:25:18</t>
  </si>
  <si>
    <t>8dfde269-eb6d-42cd-8939-851eac2ad421.tmp</t>
  </si>
  <si>
    <t>\\acsfs\profiles$\marcosvnds\Downloads\8dfde269-eb6d-42cd-8939-851eac2ad421.tmp</t>
  </si>
  <si>
    <t>01/16/2020 09:26:37</t>
  </si>
  <si>
    <t>fa68076d-3ab9-4d40-8ca0-a0b1b90c1ce3.tmp</t>
  </si>
  <si>
    <t>\\acsfs\profiles$\marcosvnds\Downloads\fa68076d-3ab9-4d40-8ca0-a0b1b90c1ce3.tmp</t>
  </si>
  <si>
    <t>01/16/2020 09:26:58</t>
  </si>
  <si>
    <t>4b22eef4-c0a0-4e7e-8563-295750759e7a.tmp</t>
  </si>
  <si>
    <t>\\acsfs\profiles$\marcosvnds\Downloads\4b22eef4-c0a0-4e7e-8563-295750759e7a.tmp</t>
  </si>
  <si>
    <t>01/16/2020 09:23:55</t>
  </si>
  <si>
    <t>Reneg - Vcto 17-01-20 (1).xlsx</t>
  </si>
  <si>
    <t>\\acsfs\DEPTOS\Operacao\Banco_Votorantim\Comum\00 - COMUM - BV CARTÕES\EQUIPE ADILSON\Reneg\Reneg - Vcto 17-01-20 (1).xlsx</t>
  </si>
  <si>
    <t>01/16/2020 09:24:09</t>
  </si>
  <si>
    <t>Reneg - Vcto 17-01-20.xlsx</t>
  </si>
  <si>
    <t>\\acsfs\DEPTOS\Operacao\Banco_Votorantim\Comum\00 - COMUM - BV CARTÕES\EQUIPE ADILSON\Reneg\Reneg - Vcto 17-01-20.xlsx</t>
  </si>
  <si>
    <t>01/16/2020 09:26:54</t>
  </si>
  <si>
    <t>01/16/2020 09:26:24</t>
  </si>
  <si>
    <t>1466c72d-1bf7-41ea-ae97-e465e8045c3c.tmp</t>
  </si>
  <si>
    <t>\\acsfs\profiles$\claudiajca\Downloads\1466c72d-1bf7-41ea-ae97-e465e8045c3c.tmp</t>
  </si>
  <si>
    <t>01/16/2020 09:28:33</t>
  </si>
  <si>
    <t>01/16/2020 09:26:31</t>
  </si>
  <si>
    <t>mail.google.com/sync/u/0/i/s?hl=pt-BR&amp;c=566</t>
  </si>
  <si>
    <t>01/16/2020 09:27:03</t>
  </si>
  <si>
    <t>https://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t>
  </si>
  <si>
    <t>01/16/2020 09:25:03</t>
  </si>
  <si>
    <t>01/16/2020 09:29:33</t>
  </si>
  <si>
    <t>1e5a92cb-f186-4927-a9dc-c62fdbc40250.tmp</t>
  </si>
  <si>
    <t>\\acsfs\profiles$\lorrainerdl\Downloads\1e5a92cb-f186-4927-a9dc-c62fdbc40250.tmp</t>
  </si>
  <si>
    <t>01/16/2020 09:26:29</t>
  </si>
  <si>
    <t>01/16/2020 09:30:33</t>
  </si>
  <si>
    <t>01/16/2020 09:28:21</t>
  </si>
  <si>
    <t>9e5289b6-9fd4-4a4c-ae53-eb261d3d5e45.tmp</t>
  </si>
  <si>
    <t>\\acsfs\profiles$\Flaviojmm\Downloads\9e5289b6-9fd4-4a4c-ae53-eb261d3d5e45.tmp</t>
  </si>
  <si>
    <t>01/16/2020 09:29:40</t>
  </si>
  <si>
    <t>c4a47345-6bcb-4985-9f5e-baea58a60236.tmp</t>
  </si>
  <si>
    <t>\\acsfs\profiles$\Flaviojmm\Downloads\c4a47345-6bcb-4985-9f5e-baea58a60236.tmp</t>
  </si>
  <si>
    <t>01/16/2020 09:29:58</t>
  </si>
  <si>
    <t>01/16/2020 09:26:30</t>
  </si>
  <si>
    <t>lu230282can3n.tmp</t>
  </si>
  <si>
    <t>\\acsfs\profiles$\jalilebds\Downloads\lu230282can3n.tmp</t>
  </si>
  <si>
    <t>01/16/2020 09:30:22</t>
  </si>
  <si>
    <t>01/16/2020 09:30:23</t>
  </si>
  <si>
    <t>lu230282can3q.tmp</t>
  </si>
  <si>
    <t>\\acsfs\profiles$\jalilebds\Downloads\lu230282can3q.tmp</t>
  </si>
  <si>
    <t>01/16/2020 09:25:46</t>
  </si>
  <si>
    <t>01/16/2020 09:31:34</t>
  </si>
  <si>
    <t>01/16/2020 09:25:47</t>
  </si>
  <si>
    <t>01/16/2020 09:27:17</t>
  </si>
  <si>
    <t>lu97441stsg.tmp</t>
  </si>
  <si>
    <t>\\acsfs\profiles$\jonathanwap\lu97441stsg.tmp</t>
  </si>
  <si>
    <t>\\acsfs\profiles$\jonathanwap\lu97441stsg.tmp\</t>
  </si>
  <si>
    <t>\\acsfs\profiles$\jonathanwap\lu97441stsg.tmp\META-INF\</t>
  </si>
  <si>
    <t>\\acsfs\profiles$\jonathanwap\lu97441stsg.tmp\Thumbnails\</t>
  </si>
  <si>
    <t>01/16/2020 09:30:03</t>
  </si>
  <si>
    <t>669f73b7-b8c8-4a8a-840b-734dff4342ed.tmp</t>
  </si>
  <si>
    <t>\\acsfs\profiles$\ANAPDSB\Downloads\669f73b7-b8c8-4a8a-840b-734dff4342ed.tmp</t>
  </si>
  <si>
    <t>01/16/2020 09:30:56</t>
  </si>
  <si>
    <t>01/16/2020 09:28:00</t>
  </si>
  <si>
    <t>01/16/2020 09:32:33</t>
  </si>
  <si>
    <t>01/16/2020 09:27:27</t>
  </si>
  <si>
    <t>12c751d2-2def-4207-bd2c-b776edf41b6c.tmp</t>
  </si>
  <si>
    <t>\\acsfs\profiles$\marcosvnds\Downloads\12c751d2-2def-4207-bd2c-b776edf41b6c.tmp</t>
  </si>
  <si>
    <t>01/16/2020 09:27:39</t>
  </si>
  <si>
    <t>ce35260b-004a-4bf7-b0bb-cc9f06059ce6.tmp</t>
  </si>
  <si>
    <t>\\acsfs\profiles$\marcosvnds\Downloads\ce35260b-004a-4bf7-b0bb-cc9f06059ce6.tmp</t>
  </si>
  <si>
    <t>01/16/2020 09:27:42</t>
  </si>
  <si>
    <t>b51e816b-f363-4d9e-8125-149c9c69552e.tmp</t>
  </si>
  <si>
    <t>\\acsfs\profiles$\marcosvnds\Downloads\b51e816b-f363-4d9e-8125-149c9c69552e.tmp</t>
  </si>
  <si>
    <t>01/16/2020 09:28:49</t>
  </si>
  <si>
    <t>46ea6d79-0f05-4ff4-ba50-45b2269fbb8e.tmp</t>
  </si>
  <si>
    <t>\\acsfs\profiles$\claudiajca\Downloads\46ea6d79-0f05-4ff4-ba50-45b2269fbb8e.tmp</t>
  </si>
  <si>
    <t>01/16/2020 09:33:34</t>
  </si>
  <si>
    <t>01/16/2020 09:29:19</t>
  </si>
  <si>
    <t>01/16/2020 09:29:25</t>
  </si>
  <si>
    <t>mail.google.com/sync/u/0/i/s?hl=pt-BR&amp;c=573</t>
  </si>
  <si>
    <t>01/16/2020 09:31:13</t>
  </si>
  <si>
    <t>01/16/2020 09:31:19</t>
  </si>
  <si>
    <t>01/16/2020 09:31:30</t>
  </si>
  <si>
    <t>01/16/2020 09:31:33</t>
  </si>
  <si>
    <t>01/16/2020 09:32:08</t>
  </si>
  <si>
    <t>01/16/2020 09:32:11</t>
  </si>
  <si>
    <t>mail.google.com/sync/u/0/i/s?hl=pt-BR&amp;c=593</t>
  </si>
  <si>
    <t>01/16/2020 09:32:36</t>
  </si>
  <si>
    <t>01/16/2020 09:33:08</t>
  </si>
  <si>
    <t>01/16/2020 09:33:15</t>
  </si>
  <si>
    <t>01/16/2020 09:34:33</t>
  </si>
  <si>
    <t>01/16/2020 09:30:01</t>
  </si>
  <si>
    <t>b8a82a66-a755-42e0-8c56-e4942fbe6327.tmp</t>
  </si>
  <si>
    <t>\\acsfs\profiles$\nathaliarmr\Downloads\b8a82a66-a755-42e0-8c56-e4942fbe6327.tmp</t>
  </si>
  <si>
    <t>699b3fb9-11af-4e5a-b148-500d29e9e364.tmp</t>
  </si>
  <si>
    <t>\\acsfs\profiles$\nathaliarmr\Downloads\699b3fb9-11af-4e5a-b148-500d29e9e364.tmp</t>
  </si>
  <si>
    <t>01/16/2020 09:31:43</t>
  </si>
  <si>
    <t>e50929ea-a272-4d3a-87d9-2583ea11ac74.tmp</t>
  </si>
  <si>
    <t>\\acsfs\profiles$\nathaliarmr\Downloads\e50929ea-a272-4d3a-87d9-2583ea11ac74.tmp</t>
  </si>
  <si>
    <t>01/16/2020 09:30:54</t>
  </si>
  <si>
    <t>01/16/2020 09:30:57</t>
  </si>
  <si>
    <t>01/16/2020 09:35:34</t>
  </si>
  <si>
    <t>01/16/2020 09:35:07</t>
  </si>
  <si>
    <t>01/16/2020 09:36:33</t>
  </si>
  <si>
    <t>\\acsfs\profiles$\ADELVINSONLE\</t>
  </si>
  <si>
    <t>NOVA CONTAGEM DE VENDAS.txt</t>
  </si>
  <si>
    <t>\\acsfs\profiles$\ADELVINSONLE\NOVA CONTAGEM DE VENDAS.txt</t>
  </si>
  <si>
    <t>01/16/2020 09:31:26</t>
  </si>
  <si>
    <t>01/16/2020 09:31:56</t>
  </si>
  <si>
    <t>01/16/2020 09:33:57</t>
  </si>
  <si>
    <t>01/16/2020 09:34:26</t>
  </si>
  <si>
    <t>01/16/2020 09:34:56</t>
  </si>
  <si>
    <t>01/16/2020 09:35:26</t>
  </si>
  <si>
    <t>01/16/2020 09:33:06</t>
  </si>
  <si>
    <t>01/16/2020 09:34:50</t>
  </si>
  <si>
    <t>01/16/2020 09:37:34</t>
  </si>
  <si>
    <t>01/16/2020 09:34:51</t>
  </si>
  <si>
    <t>01/16/2020 09:34:52</t>
  </si>
  <si>
    <t>01/16/2020 09:34:53</t>
  </si>
  <si>
    <t>01/16/2020 09:34:54</t>
  </si>
  <si>
    <t>01/16/2020 09:34:55</t>
  </si>
  <si>
    <t>01/16/2020 09:34:57</t>
  </si>
  <si>
    <t>01/16/2020 09:34:58</t>
  </si>
  <si>
    <t>01/16/2020 09:32:24</t>
  </si>
  <si>
    <t>01/16/2020 09:34:59</t>
  </si>
  <si>
    <t>01/16/2020 09:35:00</t>
  </si>
  <si>
    <t>01/16/2020 09:35:01</t>
  </si>
  <si>
    <t>01/16/2020 09:35:02</t>
  </si>
  <si>
    <t>01/16/2020 09:35:03</t>
  </si>
  <si>
    <t>01/16/2020 09:35:04</t>
  </si>
  <si>
    <t>01/16/2020 09:35:06</t>
  </si>
  <si>
    <t>01/16/2020 09:35:08</t>
  </si>
  <si>
    <t>01/16/2020 09:35:09</t>
  </si>
  <si>
    <t>01/16/2020 09:35:10</t>
  </si>
  <si>
    <t>01/16/2020 09:35:11</t>
  </si>
  <si>
    <t>01/16/2020 09:35:13</t>
  </si>
  <si>
    <t>01/16/2020 09:35:14</t>
  </si>
  <si>
    <t>01/16/2020 09:35:15</t>
  </si>
  <si>
    <t>01/16/2020 09:35:16</t>
  </si>
  <si>
    <t>01/16/2020 09:35:17</t>
  </si>
  <si>
    <t>01/16/2020 09:36:20</t>
  </si>
  <si>
    <t>01/16/2020 09:38:33</t>
  </si>
  <si>
    <t>c579bc79-d822-42f1-bffb-7e75034508c0.tmp</t>
  </si>
  <si>
    <t>\\acsfs\profiles$\esterasg\Downloads\c579bc79-d822-42f1-bffb-7e75034508c0.tmp</t>
  </si>
  <si>
    <t>01/16/2020 09:34:28</t>
  </si>
  <si>
    <t>01/16/2020 09:35:33</t>
  </si>
  <si>
    <t>01/16/2020 09:35:44</t>
  </si>
  <si>
    <t>01/16/2020 09:35:49</t>
  </si>
  <si>
    <t>01/16/2020 09:35:55</t>
  </si>
  <si>
    <t>01/16/2020 09:36:00</t>
  </si>
  <si>
    <t>01/16/2020 09:36:05</t>
  </si>
  <si>
    <t>01/16/2020 09:37:39</t>
  </si>
  <si>
    <t>01/16/2020 09:37:48</t>
  </si>
  <si>
    <t>01/16/2020 09:37:58</t>
  </si>
  <si>
    <t>01/16/2020 09:39:34</t>
  </si>
  <si>
    <t>01/16/2020 09:40:33</t>
  </si>
  <si>
    <t>01/16/2020 09:40:02</t>
  </si>
  <si>
    <t>42e6ee90-5a9a-41df-b1ce-b6b952ac44a1.tmp</t>
  </si>
  <si>
    <t>\\acsfs\profiles$\mariajra\Downloads\42e6ee90-5a9a-41df-b1ce-b6b952ac44a1.tmp</t>
  </si>
  <si>
    <t>01/16/2020 09:38:38</t>
  </si>
  <si>
    <t>01/16/2020 09:41:34</t>
  </si>
  <si>
    <t>XLOG_marcosvnds_16012020_093431.log</t>
  </si>
  <si>
    <t>\\acsfs\profiles$\marcosvnds\My Documents\xworkcenter\logs\XLOG_marcosvnds_16012020_093431.log</t>
  </si>
  <si>
    <t>01/16/2020 09:35:51</t>
  </si>
  <si>
    <t>f23ca048-4e4a-4051-9d15-993794a80312.tmp</t>
  </si>
  <si>
    <t>\\acsfs\profiles$\LAISLG\Downloads\f23ca048-4e4a-4051-9d15-993794a80312.tmp</t>
  </si>
  <si>
    <t>01/16/2020 09:36:29</t>
  </si>
  <si>
    <t>8f56a826-d618-42b0-9e1d-66c00279cbfc.tmp</t>
  </si>
  <si>
    <t>\\acsfs\profiles$\LAISLG\Downloads\8f56a826-d618-42b0-9e1d-66c00279cbfc.tmp</t>
  </si>
  <si>
    <t>01/16/2020 09:37:20</t>
  </si>
  <si>
    <t>046de31b-d720-4cd8-8b82-2a052b5072b4.tmp</t>
  </si>
  <si>
    <t>\\acsfs\profiles$\gabrielhca\Downloads\046de31b-d720-4cd8-8b82-2a052b5072b4.tmp</t>
  </si>
  <si>
    <t>01/16/2020 09:39:01</t>
  </si>
  <si>
    <t>10.200.66.149</t>
  </si>
  <si>
    <t>fd283c45-bd13-431b-a0be-965c77cafe32.tmp</t>
  </si>
  <si>
    <t>\\acsfs\profiles$\jhonatadss\Downloads\fd283c45-bd13-431b-a0be-965c77cafe32.tmp</t>
  </si>
  <si>
    <t>01/16/2020 09:38:14</t>
  </si>
  <si>
    <t>aaab46db-435d-45b6-abee-4e159b536cbf.tmp</t>
  </si>
  <si>
    <t>\\acsfs\profiles$\adelvinsonle\Downloads\aaab46db-435d-45b6-abee-4e159b536cbf.tmp</t>
  </si>
  <si>
    <t>01/16/2020 09:38:28</t>
  </si>
  <si>
    <t>01/16/2020 09:39:27</t>
  </si>
  <si>
    <t>b0511e3e-367a-487d-8fc2-9aac01b80687.tmp</t>
  </si>
  <si>
    <t>\\acsfs\profiles$\adelvinsonle\Downloads\b0511e3e-367a-487d-8fc2-9aac01b80687.tmp</t>
  </si>
  <si>
    <t>01/16/2020 09:39:57</t>
  </si>
  <si>
    <t>01/16/2020 09:40:27</t>
  </si>
  <si>
    <t>01/16/2020 09:40:57</t>
  </si>
  <si>
    <t>01/16/2020 09:38:53</t>
  </si>
  <si>
    <t>C:\Users\josiascdsj\Downloads\</t>
  </si>
  <si>
    <t>BD ALGAR TECH - JANEIRO - 2020.xlsx</t>
  </si>
  <si>
    <t>\\acsfs\DEPTOS\Operacao\PCP\5 - Comum\PLANEJAMENTO BV\22 - BANCO DE DADOS BV\CARTÕES\BD ALGAR TECH - JANEIRO - 2020.xlsx</t>
  </si>
  <si>
    <t>01/16/2020 09:38:54</t>
  </si>
  <si>
    <t>\\acsfs\DEPTOS\Operacao\PCP\5 - Comum\PLANEJAMENTO BV\22 - BANCO DE DADOS BV\CARTÕES\BD ALGAR TECH - JANEIRO - 2020.xlsx\</t>
  </si>
  <si>
    <t>\\acsfs\DEPTOS\Operacao\PCP\5 - Comum\PLANEJAMENTO BV\22 - BANCO DE DADOS BV\CARTÕES\BD ALGAR TECH - JANEIRO - 2020.xlsx\:Zone.Identifier:$DATA</t>
  </si>
  <si>
    <t>01/16/2020 09:40:53</t>
  </si>
  <si>
    <t>100014299414656;joaogvc@algartech.com;leonardoao@algartech.com;marianadjc@algartech.com;paulacn@algartech.com;rafaelggs@algartech.com;ricardodfm@algartech.com.br;taysdss@algartech.com;thiagordu@algartech.com;viniciussg@algartech.com;</t>
  </si>
  <si>
    <t>https://100014299414656,joaogvc@algartech.com,leonardoao@algartech.com,marianadjc@algartech.com,paulacn@algartech.com,rafaelggs@algartech.com,ricardodfm@algartech.com.br,taysdss@algartech.com,thiagordu@algartech.com,viniciussg@algartech.com</t>
  </si>
  <si>
    <t>01/16/2020 09:38:36</t>
  </si>
  <si>
    <t>01/16/2020 09:41:14</t>
  </si>
  <si>
    <t>01/16/2020 09:42:34</t>
  </si>
  <si>
    <t>84df9c01-90ed-419d-ae04-57595b94843c.tmp</t>
  </si>
  <si>
    <t>\\acsfs\profiles$\geovannasm\Downloads\84df9c01-90ed-419d-ae04-57595b94843c.tmp</t>
  </si>
  <si>
    <t>01/16/2020 09:40:06</t>
  </si>
  <si>
    <t>\\acsfs\ACS\Gabriel da Silva\Contemporânea\NPS\2EFED59.tmp\</t>
  </si>
  <si>
    <t>\\acsfs\ACS\Gabriel da Silva\Contemporânea\NPS\2EFED59.tmp\:Zone.Identifier:$DATA</t>
  </si>
  <si>
    <t>01/16/2020 09:40:11</t>
  </si>
  <si>
    <t>01/16/2020 09:41:54</t>
  </si>
  <si>
    <t>\\acsfs\ACS\Gabriel da Silva\Contemporânea\NPS\B19D6184.tmp\</t>
  </si>
  <si>
    <t>\\acsfs\ACS\Gabriel da Silva\Contemporânea\NPS\B19D6184.tmp\:Zone.Identifier:$DATA</t>
  </si>
  <si>
    <t>01/16/2020 09:39:20</t>
  </si>
  <si>
    <t>01/16/2020 09:43:11</t>
  </si>
  <si>
    <t>01/16/2020 09:44:34</t>
  </si>
  <si>
    <t>01/16/2020 09:43:13</t>
  </si>
  <si>
    <t>01/16/2020 09:43:18</t>
  </si>
  <si>
    <t>01/16/2020 09:39:54</t>
  </si>
  <si>
    <t>01/16/2020 09:40:00</t>
  </si>
  <si>
    <t>01/16/2020 09:40:08</t>
  </si>
  <si>
    <t>01/16/2020 09:40:14</t>
  </si>
  <si>
    <t>01/16/2020 09:40:40</t>
  </si>
  <si>
    <t>01/16/2020 09:40:55</t>
  </si>
  <si>
    <t>01/16/2020 09:46:34</t>
  </si>
  <si>
    <t>afb48293-f229-4dc2-beb8-50673ea66b59.tmp</t>
  </si>
  <si>
    <t>\\acsfs\profiles$\marcosvnds\Downloads\afb48293-f229-4dc2-beb8-50673ea66b59.tmp</t>
  </si>
  <si>
    <t>01/16/2020 09:43:15</t>
  </si>
  <si>
    <t>222fa772-febd-48f2-9f54-6a7bdfdaa48f.tmp</t>
  </si>
  <si>
    <t>\\acsfs\profiles$\marcosvnds\Downloads\222fa772-febd-48f2-9f54-6a7bdfdaa48f.tmp</t>
  </si>
  <si>
    <t>01/16/2020 09:41:30</t>
  </si>
  <si>
    <t>c98fd215-dfa3-4393-89ac-c865e4ed1611.tmp</t>
  </si>
  <si>
    <t>\\acsfs\profiles$\jhonatadss\Downloads\c98fd215-dfa3-4393-89ac-c865e4ed1611.tmp</t>
  </si>
  <si>
    <t>01/16/2020 09:41:33</t>
  </si>
  <si>
    <t>01/16/2020 09:41:27</t>
  </si>
  <si>
    <t>01/16/2020 09:41:57</t>
  </si>
  <si>
    <t>01/16/2020 09:42:27</t>
  </si>
  <si>
    <t>01/16/2020 09:44:27</t>
  </si>
  <si>
    <t>01/16/2020 09:44:57</t>
  </si>
  <si>
    <t>01/16/2020 09:44:22</t>
  </si>
  <si>
    <t>01/16/2020 09:45:09</t>
  </si>
  <si>
    <t>01/16/2020 09:45:33</t>
  </si>
  <si>
    <t>01/16/2020 09:44:36</t>
  </si>
  <si>
    <t>01/16/2020 09:47:34</t>
  </si>
  <si>
    <t>01/16/2020 09:41:59</t>
  </si>
  <si>
    <t>01/16/2020 09:42:19</t>
  </si>
  <si>
    <t>01/16/2020 09:44:30</t>
  </si>
  <si>
    <t>\\acsfs\ACS\Gabriel da Silva\Contemporânea\NPS\A962FAB6.tmp\</t>
  </si>
  <si>
    <t>\\acsfs\ACS\Gabriel da Silva\Contemporânea\NPS\A962FAB6.tmp\:Zone.Identifier:$DATA</t>
  </si>
  <si>
    <t>01/16/2020 09:44:42</t>
  </si>
  <si>
    <t>01/16/2020 09:45:27</t>
  </si>
  <si>
    <t>01/16/2020 09:45:44</t>
  </si>
  <si>
    <t>01/16/2020 09:46:48</t>
  </si>
  <si>
    <t>01/16/2020 09:46:51</t>
  </si>
  <si>
    <t>01/16/2020 09:46:56</t>
  </si>
  <si>
    <t>01/16/2020 09:43:29</t>
  </si>
  <si>
    <t>01/16/2020 09:48:34</t>
  </si>
  <si>
    <t>kezia.santos@mutantbr.com;</t>
  </si>
  <si>
    <t>kezia.santos@mutantbr.com</t>
  </si>
  <si>
    <t>01/16/2020 09:43:52</t>
  </si>
  <si>
    <t>01/16/2020 09:44:06</t>
  </si>
  <si>
    <t>01/16/2020 09:44:14</t>
  </si>
  <si>
    <t>01/16/2020 09:44:26</t>
  </si>
  <si>
    <t>kesiadof@algartech.com;</t>
  </si>
  <si>
    <t>01/16/2020 09:44:33</t>
  </si>
  <si>
    <t>01/16/2020 09:44:43</t>
  </si>
  <si>
    <t>01/16/2020 09:45:05</t>
  </si>
  <si>
    <t>01/16/2020 09:45:08</t>
  </si>
  <si>
    <t>01/16/2020 09:45:13</t>
  </si>
  <si>
    <t>01/16/2020 09:45:16</t>
  </si>
  <si>
    <t>01/16/2020 09:45:58</t>
  </si>
  <si>
    <t>01/16/2020 09:46:20</t>
  </si>
  <si>
    <t>01/16/2020 09:46:24</t>
  </si>
  <si>
    <t>01/16/2020 09:46:37</t>
  </si>
  <si>
    <t>01/16/2020 09:46:50</t>
  </si>
  <si>
    <t>01/16/2020 09:47:08</t>
  </si>
  <si>
    <t>01/16/2020 09:47:23</t>
  </si>
  <si>
    <t>01/16/2020 09:45:40</t>
  </si>
  <si>
    <t>01/16/2020 09:49:34</t>
  </si>
  <si>
    <t>10.200.58.22</t>
  </si>
  <si>
    <t>74-86-7A-FE-0E-04</t>
  </si>
  <si>
    <t>VOTORANT-AB013</t>
  </si>
  <si>
    <t>01/16/2020 09:46:28</t>
  </si>
  <si>
    <t>1535f626-41e6-475d-a0d1-b1287a0bbbd3.tmp</t>
  </si>
  <si>
    <t>\\acsfs\profiles$\leticiala\Downloads\1535f626-41e6-475d-a0d1-b1287a0bbbd3.tmp</t>
  </si>
  <si>
    <t>01/16/2020 09:46:05</t>
  </si>
  <si>
    <t>ccb6c913-f757-4daa-bc49-468f2f4bb1fe.tmp</t>
  </si>
  <si>
    <t>\\acsfs\profiles$\nathaliarmr\Downloads\ccb6c913-f757-4daa-bc49-468f2f4bb1fe.tmp</t>
  </si>
  <si>
    <t>01/16/2020 09:47:58</t>
  </si>
  <si>
    <t>01/16/2020 09:50:34</t>
  </si>
  <si>
    <t>c5720bdf-515d-42b6-8b14-89516d1dceb8.tmp</t>
  </si>
  <si>
    <t>\\acsfs\profiles$\ayalabfi\Downloads\c5720bdf-515d-42b6-8b14-89516d1dceb8.tmp</t>
  </si>
  <si>
    <t>01/16/2020 09:51:34</t>
  </si>
  <si>
    <t>01/16/2020 09:49:53</t>
  </si>
  <si>
    <t>01/16/2020 09:48:06</t>
  </si>
  <si>
    <t>de599452-6c55-40bf-9e48-29340a4672e7.tmp</t>
  </si>
  <si>
    <t>\\acsfs\profiles$\gabriellalpr\Downloads\de599452-6c55-40bf-9e48-29340a4672e7.tmp</t>
  </si>
  <si>
    <t>01/16/2020 09:47:57</t>
  </si>
  <si>
    <t>01/16/2020 09:48:27</t>
  </si>
  <si>
    <t>01/16/2020 09:48:57</t>
  </si>
  <si>
    <t>01/16/2020 09:49:27</t>
  </si>
  <si>
    <t>01/16/2020 09:49:37</t>
  </si>
  <si>
    <t>01/16/2020 09:49:56</t>
  </si>
  <si>
    <t>01/16/2020 09:50:18</t>
  </si>
  <si>
    <t>01/16/2020 09:51:35</t>
  </si>
  <si>
    <t>01/16/2020 09:52:34</t>
  </si>
  <si>
    <t>713b036b-8fbf-497f-a3b4-23c5132e4090.tmp</t>
  </si>
  <si>
    <t>\\acsfs\profiles$\geovannasm\Downloads\713b036b-8fbf-497f-a3b4-23c5132e4090.tmp</t>
  </si>
  <si>
    <t>01/16/2020 09:50:01</t>
  </si>
  <si>
    <t>2cd6a0a8-2da1-401c-afb0-8432c351382f.tmp</t>
  </si>
  <si>
    <t>\\acsfs\profiles$\monicargds\Downloads\2cd6a0a8-2da1-401c-afb0-8432c351382f.tmp</t>
  </si>
  <si>
    <t>01/16/2020 09:48:19</t>
  </si>
  <si>
    <t>lu2733221pjuw.tmp</t>
  </si>
  <si>
    <t>\\acsfs\profiles$\RAFAELRF\meu\lu2733221pjuw.tmp</t>
  </si>
  <si>
    <t>01/16/2020 09:47:20</t>
  </si>
  <si>
    <t>01/16/2020 09:47:21</t>
  </si>
  <si>
    <t>01/16/2020 09:47:33</t>
  </si>
  <si>
    <t>01/16/2020 09:47:48</t>
  </si>
  <si>
    <t>01/16/2020 09:48:10</t>
  </si>
  <si>
    <t>mail.google.com/sync/u/0/i/s?hl=pt-BR&amp;c=338</t>
  </si>
  <si>
    <t>01/16/2020 09:48:13</t>
  </si>
  <si>
    <t>mail.google.com/sync/u/0/i/s?hl=pt-BR&amp;c=340</t>
  </si>
  <si>
    <t>15/01/2020;bvcartes-supervisores@algarnet.onmicrosoft.com;thiagordu@algartech.com;</t>
  </si>
  <si>
    <t>15/01/2020,bvcartes-supervisores@algarnet.onmicrosoft.com,thiagordu@algartech.com</t>
  </si>
  <si>
    <t>01/16/2020 09:48:44</t>
  </si>
  <si>
    <t>01/16/2020 09:48:54</t>
  </si>
  <si>
    <t>01/16/2020 09:48:56</t>
  </si>
  <si>
    <t>01/16/2020 09:49:38</t>
  </si>
  <si>
    <t>01/16/2020 09:47:54</t>
  </si>
  <si>
    <t>01/16/2020 09:53:34</t>
  </si>
  <si>
    <t>01/16/2020 09:48:07</t>
  </si>
  <si>
    <t>01/16/2020 09:48:11</t>
  </si>
  <si>
    <t>01/16/2020 09:48:16</t>
  </si>
  <si>
    <t>01/16/2020 09:48:31</t>
  </si>
  <si>
    <t>01/16/2020 09:48:38</t>
  </si>
  <si>
    <t>01/16/2020 09:49:08</t>
  </si>
  <si>
    <t>01/16/2020 09:49:25</t>
  </si>
  <si>
    <t>01/16/2020 09:49:39</t>
  </si>
  <si>
    <t>01/16/2020 09:49:48</t>
  </si>
  <si>
    <t>01/16/2020 09:50:12</t>
  </si>
  <si>
    <t>01/16/2020 09:49:14</t>
  </si>
  <si>
    <t>01/16/2020 09:54:34</t>
  </si>
  <si>
    <t>01/16/2020 09:49:47</t>
  </si>
  <si>
    <t>01/16/2020 09:49:49</t>
  </si>
  <si>
    <t>01/16/2020 09:52:03</t>
  </si>
  <si>
    <t>aaa24c65-6263-42e7-9bef-e32b8cc42317.tmp</t>
  </si>
  <si>
    <t>\\acsfs\profiles$\lorenabmc\Downloads\aaa24c65-6263-42e7-9bef-e32b8cc42317.tmp</t>
  </si>
  <si>
    <t>01/16/2020 09:51:13</t>
  </si>
  <si>
    <t>1d7341d3-d7bb-45cd-95bd-b0391e7ba4e1.tmp</t>
  </si>
  <si>
    <t>\\acsfs\profiles$\PEDROHAB\Downloads\1d7341d3-d7bb-45cd-95bd-b0391e7ba4e1.tmp</t>
  </si>
  <si>
    <t>01/16/2020 09:50:36</t>
  </si>
  <si>
    <t>c80398d3-5677-40f8-bc13-792ccb10b394.tmp</t>
  </si>
  <si>
    <t>\\acsfs\profiles$\danielac\Downloads\c80398d3-5677-40f8-bc13-792ccb10b394.tmp</t>
  </si>
  <si>
    <t>01/16/2020 09:50:45</t>
  </si>
  <si>
    <t>2370e53c-7519-40ba-82e2-09238e9b470b.tmp</t>
  </si>
  <si>
    <t>\\acsfs\profiles$\danielac\Downloads\2370e53c-7519-40ba-82e2-09238e9b470b.tmp</t>
  </si>
  <si>
    <t>01/16/2020 09:51:51</t>
  </si>
  <si>
    <t>01/16/2020 09:55:34</t>
  </si>
  <si>
    <t>.~lock.Reneg Vcto 17-01 Flavio.ods#</t>
  </si>
  <si>
    <t>\\acsfs\profiles$\Flaviojmm\My Documents\.~lock.Reneg Vcto 17-01 Flavio.ods#</t>
  </si>
  <si>
    <t>01/16/2020 09:51:57</t>
  </si>
  <si>
    <t>lu156202imcb3.tmp</t>
  </si>
  <si>
    <t>\\acsfs\profiles$\Flaviojmm\My Documents\lu156202imcb3.tmp</t>
  </si>
  <si>
    <t>\\acsfs\profiles$\Flaviojmm\My Documents\lu156202imcb3.tmp\</t>
  </si>
  <si>
    <t>\\acsfs\profiles$\Flaviojmm\My Documents\lu156202imcb3.tmp\META-INF\</t>
  </si>
  <si>
    <t>\\acsfs\profiles$\Flaviojmm\My Documents\lu156202imcb3.tmp\Thumbnails\</t>
  </si>
  <si>
    <t>01/16/2020 09:53:49</t>
  </si>
  <si>
    <t>01/16/2020 09:56:34</t>
  </si>
  <si>
    <t>76eaf2c3-8eb0-45f8-8788-75c88a712715.tmp</t>
  </si>
  <si>
    <t>\\acsfs\profiles$\jhonatadss\Downloads\76eaf2c3-8eb0-45f8-8788-75c88a712715.tmp</t>
  </si>
  <si>
    <t>01/16/2020 09:54:31</t>
  </si>
  <si>
    <t>f1df973c-576d-4f2b-952a-47c769ed9892.tmp</t>
  </si>
  <si>
    <t>\\acsfs\profiles$\jhonatadss\Downloads\f1df973c-576d-4f2b-952a-47c769ed9892.tmp</t>
  </si>
  <si>
    <t>01/16/2020 09:54:35</t>
  </si>
  <si>
    <t>39e251d6-ec20-4fb9-a2c2-3ccead357f5f.tmp</t>
  </si>
  <si>
    <t>\\acsfs\profiles$\jhonatadss\Downloads\39e251d6-ec20-4fb9-a2c2-3ccead357f5f.tmp</t>
  </si>
  <si>
    <t>01/16/2020 09:55:57</t>
  </si>
  <si>
    <t>01/16/2020 09:55:37</t>
  </si>
  <si>
    <t>01/16/2020 09:57:34</t>
  </si>
  <si>
    <t>01/16/2020 09:55:18</t>
  </si>
  <si>
    <t>6d93da26-18f5-4ebb-ac45-62aca15502ab.tmp</t>
  </si>
  <si>
    <t>\\acsfs\profiles$\kamilamrc\Downloads\6d93da26-18f5-4ebb-ac45-62aca15502ab.tmp</t>
  </si>
  <si>
    <t>01/16/2020 09:55:53</t>
  </si>
  <si>
    <t>b6e9565f-1e4b-48b7-b718-1991c57272fa.tmp</t>
  </si>
  <si>
    <t>\\acsfs\profiles$\kamilamrc\Downloads\b6e9565f-1e4b-48b7-b718-1991c57272fa.tmp</t>
  </si>
  <si>
    <t>01/16/2020 09:56:57</t>
  </si>
  <si>
    <t>02b7c1c6-d540-4c74-8ae2-ae3b2ba8c7cd.tmp</t>
  </si>
  <si>
    <t>\\acsfs\profiles$\kamilamrc\Downloads\02b7c1c6-d540-4c74-8ae2-ae3b2ba8c7cd.tmp</t>
  </si>
  <si>
    <t>01/16/2020 09:56:41</t>
  </si>
  <si>
    <t>https://udpwfmniceap02/pt_br/web/guest/home?p_auth=2u9gxqhd&amp;p_p_id=58&amp;p_p_lifecycle=1&amp;p_p_state=maximized&amp;p_p_mode=view&amp;savelastpath=0&amp;_58_struts_action=/login/forgot_password</t>
  </si>
  <si>
    <t>01/16/2020 09:56:53</t>
  </si>
  <si>
    <t>01/16/2020 09:54:30</t>
  </si>
  <si>
    <t>01/16/2020 09:54:37</t>
  </si>
  <si>
    <t>01/16/2020 09:55:02</t>
  </si>
  <si>
    <t>01/16/2020 09:55:19</t>
  </si>
  <si>
    <t>01/16/2020 09:55:27</t>
  </si>
  <si>
    <t>01/16/2020 09:57:13</t>
  </si>
  <si>
    <t>01/16/2020 09:57:19</t>
  </si>
  <si>
    <t>9f147efe-b4c7-4c9a-b7da-edc9e50c3b82.tmp</t>
  </si>
  <si>
    <t>\\acsfs\profiles$\vivianealda\Downloads\9f147efe-b4c7-4c9a-b7da-edc9e50c3b82.tmp</t>
  </si>
  <si>
    <t>01/16/2020 09:56:08</t>
  </si>
  <si>
    <t>55396626-d9cf-474e-885a-640b054ad7d1.tmp</t>
  </si>
  <si>
    <t>\\acsfs\profiles$\gabrielafs\Downloads\55396626-d9cf-474e-885a-640b054ad7d1.tmp</t>
  </si>
  <si>
    <t>926a7bb3-41da-4179-a2ac-0e05ece01fab.tmp</t>
  </si>
  <si>
    <t>\\acsfs\profiles$\gabrielafs\Downloads\926a7bb3-41da-4179-a2ac-0e05ece01fab.tmp</t>
  </si>
  <si>
    <t>b742fce1-bb3b-4ec3-a70f-07750cad9025.tmp</t>
  </si>
  <si>
    <t>\\acsfs\profiles$\gabrielafs\Downloads\b742fce1-bb3b-4ec3-a70f-07750cad9025.tmp</t>
  </si>
  <si>
    <t>01/16/2020 09:56:09</t>
  </si>
  <si>
    <t>389c27e8-8b79-4a6c-b984-90d9a3227c0f.tmp</t>
  </si>
  <si>
    <t>\\acsfs\profiles$\gabrielafs\Downloads\389c27e8-8b79-4a6c-b984-90d9a3227c0f.tmp</t>
  </si>
  <si>
    <t>01/16/2020 09:54:19</t>
  </si>
  <si>
    <t>01/16/2020 09:59:34</t>
  </si>
  <si>
    <t>mirianppb</t>
  </si>
  <si>
    <t>.~lock.SCHEDULE_FINANCEIRA_Dezembro.xlsx#</t>
  </si>
  <si>
    <t>\\acsfs\DEPTOS\EDUCACAO EMPRESARIAL\2 - Operações\0 - BV\5 - QUALIDADE\Nova pasta\.~lock.SCHEDULE_FINANCEIRA_Dezembro.xlsx#</t>
  </si>
  <si>
    <t>01/16/2020 09:55:07</t>
  </si>
  <si>
    <t>2d9fa54d-e624-4fdd-b191-4bd4a043b10c.tmp</t>
  </si>
  <si>
    <t>\\acsfs\profiles$\lorenabmc\Downloads\2d9fa54d-e624-4fdd-b191-4bd4a043b10c.tmp</t>
  </si>
  <si>
    <t>01/16/2020 09:58:01</t>
  </si>
  <si>
    <t>\\acsfs\ACS\001 - Qualidade Lilian\ELIANE\</t>
  </si>
  <si>
    <t>oi.txt</t>
  </si>
  <si>
    <t>\\acsfs\ACS\001 - Qualidade Lilian\ELIANE\oi.txt</t>
  </si>
  <si>
    <t>01/16/2020 09:57:24</t>
  </si>
  <si>
    <t>01/16/2020 10:00:34</t>
  </si>
  <si>
    <t>8a6a84b3-a0ac-4895-9599-0a0adb30ff55.tmp</t>
  </si>
  <si>
    <t>\\acsfs\profiles$\matheushds\Downloads\8a6a84b3-a0ac-4895-9599-0a0adb30ff55.tmp</t>
  </si>
  <si>
    <t>01/16/2020 09:58:40</t>
  </si>
  <si>
    <t>d64bcf57-027a-4788-a2f1-eed6a676401c.tmp</t>
  </si>
  <si>
    <t>\\acsfs\profiles$\matheushds\Downloads\d64bcf57-027a-4788-a2f1-eed6a676401c.tmp</t>
  </si>
  <si>
    <t>01/16/2020 09:59:01</t>
  </si>
  <si>
    <t>9afe2201-9f23-4007-99a3-d5cb5a32e1a4.tmp</t>
  </si>
  <si>
    <t>\\acsfs\profiles$\matheushds\Downloads\9afe2201-9f23-4007-99a3-d5cb5a32e1a4.tmp</t>
  </si>
  <si>
    <t>01/16/2020 09:59:45</t>
  </si>
  <si>
    <t>96db7c76-e8ff-4607-ae6f-e8cc307e5e42.tmp</t>
  </si>
  <si>
    <t>\\acsfs\profiles$\matheushds\Downloads\96db7c76-e8ff-4607-ae6f-e8cc307e5e42.tmp</t>
  </si>
  <si>
    <t>01/16/2020 09:56:27</t>
  </si>
  <si>
    <t>01/16/2020 09:56:28</t>
  </si>
  <si>
    <t>lu230282can3y.tmp</t>
  </si>
  <si>
    <t>\\acsfs\profiles$\jalilebds\Downloads\lu230282can3y.tmp</t>
  </si>
  <si>
    <t>01/16/2020 09:57:28</t>
  </si>
  <si>
    <t>01/16/2020 10:01:34</t>
  </si>
  <si>
    <t>01/16/2020 09:57:58</t>
  </si>
  <si>
    <t>01/16/2020 09:58:28</t>
  </si>
  <si>
    <t>01/16/2020 09:59:58</t>
  </si>
  <si>
    <t>01/16/2020 10:00:28</t>
  </si>
  <si>
    <t>01/16/2020 10:00:58</t>
  </si>
  <si>
    <t>01/16/2020 09:56:19</t>
  </si>
  <si>
    <t>01/16/2020 09:57:03</t>
  </si>
  <si>
    <t>01/16/2020 09:58:45</t>
  </si>
  <si>
    <t>https://100014123564284,joaogvc@algartech.com,leonardoao@algartech.com,marianadjc@algartech.com,paulacn@algartech.com,rafaelggs@algartech.com,ricardodfm@algartech.com.br,taysdss@algartech.com,thiagordu@algartech.com,viniciussg@algartech.com</t>
  </si>
  <si>
    <t>01/16/2020 10:02:34</t>
  </si>
  <si>
    <t>01/16/2020 09:58:04</t>
  </si>
  <si>
    <t>Não confirmado 871875.crdownload</t>
  </si>
  <si>
    <t>\\acsfs\ACS\Gabriel da Silva\Contemporânea\Gen\Não confirmado 871875.crdownload</t>
  </si>
  <si>
    <t>01/16/2020 09:58:00</t>
  </si>
  <si>
    <t>f54fa400-0e11-4b5d-90c0-ee2af6dd64d9.tmp</t>
  </si>
  <si>
    <t>\\acsfs\profiles$\kamilamrc\Downloads\f54fa400-0e11-4b5d-90c0-ee2af6dd64d9.tmp</t>
  </si>
  <si>
    <t>01/16/2020 09:58:05</t>
  </si>
  <si>
    <t>9025ae54-88dc-465b-a362-119ff791028f.tmp</t>
  </si>
  <si>
    <t>\\acsfs\profiles$\kamilamrc\Downloads\9025ae54-88dc-465b-a362-119ff791028f.tmp</t>
  </si>
  <si>
    <t>01/16/2020 09:58:09</t>
  </si>
  <si>
    <t>9b1cd722-2c0d-47d5-84d5-e5577776cec3.tmp</t>
  </si>
  <si>
    <t>\\acsfs\profiles$\kamilamrc\Downloads\9b1cd722-2c0d-47d5-84d5-e5577776cec3.tmp</t>
  </si>
  <si>
    <t>01/16/2020 09:58:27</t>
  </si>
  <si>
    <t>https://udpwfmniceap02/web/guest/home?p_auth=2u9gxqhd&amp;p_p_id=58&amp;p_p_lifecycle=1&amp;p_p_state=maximized&amp;p_p_mode=view&amp;savelastpath=0&amp;_58_struts_action=/login/forgot_password</t>
  </si>
  <si>
    <t>01/16/2020 09:57:38</t>
  </si>
  <si>
    <t>01/16/2020 10:01:19</t>
  </si>
  <si>
    <t>01/16/2020 09:58:26</t>
  </si>
  <si>
    <t>01/16/2020 10:03:34</t>
  </si>
  <si>
    <t>01/16/2020 09:58:55</t>
  </si>
  <si>
    <t>\\acsfs\Deptos\EDUCACAO EMPRESARIAL\KÉSIA\CASO 00819553 - RIVANETH DOS SANTOS.docx\</t>
  </si>
  <si>
    <t>\\acsfs\Deptos\EDUCACAO EMPRESARIAL\KÉSIA\CASO 00819553 - RIVANETH DOS SANTOS.docx</t>
  </si>
  <si>
    <t>CASO 00819553 - RIVANETH DOS SANTOS.docx</t>
  </si>
  <si>
    <t>01/16/2020 09:59:15</t>
  </si>
  <si>
    <t>CASO 00819553 - RIVANETH DOS SANTOS.pdf</t>
  </si>
  <si>
    <t>\\acsfs\Deptos\EDUCACAO EMPRESARIAL\KÉSIA\OUVIDORIA, PROCON, BACEN E RECLAME AQUI\CASO 00819553 - RIVANETH DOS SANTOS.pdf</t>
  </si>
  <si>
    <t>01/16/2020 10:00:43</t>
  </si>
  <si>
    <t>mail.google.com/sync/u/0/i/s?hl=pt-BR&amp;c=7</t>
  </si>
  <si>
    <t>bvs-centralcartoes@bv.com.br;cintia.souza-domingues@dxc.com;eduardo.santana@bv.com.br;fernandaab@algartech.com;fernandorsju@algartech.com;talmaiardo@algartech.com;thiagordu@algartech.com;</t>
  </si>
  <si>
    <t>bvs-centralcartoes@bv.com.br,cintia.souza-domingues@dxc.com,eduardo.santana@bv.com.br,fernandaab@algartech.com,fernandorsju@algartech.com,talmaiardo@algartech.com,thiagordu@algartech.com</t>
  </si>
  <si>
    <t>01/16/2020 10:00:45</t>
  </si>
  <si>
    <t>mail.google.com/sync/u/0/i/s?hl=pt-BR&amp;c=9</t>
  </si>
  <si>
    <t>bvs-centralcartoes@bv.com.br;cintia.souza-domingues@dxc.com;eduardo.santana@bv.com.br;fernandaab@algartech.com;fernandorsju@algartech.com;lilianls@algartech.com;suportebv@mutantbr.com;talmaiardo@algartech.com;tatiane.biassi@mutantbr.com;thiagordu@algartech.com;</t>
  </si>
  <si>
    <t>bvs-centralcartoes@bv.com.br,cintia.souza-domingues@dxc.com,eduardo.santana@bv.com.br,fernandaab@algartech.com,fernandorsju@algartech.com,lilianls@algartech.com,suportebv@mutantbr.com,talmaiardo@algartech.com,tatiane.biassi@mutantbr.com,thiagordu@algartech.com</t>
  </si>
  <si>
    <t>01/16/2020 10:00:59</t>
  </si>
  <si>
    <t>01/16/2020 10:01:07</t>
  </si>
  <si>
    <t>01/16/2020 10:01:24</t>
  </si>
  <si>
    <t>01/16/2020 10:01:27</t>
  </si>
  <si>
    <t>01/16/2020 10:01:37</t>
  </si>
  <si>
    <t>01/16/2020 10:01:59</t>
  </si>
  <si>
    <t>01/16/2020 10:02:02</t>
  </si>
  <si>
    <t>01/16/2020 10:02:46</t>
  </si>
  <si>
    <t>bvs-centralcartoes@bv.com.br;cintia.souza-domingues@dxc.com;eduardo.santana@bv.com.br;fernandaab@algartech.com;fernandorsju@algartech.com;larisacc@algartech.com;lilianls@algartech.com;marianerdo@algartech.com;suportebv@mutantbr.com;talmaiardo@algartech.com;tatiane.biassi@mutantbr.com;thiagordu@algartech.com;</t>
  </si>
  <si>
    <t>bvs-centralcartoes@bv.com.br,cintia.souza-domingues@dxc.com,eduardo.santana@bv.com.br,fernandaab@algartech.com,fernandorsju@algartech.com,larisacc@algartech.com,lilianls@algartech.com,marianerdo@algartech.com,suportebv@mutantbr.com,talmaiardo@algartech.com,tatiane.biassi@mutantbr.com,thiagordu@algartech.com</t>
  </si>
  <si>
    <t>01/16/2020 10:02:50</t>
  </si>
  <si>
    <t>01/16/2020 10:02:52</t>
  </si>
  <si>
    <t>01/16/2020 10:01:32</t>
  </si>
  <si>
    <t>01/16/2020 10:04:34</t>
  </si>
  <si>
    <t>01/16/2020 10:00:47</t>
  </si>
  <si>
    <t>a35eff5c-e127-4542-97f0-03506262a0d2.tmp</t>
  </si>
  <si>
    <t>\\acsfs\profiles$\larissaad\Downloads\a35eff5c-e127-4542-97f0-03506262a0d2.tmp</t>
  </si>
  <si>
    <t>01/16/2020 09:59:05</t>
  </si>
  <si>
    <t>6076e1f0-f12a-4cb6-96c0-e9e4781d4dea.tmp</t>
  </si>
  <si>
    <t>\\acsfs\profiles$\lorenabmc\Downloads\6076e1f0-f12a-4cb6-96c0-e9e4781d4dea.tmp</t>
  </si>
  <si>
    <t>01/16/2020 10:00:49</t>
  </si>
  <si>
    <t>10.200.67.158</t>
  </si>
  <si>
    <t>harunams</t>
  </si>
  <si>
    <t>01/16/2020 10:00:55</t>
  </si>
  <si>
    <t>\\acsfs\DEPTOS\EDUCACAO EMPRESARIAL\2 - Operações\0 - BV\9 - MIRIAM\</t>
  </si>
  <si>
    <t>\\acsfs\DEPTOS\EDUCACAO EMPRESARIAL\2 - Operações\0 - BV\9 - MIRIAM\Thumbs.db</t>
  </si>
  <si>
    <t>01/16/2020 10:00:57</t>
  </si>
  <si>
    <t>\\acsfs\DEPTOS\EDUCACAO EMPRESARIAL\2 - Operações\0 - BV\9 - MIRIAM\01 - BV FINANCEIRA\</t>
  </si>
  <si>
    <t>\\acsfs\DEPTOS\EDUCACAO EMPRESARIAL\2 - Operações\0 - BV\9 - MIRIAM\01 - BV FINANCEIRA\Thumbs.db</t>
  </si>
  <si>
    <t>\\acsfs\DEPTOS\EDUCACAO EMPRESARIAL\2 - Operações\0 - BV\9 - MIRIAM\01 - BV FINANCEIRA\RR BV\</t>
  </si>
  <si>
    <t>\\acsfs\DEPTOS\EDUCACAO EMPRESARIAL\2 - Operações\0 - BV\9 - MIRIAM\01 - BV FINANCEIRA\RR BV\Thumbs.db</t>
  </si>
  <si>
    <t>01/16/2020 10:05:34</t>
  </si>
  <si>
    <t>01/16/2020 10:03:31</t>
  </si>
  <si>
    <t>01/16/2020 10:03:32</t>
  </si>
  <si>
    <t>lu230282can41.tmp</t>
  </si>
  <si>
    <t>\\acsfs\profiles$\jalilebds\Downloads\lu230282can41.tmp</t>
  </si>
  <si>
    <t>01/16/2020 10:03:57</t>
  </si>
  <si>
    <t>01/16/2020 10:06:35</t>
  </si>
  <si>
    <t>01/16/2020 10:01:00</t>
  </si>
  <si>
    <t>2471d06e-60a5-4230-82fc-1b4b182d3fe9.tmp</t>
  </si>
  <si>
    <t>\\acsfs\profiles$\gabriellalpr\Downloads\2471d06e-60a5-4230-82fc-1b4b182d3fe9.tmp</t>
  </si>
  <si>
    <t>01/16/2020 10:05:20</t>
  </si>
  <si>
    <t>aee416f2-32cc-41fe-95ff-ad486cc9890d.tmp</t>
  </si>
  <si>
    <t>\\acsfs\profiles$\luanarda\Downloads\aee416f2-32cc-41fe-95ff-ad486cc9890d.tmp</t>
  </si>
  <si>
    <t>01/16/2020 10:01:28</t>
  </si>
  <si>
    <t>01/16/2020 10:05:58</t>
  </si>
  <si>
    <t>01/16/2020 10:01:44</t>
  </si>
  <si>
    <t>01/16/2020 10:04:04</t>
  </si>
  <si>
    <t>01/16/2020 10:07:34</t>
  </si>
  <si>
    <t>01/16/2020 10:04:58</t>
  </si>
  <si>
    <t>01/16/2020 10:04:12</t>
  </si>
  <si>
    <t>6b184c89-982c-483d-b6cf-5d862a69ad2a.tmp</t>
  </si>
  <si>
    <t>\\acsfs\profiles$\gabrielafs\Downloads\6b184c89-982c-483d-b6cf-5d862a69ad2a.tmp</t>
  </si>
  <si>
    <t>01/16/2020 10:08:35</t>
  </si>
  <si>
    <t>01/16/2020 10:03:15</t>
  </si>
  <si>
    <t>54996;bvs-centralcartoes@bv.com.br;cintia.souza-domingues@dxc.com;eduardo.santana@bv.com.br;fernandaab@algartech.com;fernandorsju@algartech.com;lilianls@algartech.com;suportebv@mutantbr.com;talmaiardo@algartech.com;tatiane.biassi@mutantbr.com;thiagordu@algartech.com;</t>
  </si>
  <si>
    <t>54996,bvs-centralcartoes@bv.com.br,cintia.souza-domingues@dxc.com,eduardo.santana@bv.com.br,fernandaab@algartech.com,fernandorsju@algartech.com,lilianls@algartech.com,suportebv@mutantbr.com,talmaiardo@algartech.com,tatiane.biassi@mutantbr.com,thiagordu@algartech.com</t>
  </si>
  <si>
    <t>01/16/2020 10:03:19</t>
  </si>
  <si>
    <t>01/16/2020 10:03:55</t>
  </si>
  <si>
    <t>01/16/2020 10:04:00</t>
  </si>
  <si>
    <t>01/16/2020 10:04:10</t>
  </si>
  <si>
    <t>01/16/2020 10:04:21</t>
  </si>
  <si>
    <t>01/16/2020 10:04:23</t>
  </si>
  <si>
    <t>01/16/2020 10:04:47</t>
  </si>
  <si>
    <t>01/16/2020 10:05:15</t>
  </si>
  <si>
    <t>040656fd-919a-49e0-ad66-551021fb9148.tmp</t>
  </si>
  <si>
    <t>\\acsfs\profiles$\rafaelahpn\Downloads\040656fd-919a-49e0-ad66-551021fb9148.tmp</t>
  </si>
  <si>
    <t>01/16/2020 10:05:22</t>
  </si>
  <si>
    <t>11c15d80-4008-4c4c-a279-eff582119cfb.tmp</t>
  </si>
  <si>
    <t>\\acsfs\profiles$\rafaelahpn\Downloads\11c15d80-4008-4c4c-a279-eff582119cfb.tmp</t>
  </si>
  <si>
    <t>01/16/2020 10:05:31</t>
  </si>
  <si>
    <t>01/16/2020 10:09:34</t>
  </si>
  <si>
    <t>01/16/2020 10:07:00</t>
  </si>
  <si>
    <t>\\acsfs\DEPTOS\EDUCACAO EMPRESARIAL\2 - Operações\0 - BV\5 - QUALIDADE\Nova pasta\jose\</t>
  </si>
  <si>
    <t>.~lock.Laudo 27-12 1 Cartão Protegido Rafaela Caso Neuza.docx#</t>
  </si>
  <si>
    <t>\\acsfs\DEPTOS\EDUCACAO EMPRESARIAL\2 - Operações\0 - BV\5 - QUALIDADE\Nova pasta\jose\.~lock.Laudo 27-12 1 Cartão Protegido Rafaela Caso Neuza.docx#</t>
  </si>
  <si>
    <t>01/16/2020 10:06:18</t>
  </si>
  <si>
    <t>01/16/2020 10:07:51</t>
  </si>
  <si>
    <t>01/16/2020 10:07:59</t>
  </si>
  <si>
    <t>01/16/2020 10:08:04</t>
  </si>
  <si>
    <t>01/16/2020 10:08:22</t>
  </si>
  <si>
    <t>01/16/2020 10:08:39</t>
  </si>
  <si>
    <t>01/16/2020 10:08:40</t>
  </si>
  <si>
    <t>01/16/2020 10:04:20</t>
  </si>
  <si>
    <t>17ae3072-8a3f-4d60-8a64-b7c758b18000.tmp</t>
  </si>
  <si>
    <t>\\acsfs\profiles$\larissaad\Downloads\17ae3072-8a3f-4d60-8a64-b7c758b18000.tmp</t>
  </si>
  <si>
    <t>01/16/2020 10:06:15</t>
  </si>
  <si>
    <t>2552af26-af0c-46ad-984b-87164809068a.tmp</t>
  </si>
  <si>
    <t>\\acsfs\profiles$\larissaad\Downloads\2552af26-af0c-46ad-984b-87164809068a.tmp</t>
  </si>
  <si>
    <t>01/16/2020 10:05:16</t>
  </si>
  <si>
    <t>06c0cbd7-1da7-4cc5-827e-8a9d0511c9d1.tmp</t>
  </si>
  <si>
    <t>\\acsfs\profiles$\mariagsg\Downloads\06c0cbd7-1da7-4cc5-827e-8a9d0511c9d1.tmp</t>
  </si>
  <si>
    <t>01/16/2020 10:05:19</t>
  </si>
  <si>
    <t>01/16/2020 10:05:21</t>
  </si>
  <si>
    <t>905cd0b5-237c-4a93-8515-4fba51722e9b.tmp</t>
  </si>
  <si>
    <t>\\acsfs\profiles$\mariagsg\Downloads\905cd0b5-237c-4a93-8515-4fba51722e9b.tmp</t>
  </si>
  <si>
    <t>01/16/2020 10:05:44</t>
  </si>
  <si>
    <t>01/16/2020 10:07:09</t>
  </si>
  <si>
    <t>retençao de seguros (alyny).txt</t>
  </si>
  <si>
    <t>\\acsfs\profiles$\ALYNYA\My Documents\retençao de seguros (alyny).txt</t>
  </si>
  <si>
    <t>01/16/2020 10:07:16</t>
  </si>
  <si>
    <t>01/16/2020 10:07:17</t>
  </si>
  <si>
    <t>lu5102857kbmm.tmp</t>
  </si>
  <si>
    <t>\\acsfs\profiles$\ALYNYA\My Documents\lu5102857kbmm.tmp</t>
  </si>
  <si>
    <t>\\acsfs\profiles$\ALYNYA\My Documents\lu5102857kbmm.tmp\</t>
  </si>
  <si>
    <t>\\acsfs\profiles$\ALYNYA\My Documents\lu5102857kbmm.tmp\META-INF\</t>
  </si>
  <si>
    <t>\\acsfs\profiles$\ALYNYA\My Documents\lu5102857kbmm.tmp\Thumbnails\</t>
  </si>
  <si>
    <t>01/16/2020 10:07:26</t>
  </si>
  <si>
    <t>01/16/2020 10:09:51</t>
  </si>
  <si>
    <t>01/16/2020 10:10:35</t>
  </si>
  <si>
    <t>01/16/2020 10:09:53</t>
  </si>
  <si>
    <t>01/16/2020 10:09:54</t>
  </si>
  <si>
    <t>01/16/2020 10:09:56</t>
  </si>
  <si>
    <t>01/16/2020 10:09:57</t>
  </si>
  <si>
    <t>01/16/2020 10:10:02</t>
  </si>
  <si>
    <t>01/16/2020 10:10:04</t>
  </si>
  <si>
    <t>01/16/2020 10:10:05</t>
  </si>
  <si>
    <t>01/16/2020 10:10:06</t>
  </si>
  <si>
    <t>01/16/2020 10:10:07</t>
  </si>
  <si>
    <t>01/16/2020 10:10:09</t>
  </si>
  <si>
    <t>01/16/2020 10:10:10</t>
  </si>
  <si>
    <t>01/16/2020 10:10:11</t>
  </si>
  <si>
    <t>01/16/2020 10:10:13</t>
  </si>
  <si>
    <t>01/16/2020 10:10:14</t>
  </si>
  <si>
    <t>01/16/2020 10:10:16</t>
  </si>
  <si>
    <t>01/16/2020 10:10:17</t>
  </si>
  <si>
    <t>01/16/2020 10:10:18</t>
  </si>
  <si>
    <t>01/16/2020 10:10:22</t>
  </si>
  <si>
    <t>01/16/2020 10:11:34</t>
  </si>
  <si>
    <t>01/16/2020 10:06:28</t>
  </si>
  <si>
    <t>01/16/2020 10:12:35</t>
  </si>
  <si>
    <t>01/16/2020 10:08:19</t>
  </si>
  <si>
    <t>01/16/2020 10:09:04</t>
  </si>
  <si>
    <t>58765be4-a350-42b8-8d72-d772f502e10d.tmp</t>
  </si>
  <si>
    <t>\\acsfs\profiles$\milenaas\Downloads\58765be4-a350-42b8-8d72-d772f502e10d.tmp</t>
  </si>
  <si>
    <t>01/16/2020 10:12:08</t>
  </si>
  <si>
    <t>256772c6-079d-4cd4-b748-6fcb3fb53ebb.tmp</t>
  </si>
  <si>
    <t>\\acsfs\profiles$\milenaas\Downloads\256772c6-079d-4cd4-b748-6fcb3fb53ebb.tmp</t>
  </si>
  <si>
    <t>01/16/2020 10:08:10</t>
  </si>
  <si>
    <t>ouvidoria@algar.com.br;thiagordu@algartech.com;</t>
  </si>
  <si>
    <t>ouvidoria@algar.com.br,thiagordu@algartech.com</t>
  </si>
  <si>
    <t>01/16/2020 10:11:17</t>
  </si>
  <si>
    <t>a96d8566-1c4d-452e-b5b1-c83698faf009.tmp</t>
  </si>
  <si>
    <t>\\acsfs\profiles$\gabrielafs\Downloads\a96d8566-1c4d-452e-b5b1-c83698faf009.tmp</t>
  </si>
  <si>
    <t>01/16/2020 10:10:29</t>
  </si>
  <si>
    <t>01/16/2020 10:13:34</t>
  </si>
  <si>
    <t>01/16/2020 10:10:32</t>
  </si>
  <si>
    <t>01/16/2020 10:10:33</t>
  </si>
  <si>
    <t>01/16/2020 10:10:39</t>
  </si>
  <si>
    <t>01/16/2020 10:10:54</t>
  </si>
  <si>
    <t>01/16/2020 10:08:54</t>
  </si>
  <si>
    <t>01/16/2020 10:14:34</t>
  </si>
  <si>
    <t>01/16/2020 10:12:26</t>
  </si>
  <si>
    <t>01/16/2020 10:12:29</t>
  </si>
  <si>
    <t>01/16/2020 10:12:38</t>
  </si>
  <si>
    <t>01/16/2020 10:13:49</t>
  </si>
  <si>
    <t>01/16/2020 10:13:14</t>
  </si>
  <si>
    <t>01/16/2020 10:15:34</t>
  </si>
  <si>
    <t>01/16/2020 10:13:19</t>
  </si>
  <si>
    <t>lu156202imcbc.tmp</t>
  </si>
  <si>
    <t>\\acsfs\profiles$\Flaviojmm\My Documents\lu156202imcbc.tmp</t>
  </si>
  <si>
    <t>\\acsfs\profiles$\Flaviojmm\My Documents\lu156202imcbc.tmp\</t>
  </si>
  <si>
    <t>\\acsfs\profiles$\Flaviojmm\My Documents\lu156202imcbc.tmp\META-INF\</t>
  </si>
  <si>
    <t>\\acsfs\profiles$\Flaviojmm\My Documents\lu156202imcbc.tmp\Thumbnails\</t>
  </si>
  <si>
    <t>01/16/2020 10:10:23</t>
  </si>
  <si>
    <t>01/16/2020 10:10:31</t>
  </si>
  <si>
    <t>01/16/2020 10:10:34</t>
  </si>
  <si>
    <t>01/16/2020 10:10:36</t>
  </si>
  <si>
    <t>01/16/2020 10:10:43</t>
  </si>
  <si>
    <t>01/16/2020 10:10:45</t>
  </si>
  <si>
    <t>01/16/2020 10:10:46</t>
  </si>
  <si>
    <t>01/16/2020 10:10:47</t>
  </si>
  <si>
    <t>01/16/2020 10:10:48</t>
  </si>
  <si>
    <t>01/16/2020 10:10:49</t>
  </si>
  <si>
    <t>01/16/2020 10:11:02</t>
  </si>
  <si>
    <t>01/16/2020 10:11:03</t>
  </si>
  <si>
    <t>01/16/2020 10:11:06</t>
  </si>
  <si>
    <t>01/16/2020 10:11:11</t>
  </si>
  <si>
    <t>01/16/2020 10:11:12</t>
  </si>
  <si>
    <t>01/16/2020 10:11:14</t>
  </si>
  <si>
    <t>01/16/2020 10:11:27</t>
  </si>
  <si>
    <t>01/16/2020 10:11:29</t>
  </si>
  <si>
    <t>01/16/2020 10:11:30</t>
  </si>
  <si>
    <t>01/16/2020 10:11:31</t>
  </si>
  <si>
    <t>01/16/2020 10:11:37</t>
  </si>
  <si>
    <t>01/16/2020 10:11:39</t>
  </si>
  <si>
    <t>01/16/2020 10:11:56</t>
  </si>
  <si>
    <t>01/16/2020 10:11:57</t>
  </si>
  <si>
    <t>01/16/2020 10:11:58</t>
  </si>
  <si>
    <t>01/16/2020 10:12:03</t>
  </si>
  <si>
    <t>01/16/2020 10:12:11</t>
  </si>
  <si>
    <t>01/16/2020 10:12:14</t>
  </si>
  <si>
    <t>01/16/2020 10:12:16</t>
  </si>
  <si>
    <t>01/16/2020 10:12:21</t>
  </si>
  <si>
    <t>01/16/2020 10:12:44</t>
  </si>
  <si>
    <t>01/16/2020 10:17:35</t>
  </si>
  <si>
    <t>01/16/2020 10:15:04</t>
  </si>
  <si>
    <t>01/16/2020 10:15:57</t>
  </si>
  <si>
    <t>/o=exchangelabs/ou=exchange administrative group (fydibohf23spdlt)/cn=recipients/cn=4f1c81c2e16143f68596016ac3b45ef1-gustavo dam;/o=exchangelabs/ou=exchange administrative group (fydibohf23spdlt)/cn=recipients/cn=5af2cae509964078b2026f7f550380b0-andre luis;/o=exchangelabs/ou=exchange administrative group (fydibohf23spdlt)/cn=recipients/cn=6530aaa31df24237888421b849a2b4da-mariana cri;/o=exchangelabs/ou=exchange administrative group (fydibohf23spdlt)/cn=recipients/cn=9aa4d7e121fc43078a7cba77f602cd0a-qualidade a;/o=exchangelabs/ou=exchange administrative group (fydibohf23spdlt)/cn=recipients/cn=9b52022a6e624c30a92f50cf4538a4bf-talmaia rod;/o=exchangelabs/ou=exchange administrative group (fydibohf23spdlt)/cn=recipients/cn=9d5ac7c7f5bb4c7098bcc852bda547ba-luiz fernan;/o=exchangelabs/ou=exchange administrative group (fydibohf23spdlt)/cn=recipients/cn=b739f6c32af9463ab9cd653d7f330c20-haruna morg;/o=exchangelabs/ou=exchange administrative group (fydibohf23spdlt)/cn=recipients/cn=cf023be226744f8a9c38076dbccfd020-flavi</t>
  </si>
  <si>
    <t>/o=exchangelabs/ou=exchange administrative group (fydibohf23spdlt)/cn=recipients/cn=4f1c81c2e16143f68596016ac3b45ef1-gustavo dam,/o=exchangelabs/ou=exchange administrative group (fydibohf23spdlt)/cn=recipients/cn=5af2cae509964078b2026f7f550380b0-andre luis,/o=exchangelabs/ou=exchange administrative group (fydibohf23spdlt)/cn=recipients/cn=6530aaa31df24237888421b849a2b4da-mariana cri,/o=exchangelabs/ou=exchange administrative group (fydibohf23spdlt)/cn=recipients/cn=9aa4d7e121fc43078a7cba77f602cd0a-qualidade a,/o=exchangelabs/ou=exchange administrative group (fydibohf23spdlt)/cn=recipients/cn=9b52022a6e624c30a92f50cf4538a4bf-talmaia rod,/o=exchangelabs/ou=exchange administrative group (fydibohf23spdlt)/cn=recipients/cn=9d5ac7c7f5bb4c7098bcc852bda547ba-luiz fernan,/o=exchangelabs/ou=exchange administrative group (fydibohf23spdlt)/cn=recipients/cn=b739f6c32af9463ab9cd653d7f330c20-haruna morg,/o=exchangelabs/ou=exchange administrative group (fydibohf23spdlt)/cn=recipients/cn=cf023be226744f8a9c38076dbccfd020-flavi</t>
  </si>
  <si>
    <t>01/16/2020 10:15:56</t>
  </si>
  <si>
    <t>6cbbcc1c-4ee9-4e8b-9eaf-ab0c7afc418f.tmp</t>
  </si>
  <si>
    <t>\\acsfs\profiles$\kamilamrc\Downloads\6cbbcc1c-4ee9-4e8b-9eaf-ab0c7afc418f.tmp</t>
  </si>
  <si>
    <t>01/16/2020 10:12:19</t>
  </si>
  <si>
    <t>01/16/2020 10:12:34</t>
  </si>
  <si>
    <t>0b338d45-a9ca-4910-add9-a34c8039948e.tmp</t>
  </si>
  <si>
    <t>\\acsfs\profiles$\milenaas\Downloads\0b338d45-a9ca-4910-add9-a34c8039948e.tmp</t>
  </si>
  <si>
    <t>01/16/2020 10:12:56</t>
  </si>
  <si>
    <t>3c00ff4d-f447-449b-b607-0bbefa8dc3cf.tmp</t>
  </si>
  <si>
    <t>\\acsfs\profiles$\milenaas\Downloads\3c00ff4d-f447-449b-b607-0bbefa8dc3cf.tmp</t>
  </si>
  <si>
    <t>01/16/2020 10:13:31</t>
  </si>
  <si>
    <t>2f8fffab-f621-4347-836f-83adc49a63b1.tmp</t>
  </si>
  <si>
    <t>\\acsfs\profiles$\milenaas\Downloads\2f8fffab-f621-4347-836f-83adc49a63b1.tmp</t>
  </si>
  <si>
    <t>01/16/2020 10:16:09</t>
  </si>
  <si>
    <t>41682b4d-2ea9-4463-bae2-4c4862833f9f.tmp</t>
  </si>
  <si>
    <t>\\acsfs\profiles$\milenaas\Downloads\41682b4d-2ea9-4463-bae2-4c4862833f9f.tmp</t>
  </si>
  <si>
    <t>01/16/2020 10:18:34</t>
  </si>
  <si>
    <t>01/16/2020 10:14:33</t>
  </si>
  <si>
    <t>01/16/2020 10:14:47</t>
  </si>
  <si>
    <t>01/16/2020 10:15:30</t>
  </si>
  <si>
    <t>01/16/2020 10:15:35</t>
  </si>
  <si>
    <t>01/16/2020 10:15:53</t>
  </si>
  <si>
    <t>01/16/2020 10:18:18</t>
  </si>
  <si>
    <t>01/16/2020 10:19:34</t>
  </si>
  <si>
    <t>a445256c-8f29-4696-9781-bfde21c9a8cd.tmp</t>
  </si>
  <si>
    <t>\\acsfs\profiles$\francislayneads\Downloads\a445256c-8f29-4696-9781-bfde21c9a8cd.tmp</t>
  </si>
  <si>
    <t>01/16/2020 10:18:25</t>
  </si>
  <si>
    <t>0b06f78d-c7b3-4c2b-9545-da41ffc2aa81.tmp</t>
  </si>
  <si>
    <t>\\acsfs\profiles$\francislayneads\Downloads\0b06f78d-c7b3-4c2b-9545-da41ffc2aa81.tmp</t>
  </si>
  <si>
    <t>01/16/2020 10:14:31</t>
  </si>
  <si>
    <t>.~lock.Controle de Erros operacionais - Dezembro - Supervisores.xlsb#</t>
  </si>
  <si>
    <t>\\acsfs\DEPTOS\EDUCACAO EMPRESARIAL\2 - Operações\0 - BV\5 - QUALIDADE\Nova pasta\.~lock.Controle de Erros operacionais - Dezembro - Supervisores.xlsb#</t>
  </si>
  <si>
    <t>01/16/2020 10:18:12</t>
  </si>
  <si>
    <t>01/16/2020 10:18:30</t>
  </si>
  <si>
    <t>01/16/2020 10:17:00</t>
  </si>
  <si>
    <t>01/16/2020 10:15:16</t>
  </si>
  <si>
    <t>Alynya</t>
  </si>
  <si>
    <t>ec6f35e4-9015-4f06-bb30-f6c26ae1dbf1.tmp</t>
  </si>
  <si>
    <t>\\acsfs\profiles$\ALYNYA\Downloads\ec6f35e4-9015-4f06-bb30-f6c26ae1dbf1.tmp</t>
  </si>
  <si>
    <t>9376e3ab-1778-478d-a084-d80f7789fc66.tmp</t>
  </si>
  <si>
    <t>\\acsfs\profiles$\ALYNYA\Downloads\9376e3ab-1778-478d-a084-d80f7789fc66.tmp</t>
  </si>
  <si>
    <t>01/16/2020 10:18:27</t>
  </si>
  <si>
    <t>01/16/2020 10:18:45</t>
  </si>
  <si>
    <t>01/16/2020 10:20:35</t>
  </si>
  <si>
    <t>01/16/2020 10:19:37</t>
  </si>
  <si>
    <t>01/16/2020 10:19:41</t>
  </si>
  <si>
    <t>01/16/2020 10:20:27</t>
  </si>
  <si>
    <t>01/16/2020 10:21:34</t>
  </si>
  <si>
    <t>01/16/2020 10:20:28</t>
  </si>
  <si>
    <t>01/16/2020 10:17:36</t>
  </si>
  <si>
    <t>01/16/2020 10:22:34</t>
  </si>
  <si>
    <t>838aab83-467f-46df-8fa7-0be8b5b9bb3c.tmp</t>
  </si>
  <si>
    <t>\\acsfs\profiles$\geovannasm\Downloads\838aab83-467f-46df-8fa7-0be8b5b9bb3c.tmp</t>
  </si>
  <si>
    <t>01/16/2020 10:20:38</t>
  </si>
  <si>
    <t>10.200.66.159</t>
  </si>
  <si>
    <t>74-86-7A-FB-1B-31</t>
  </si>
  <si>
    <t>VOTORANT-VB011</t>
  </si>
  <si>
    <t>https://udpwfmniceap02/pt_br/web/guest/home?p_auth=kfq8brow&amp;p_p_id=58&amp;p_p_lifecycle=1&amp;p_p_state=maximized&amp;p_p_mode=view&amp;savelastpath=0&amp;_58_struts_action=/login/forgot_password</t>
  </si>
  <si>
    <t>01/16/2020 10:20:45</t>
  </si>
  <si>
    <t>01/16/2020 10:21:05</t>
  </si>
  <si>
    <t>01/16/2020 10:23:34</t>
  </si>
  <si>
    <t>019ba1af-4c67-4cb4-b255-de9ac6fdbe61.tmp</t>
  </si>
  <si>
    <t>\\acsfs\profiles$\wenderbnm\Downloads\019ba1af-4c67-4cb4-b255-de9ac6fdbe61.tmp</t>
  </si>
  <si>
    <t>01/16/2020 10:23:28</t>
  </si>
  <si>
    <t>01/16/2020 10:24:35</t>
  </si>
  <si>
    <t>4cb652a9-528c-4c8d-9699-4aeee3fffdfd.tmp</t>
  </si>
  <si>
    <t>\\acsfs\profiles$\francislayneads\Downloads\4cb652a9-528c-4c8d-9699-4aeee3fffdfd.tmp</t>
  </si>
  <si>
    <t>01/16/2020 10:19:11</t>
  </si>
  <si>
    <t>.~lock.Controle de Erros operacionais - Dezembro -ATUALIZADA2.xlsb#</t>
  </si>
  <si>
    <t>\\acsfs\DEPTOS\EDUCACAO EMPRESARIAL\2 - Operações\0 - BV\5 - QUALIDADE\Nova pasta\.~lock.Controle de Erros operacionais - Dezembro -ATUALIZADA2.xlsb#</t>
  </si>
  <si>
    <t>01/16/2020 10:18:52</t>
  </si>
  <si>
    <t>01/16/2020 10:19:13</t>
  </si>
  <si>
    <t>01/16/2020 10:19:22</t>
  </si>
  <si>
    <t>01/16/2020 10:19:28</t>
  </si>
  <si>
    <t>100014142553854;andrelpsa@algartech.com;joaogvc@algartech.com;josiascdsj@algartech.com;leonardoao@algartech.com;marianadjc@algartech.com;maristelavodq@bv.algartech.com;paulacn@algartech.com;qualidadealgarbv@algartech.com;supervisaobancovotorantim@algartech.com;taysdss@algartech.com;thiagolrc@bv.algartech.com;</t>
  </si>
  <si>
    <t>100014142553854,andrelpsa@algartech.com,joaogvc@algartech.com,josiascdsj@algartech.com,leonardoao@algartech.com,marianadjc@algartech.com,maristelavodq@bv.algartech.com,paulacn@algartech.com,qualidadealgarbv@algartech.com,supervisaobancovotorantim@algartech.com,taysdss@algartech.com,thiagolrc@bv.algartech.com</t>
  </si>
  <si>
    <t>01/16/2020 10:19:44</t>
  </si>
  <si>
    <t>01/16/2020 10:20:04</t>
  </si>
  <si>
    <t>01/16/2020 10:20:11</t>
  </si>
  <si>
    <t>01/16/2020 10:20:39</t>
  </si>
  <si>
    <t>01/16/2020 10:21:27</t>
  </si>
  <si>
    <t>01/16/2020 10:22:01</t>
  </si>
  <si>
    <t>01/16/2020 10:25:34</t>
  </si>
  <si>
    <t>01/16/2020 10:21:42</t>
  </si>
  <si>
    <t>01/16/2020 10:21:43</t>
  </si>
  <si>
    <t>01/16/2020 10:21:46</t>
  </si>
  <si>
    <t>01/16/2020 10:22:15</t>
  </si>
  <si>
    <t>01/16/2020 10:22:18</t>
  </si>
  <si>
    <t>01/16/2020 10:22:21</t>
  </si>
  <si>
    <t>01/16/2020 10:22:26</t>
  </si>
  <si>
    <t>01/16/2020 10:22:00</t>
  </si>
  <si>
    <t>01/16/2020 10:26:34</t>
  </si>
  <si>
    <t>01/16/2020 10:22:30</t>
  </si>
  <si>
    <t>01/16/2020 10:23:00</t>
  </si>
  <si>
    <t>01/16/2020 10:25:10</t>
  </si>
  <si>
    <t>01/16/2020 10:27:34</t>
  </si>
  <si>
    <t>01/16/2020 10:25:37</t>
  </si>
  <si>
    <t>01/16/2020 10:25:14</t>
  </si>
  <si>
    <t>https://udpwfmniceap02/web/guest/home?p_auth=kfq8brow&amp;p_p_id=58&amp;p_p_lifecycle=1&amp;p_p_state=maximized&amp;p_p_mode=view&amp;savelastpath=0&amp;_58_struts_action=/login/forgot_password</t>
  </si>
  <si>
    <t>01/16/2020 10:24:10</t>
  </si>
  <si>
    <t>01/16/2020 10:29:33</t>
  </si>
  <si>
    <t>01/16/2020 10:30:34</t>
  </si>
  <si>
    <t>01/16/2020 10:28:35</t>
  </si>
  <si>
    <t>01/16/2020 10:28:36</t>
  </si>
  <si>
    <t>lu230282can49.tmp</t>
  </si>
  <si>
    <t>\\acsfs\profiles$\jalilebds\Downloads\lu230282can49.tmp</t>
  </si>
  <si>
    <t>01/16/2020 10:31:34</t>
  </si>
  <si>
    <t>01/16/2020 10:27:00</t>
  </si>
  <si>
    <t>01/16/2020 10:27:30</t>
  </si>
  <si>
    <t>01/16/2020 10:28:00</t>
  </si>
  <si>
    <t>01/16/2020 10:28:30</t>
  </si>
  <si>
    <t>01/16/2020 10:29:00</t>
  </si>
  <si>
    <t>01/16/2020 10:29:30</t>
  </si>
  <si>
    <t>01/16/2020 10:30:00</t>
  </si>
  <si>
    <t>01/16/2020 10:30:30</t>
  </si>
  <si>
    <t>01/16/2020 10:31:00</t>
  </si>
  <si>
    <t>01/16/2020 10:28:40</t>
  </si>
  <si>
    <t>01/16/2020 10:30:50</t>
  </si>
  <si>
    <t>01/16/2020 10:32:34</t>
  </si>
  <si>
    <t>0f449a62-9a4d-4d54-90e6-028bb27ce090.tmp</t>
  </si>
  <si>
    <t>\\acsfs\profiles$\nataliacsl\Downloads\0f449a62-9a4d-4d54-90e6-028bb27ce090.tmp</t>
  </si>
  <si>
    <t>01/16/2020 10:29:37</t>
  </si>
  <si>
    <t>01/16/2020 10:30:26</t>
  </si>
  <si>
    <t>01/16/2020 10:31:41</t>
  </si>
  <si>
    <t>/o=exchangelabs/ou=exchange administrative group (fydibohf23spdlt)/cn=recipients/cn=6f1e854114534422b54fccf103cdd81d-gabriel da;</t>
  </si>
  <si>
    <t>/o=exchangelabs/ou=exchange administrative group (fydibohf23spdlt)/cn=recipients/cn=6f1e854114534422b54fccf103cdd81d-gabriel da</t>
  </si>
  <si>
    <t>01/16/2020 10:30:57</t>
  </si>
  <si>
    <t>a8c66d57-1979-4b5d-b51f-3a7becc4d8e4.tmp</t>
  </si>
  <si>
    <t>\\acsfs\profiles$\RAFAELRF\Downloads\a8c66d57-1979-4b5d-b51f-3a7becc4d8e4.tmp</t>
  </si>
  <si>
    <t>01/16/2020 10:30:46</t>
  </si>
  <si>
    <t>01/16/2020 10:33:34</t>
  </si>
  <si>
    <t>Bruno Gonçalves da Silva_1_6777853809335011614_1_32.wav</t>
  </si>
  <si>
    <t>\\acsfs\Deptos\EDUCACAO EMPRESARIAL\FERNANDA MONIT\Fernanda\MONITORIA JANEIRO\Ligação para MUTANT segundo ciclo janeiro\Bruno Gonçalves da Silva_1_6777853809335011614_1_32.wav</t>
  </si>
  <si>
    <t>01/16/2020 10:31:44</t>
  </si>
  <si>
    <t>01/16/2020 10:34:34</t>
  </si>
  <si>
    <t>c52aff1c-fdbf-438f-9eba-cd8e92f140a3.tmp</t>
  </si>
  <si>
    <t>\\acsfs\profiles$\larissaad\Downloads\c52aff1c-fdbf-438f-9eba-cd8e92f140a3.tmp</t>
  </si>
  <si>
    <t>01/16/2020 10:32:00</t>
  </si>
  <si>
    <t>01/16/2020 10:35:34</t>
  </si>
  <si>
    <t>01/16/2020 10:33:35</t>
  </si>
  <si>
    <t>https://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senildapdo@algartecnologia.com.br,supervisaobancovotorantim@algartech.com,taysdss@algartech.com,thiagolrc@bv.algartech.com</t>
  </si>
  <si>
    <t>01/16/2020 10:32:41</t>
  </si>
  <si>
    <t>01/16/2020 10:32:03</t>
  </si>
  <si>
    <t>01/16/2020 10:36:34</t>
  </si>
  <si>
    <t>01/16/2020 10:32:04</t>
  </si>
  <si>
    <t>01/16/2020 10:34:01</t>
  </si>
  <si>
    <t>01/16/2020 10:34:31</t>
  </si>
  <si>
    <t>01/16/2020 10:35:31</t>
  </si>
  <si>
    <t>01/16/2020 10:36:01</t>
  </si>
  <si>
    <t>01/16/2020 10:33:52</t>
  </si>
  <si>
    <t>1b87c396-c0ac-4613-bb95-71c9dcfa0808.tmp</t>
  </si>
  <si>
    <t>\\acsfs\profiles$\ERICALSR\Downloads\1b87c396-c0ac-4613-bb95-71c9dcfa0808.tmp</t>
  </si>
  <si>
    <t>01/16/2020 10:37:34</t>
  </si>
  <si>
    <t>01/16/2020 10:34:18</t>
  </si>
  <si>
    <t>01/16/2020 10:35:08</t>
  </si>
  <si>
    <t>8dc58488-0b24-4bd0-afcc-cde053498092.tmp</t>
  </si>
  <si>
    <t>\\acsfs\profiles$\gabrielsma\Downloads\8dc58488-0b24-4bd0-afcc-cde053498092.tmp</t>
  </si>
  <si>
    <t>01/16/2020 10:35:12</t>
  </si>
  <si>
    <t>Q29udHJvbGxlci5FeHBsb3Jlcl8x.ica.crdownload</t>
  </si>
  <si>
    <t>\\acsfs\ACS\Gabriel da Silva\Contemporânea\Gen\Q29udHJvbGxlci5FeHBsb3Jlcl8x.ica.crdownload</t>
  </si>
  <si>
    <t>01/16/2020 10:34:56</t>
  </si>
  <si>
    <t>\\acsfs\profiles$\CLAUDIAJCA\Reneg 18-12\</t>
  </si>
  <si>
    <t>.~lock.Contato Reneg Vencimento 17-01.ods#</t>
  </si>
  <si>
    <t>\\acsfs\profiles$\CLAUDIAJCA\Reneg 18-12\.~lock.Contato Reneg Vencimento 17-01.ods#</t>
  </si>
  <si>
    <t>01/16/2020 10:35:01</t>
  </si>
  <si>
    <t>lu324162x3mel.tmp</t>
  </si>
  <si>
    <t>\\acsfs\profiles$\CLAUDIAJCA\Reneg 18-12\lu324162x3mel.tmp</t>
  </si>
  <si>
    <t>\\acsfs\profiles$\CLAUDIAJCA\Reneg 18-12\lu324162x3mel.tmp\</t>
  </si>
  <si>
    <t>\\acsfs\profiles$\CLAUDIAJCA\Reneg 18-12\lu324162x3mel.tmp\META-INF\</t>
  </si>
  <si>
    <t>\\acsfs\profiles$\CLAUDIAJCA\Reneg 18-12\lu324162x3mel.tmp\Thumbnails\</t>
  </si>
  <si>
    <t>01/16/2020 10:32:57</t>
  </si>
  <si>
    <t>01/16/2020 10:38:34</t>
  </si>
  <si>
    <t>8e89b2ea-5e0b-4ab3-a829-af01e04425de.tmp</t>
  </si>
  <si>
    <t>\\acsfs\profiles$\vivianalds\Downloads\8e89b2ea-5e0b-4ab3-a829-af01e04425de.tmp</t>
  </si>
  <si>
    <t>01/16/2020 10:37:09</t>
  </si>
  <si>
    <t>07392def-b8b1-4421-9edd-d943e53b61a6.tmp</t>
  </si>
  <si>
    <t>\\acsfs\profiles$\vivianalds\Downloads\07392def-b8b1-4421-9edd-d943e53b61a6.tmp</t>
  </si>
  <si>
    <t>01/16/2020 10:36:15</t>
  </si>
  <si>
    <t>01/16/2020 10:39:34</t>
  </si>
  <si>
    <t>32e03843-137a-4d45-99ea-66a085318f0c.tmp</t>
  </si>
  <si>
    <t>\\acsfs\profiles$\lorenabmc\Downloads\32e03843-137a-4d45-99ea-66a085318f0c.tmp</t>
  </si>
  <si>
    <t>01/16/2020 10:36:56</t>
  </si>
  <si>
    <t>89e440f5-b5db-4707-9411-f4d165916abc.tmp</t>
  </si>
  <si>
    <t>\\acsfs\profiles$\lorenabmc\Downloads\89e440f5-b5db-4707-9411-f4d165916abc.tmp</t>
  </si>
  <si>
    <t>01/16/2020 10:38:57</t>
  </si>
  <si>
    <t>01/16/2020 10:40:34</t>
  </si>
  <si>
    <t>lu230282can4h.tmp</t>
  </si>
  <si>
    <t>\\acsfs\profiles$\jalilebds\Downloads\lu230282can4h.tmp</t>
  </si>
  <si>
    <t>01/16/2020 10:36:27</t>
  </si>
  <si>
    <t>ec342cf2-c252-4ea3-a9ae-9a80488f42b0.tmp</t>
  </si>
  <si>
    <t>\\acsfs\profiles$\mariajra\Downloads\ec342cf2-c252-4ea3-a9ae-9a80488f42b0.tmp</t>
  </si>
  <si>
    <t>01/16/2020 10:36:35</t>
  </si>
  <si>
    <t>e8ea1ea7-0d4a-4c89-89ae-e66a0de80d49.tmp</t>
  </si>
  <si>
    <t>\\acsfs\profiles$\mariajra\Downloads\e8ea1ea7-0d4a-4c89-89ae-e66a0de80d49.tmp</t>
  </si>
  <si>
    <t>01/16/2020 10:38:25</t>
  </si>
  <si>
    <t>01/16/2020 10:41:34</t>
  </si>
  <si>
    <t>01/16/2020 10:38:26</t>
  </si>
  <si>
    <t>01/16/2020 10:36:31</t>
  </si>
  <si>
    <t>01/16/2020 10:38:01</t>
  </si>
  <si>
    <t>01/16/2020 10:40:02</t>
  </si>
  <si>
    <t>01/16/2020 10:40:32</t>
  </si>
  <si>
    <t>01/16/2020 10:41:02</t>
  </si>
  <si>
    <t>01/16/2020 10:41:03</t>
  </si>
  <si>
    <t>01/16/2020 10:42:34</t>
  </si>
  <si>
    <t>01/16/2020 10:40:17</t>
  </si>
  <si>
    <t>01/16/2020 10:40:25</t>
  </si>
  <si>
    <t>2c30aeed-0f8c-4064-8b75-4d321e962525.tmp</t>
  </si>
  <si>
    <t>\\acsfs\profiles$\gabrielafs\Downloads\2c30aeed-0f8c-4064-8b75-4d321e962525.tmp</t>
  </si>
  <si>
    <t>01/16/2020 10:40:30</t>
  </si>
  <si>
    <t>01/16/2020 10:43:34</t>
  </si>
  <si>
    <t>6b57fb43-f30a-4df1-85b2-9c587e8e0687.tmp</t>
  </si>
  <si>
    <t>\\acsfs\profiles$\rafaelahpn\Downloads\6b57fb43-f30a-4df1-85b2-9c587e8e0687.tmp</t>
  </si>
  <si>
    <t>01/16/2020 10:44:34</t>
  </si>
  <si>
    <t>01/16/2020 10:41:15</t>
  </si>
  <si>
    <t>5ea5bfb2-8bd2-4eb8-ae7b-96c62caa96ca.tmp</t>
  </si>
  <si>
    <t>\\acsfs\profiles$\larissaad\Downloads\5ea5bfb2-8bd2-4eb8-ae7b-96c62caa96ca.tmp</t>
  </si>
  <si>
    <t>01/16/2020 10:42:49</t>
  </si>
  <si>
    <t>01/16/2020 10:43:22</t>
  </si>
  <si>
    <t>01/16/2020 10:43:25</t>
  </si>
  <si>
    <t>01/16/2020 10:45:34</t>
  </si>
  <si>
    <t>01/16/2020 10:45:10</t>
  </si>
  <si>
    <t>lu230282can4k.tmp</t>
  </si>
  <si>
    <t>\\acsfs\profiles$\jalilebds\Downloads\lu230282can4k.tmp</t>
  </si>
  <si>
    <t>01/16/2020 10:40:58</t>
  </si>
  <si>
    <t>01/16/2020 10:46:35</t>
  </si>
  <si>
    <t>01/16/2020 10:40:59</t>
  </si>
  <si>
    <t>01/16/2020 10:43:33</t>
  </si>
  <si>
    <t>01/16/2020 10:43:03</t>
  </si>
  <si>
    <t>01/16/2020 10:44:03</t>
  </si>
  <si>
    <t>01/16/2020 10:44:33</t>
  </si>
  <si>
    <t>01/16/2020 10:45:03</t>
  </si>
  <si>
    <t>01/16/2020 10:47:13</t>
  </si>
  <si>
    <t>01/16/2020 10:49:35</t>
  </si>
  <si>
    <t>Não confirmado 498899.crdownload</t>
  </si>
  <si>
    <t>\\acsfs\Deptos\Operacao\Banco_Votorantim\Supervisao\Maristela\CRBV vendas\Desligamento\Não confirmado 498899.crdownload</t>
  </si>
  <si>
    <t>01/16/2020 10:47:28</t>
  </si>
  <si>
    <t>01/16/2020 10:47:29</t>
  </si>
  <si>
    <t>lu103081e8si.tmp</t>
  </si>
  <si>
    <t>\\acsfs\profiles$\dhiulliananads\My Documents\lu103081e8si.tmp</t>
  </si>
  <si>
    <t>\\acsfs\profiles$\dhiulliananads\My Documents\lu103081e8si.tmp\</t>
  </si>
  <si>
    <t>\\acsfs\profiles$\dhiulliananads\My Documents\lu103081e8si.tmp\META-INF\</t>
  </si>
  <si>
    <t>\\acsfs\profiles$\dhiulliananads\My Documents\lu103081e8si.tmp\Thumbnails\</t>
  </si>
  <si>
    <t>01/16/2020 10:51:35</t>
  </si>
  <si>
    <t>01/16/2020 10:50:34</t>
  </si>
  <si>
    <t>01/16/2020 10:52:35</t>
  </si>
  <si>
    <t>01/16/2020 10:50:51</t>
  </si>
  <si>
    <t>0ef70e55-61b9-4a33-8f9c-afe8126772ff.tmp</t>
  </si>
  <si>
    <t>\\acsfs\profiles$\gabrielsma\Downloads\0ef70e55-61b9-4a33-8f9c-afe8126772ff.tmp</t>
  </si>
  <si>
    <t>01/16/2020 10:51:03</t>
  </si>
  <si>
    <t>Não confirmado 688329.crdownload</t>
  </si>
  <si>
    <t>\\acsfs\ACS\Gabriel da Silva\Contemporânea\VENDAS\Não confirmado 688329.crdownload</t>
  </si>
  <si>
    <t>9b964f66-3dba-4386-b51d-5768bddf77d6.tmp</t>
  </si>
  <si>
    <t>\\acsfs\profiles$\gabrielsma\Downloads\9b964f66-3dba-4386-b51d-5768bddf77d6.tmp</t>
  </si>
  <si>
    <t>Não confirmado 367481.crdownload</t>
  </si>
  <si>
    <t>\\acsfs\ACS\Gabriel da Silva\Contemporânea\VENDAS\Não confirmado 367481.crdownload</t>
  </si>
  <si>
    <t>01/16/2020 10:51:43</t>
  </si>
  <si>
    <t>01/16/2020 10:53:36</t>
  </si>
  <si>
    <t>0653f59c-e33f-43f9-81b0-8368c1089c00.tmp</t>
  </si>
  <si>
    <t>\\acsfs\profiles$\felipetds\Downloads\0653f59c-e33f-43f9-81b0-8368c1089c00.tmp</t>
  </si>
  <si>
    <t>01/16/2020 10:51:18</t>
  </si>
  <si>
    <t>01/16/2020 10:54:35</t>
  </si>
  <si>
    <t>Não confirmado 631763.crdownload</t>
  </si>
  <si>
    <t>\\acsfs\Deptos\Operacao\Banco_Votorantim\Supervisao\Maristela\CRBV vendas\Desligamento\Não confirmado 631763.crdownload</t>
  </si>
  <si>
    <t>01/16/2020 10:51:11</t>
  </si>
  <si>
    <t>deef22ce-261c-44c8-a8c3-931f1f0cc9bc.tmp</t>
  </si>
  <si>
    <t>\\acsfs\profiles$\lorrainerdl\Downloads\deef22ce-261c-44c8-a8c3-931f1f0cc9bc.tmp</t>
  </si>
  <si>
    <t>01/16/2020 10:49:38</t>
  </si>
  <si>
    <t>bce218fc-ac5f-43fc-8d08-3b922938fade.tmp</t>
  </si>
  <si>
    <t>\\acsfs\profiles$\nathaliarmr\Downloads\bce218fc-ac5f-43fc-8d08-3b922938fade.tmp</t>
  </si>
  <si>
    <t>01/16/2020 10:54:23</t>
  </si>
  <si>
    <t>01/16/2020 10:56:35</t>
  </si>
  <si>
    <t>6d60697e-09c4-44e1-bc77-b2354fd20ccb.tmp</t>
  </si>
  <si>
    <t>\\acsfs\profiles$\talitafdc\Downloads\6d60697e-09c4-44e1-bc77-b2354fd20ccb.tmp</t>
  </si>
  <si>
    <t>01/16/2020 10:53:47</t>
  </si>
  <si>
    <t>01/16/2020 10:53:48</t>
  </si>
  <si>
    <t>01/16/2020 10:54:00</t>
  </si>
  <si>
    <t>01/16/2020 10:54:01</t>
  </si>
  <si>
    <t>01/16/2020 10:54:03</t>
  </si>
  <si>
    <t>01/16/2020 10:54:04</t>
  </si>
  <si>
    <t>01/16/2020 10:51:34</t>
  </si>
  <si>
    <t>01/16/2020 10:56:19</t>
  </si>
  <si>
    <t>01/16/2020 10:57:35</t>
  </si>
  <si>
    <t>01/16/2020 10:55:27</t>
  </si>
  <si>
    <t>1c620b25-1a83-44f7-b4f3-5ef01372714d.tmp</t>
  </si>
  <si>
    <t>\\acsfs\profiles$\gabrielafs\Downloads\1c620b25-1a83-44f7-b4f3-5ef01372714d.tmp</t>
  </si>
  <si>
    <t>01/16/2020 10:56:24</t>
  </si>
  <si>
    <t>01/16/2020 10:54:08</t>
  </si>
  <si>
    <t>01/16/2020 10:59:35</t>
  </si>
  <si>
    <t>Não confirmado 682080.crdownload</t>
  </si>
  <si>
    <t>\\acsfs\Deptos\Operacao\Banco_Votorantim\Supervisao\Maristela\CRBV vendas\Desligamento\Não confirmado 682080.crdownload</t>
  </si>
  <si>
    <t>01/16/2020 10:55:54</t>
  </si>
  <si>
    <t>01/16/2020 11:00:36</t>
  </si>
  <si>
    <t>01/16/2020 10:55:59</t>
  </si>
  <si>
    <t>lu156202imcbt.tmp</t>
  </si>
  <si>
    <t>\\acsfs\profiles$\Flaviojmm\My Documents\lu156202imcbt.tmp</t>
  </si>
  <si>
    <t>\\acsfs\profiles$\Flaviojmm\My Documents\lu156202imcbt.tmp\</t>
  </si>
  <si>
    <t>\\acsfs\profiles$\Flaviojmm\My Documents\lu156202imcbt.tmp\META-INF\</t>
  </si>
  <si>
    <t>\\acsfs\profiles$\Flaviojmm\My Documents\lu156202imcbt.tmp\Thumbnails\</t>
  </si>
  <si>
    <t>01/16/2020 10:56:09</t>
  </si>
  <si>
    <t>01/16/2020 10:56:10</t>
  </si>
  <si>
    <t>01/16/2020 10:56:11</t>
  </si>
  <si>
    <t>01/16/2020 11:01:35</t>
  </si>
  <si>
    <t>01/16/2020 10:59:55</t>
  </si>
  <si>
    <t>01/16/2020 10:59:56</t>
  </si>
  <si>
    <t>~$Pausas - FINANCEIRA.xlsb</t>
  </si>
  <si>
    <t>\\acsfs\DEPTOS\Operacao\PCP\5 - Comum\PLANEJAMENTO BV\14 - ACOMPANHAMENTO\1 - REPORT ACOMPANHAMENTO\2020\1 - JANEIRO\FINANCEIRA\~$Pausas - FINANCEIRA.xlsb</t>
  </si>
  <si>
    <t>01/16/2020 10:59:52</t>
  </si>
  <si>
    <t>3bd9c8c8-2d3b-4eca-b58d-2acc39bf0aa6;</t>
  </si>
  <si>
    <t>01/16/2020 11:00:06</t>
  </si>
  <si>
    <t>01/16/2020 11:01:06</t>
  </si>
  <si>
    <t>01/16/2020 11:02:36</t>
  </si>
  <si>
    <t>01/16/2020 11:00:57</t>
  </si>
  <si>
    <t>01/16/2020 11:01:03</t>
  </si>
  <si>
    <t>01/16/2020 10:58:40</t>
  </si>
  <si>
    <t>457ee337-edf2-4161-b15d-de6d3effd901.tmp</t>
  </si>
  <si>
    <t>\\acsfs\profiles$\gabrielafs\Downloads\457ee337-edf2-4161-b15d-de6d3effd901.tmp</t>
  </si>
  <si>
    <t>01/16/2020 11:02:21</t>
  </si>
  <si>
    <t>8d0aa618-1407-443c-b71a-77275b1f817f.tmp</t>
  </si>
  <si>
    <t>\\acsfs\profiles$\gabrielafs\Downloads\8d0aa618-1407-443c-b71a-77275b1f817f.tmp</t>
  </si>
  <si>
    <t>01/16/2020 11:02:24</t>
  </si>
  <si>
    <t>d6324b40-1607-418b-a44f-9e3092734daf.tmp</t>
  </si>
  <si>
    <t>\\acsfs\profiles$\gabrielafs\Downloads\d6324b40-1607-418b-a44f-9e3092734daf.tmp</t>
  </si>
  <si>
    <t>01/16/2020 11:02:49</t>
  </si>
  <si>
    <t>01/16/2020 11:04:36</t>
  </si>
  <si>
    <t>870ecd87-91d1-40c0-b9c1-4b35cdcb1039.tmp</t>
  </si>
  <si>
    <t>\\acsfs\profiles$\lorrainerdl\Downloads\870ecd87-91d1-40c0-b9c1-4b35cdcb1039.tmp</t>
  </si>
  <si>
    <t>01/16/2020 11:03:38</t>
  </si>
  <si>
    <t>22eb6ca5-1308-4282-bc0e-122ebb81f7f3.tmp</t>
  </si>
  <si>
    <t>\\acsfs\profiles$\lorrainerdl\Downloads\22eb6ca5-1308-4282-bc0e-122ebb81f7f3.tmp</t>
  </si>
  <si>
    <t>01/16/2020 11:00:59</t>
  </si>
  <si>
    <t>01/16/2020 11:01:01</t>
  </si>
  <si>
    <t>01/16/2020 11:03:46</t>
  </si>
  <si>
    <t>01/16/2020 11:05:35</t>
  </si>
  <si>
    <t>1bb07982-46aa-40fe-80e6-1cc99476d00e.tmp</t>
  </si>
  <si>
    <t>\\acsfs\profiles$\mariajra\Downloads\1bb07982-46aa-40fe-80e6-1cc99476d00e.tmp</t>
  </si>
  <si>
    <t>01/16/2020 11:03:07</t>
  </si>
  <si>
    <t>01/16/2020 11:06:35</t>
  </si>
  <si>
    <t>01/16/2020 11:05:07</t>
  </si>
  <si>
    <t>01/16/2020 11:05:38</t>
  </si>
  <si>
    <t>01/16/2020 11:07:35</t>
  </si>
  <si>
    <t>01/16/2020 11:02:22</t>
  </si>
  <si>
    <t>Coaching GTH Padrão.txt</t>
  </si>
  <si>
    <t>\\acsfs\Deptos\Operacao\Banco_Votorantim\Supervisao\SUPERS BV CARTÕES\ADILSON\Coaching GTH Padrão.txt</t>
  </si>
  <si>
    <t>01/16/2020 11:09:06</t>
  </si>
  <si>
    <t>01/16/2020 11:09:35</t>
  </si>
  <si>
    <t>3574aec0-9f8e-4c65-a34b-5575d51982b0.tmp</t>
  </si>
  <si>
    <t>\\acsfs\profiles$\dhiulliananads\Downloads\3574aec0-9f8e-4c65-a34b-5575d51982b0.tmp</t>
  </si>
  <si>
    <t>01/16/2020 11:08:57</t>
  </si>
  <si>
    <t>01/16/2020 11:08:32</t>
  </si>
  <si>
    <t>ff908521-88aa-4c0f-89f0-068a2e6bb2ab.tmp</t>
  </si>
  <si>
    <t>\\acsfs\profiles$\wedersonbadr\My Documents\My Music\ff908521-88aa-4c0f-89f0-068a2e6bb2ab.tmp</t>
  </si>
  <si>
    <t>01/16/2020 11:04:40</t>
  </si>
  <si>
    <t>01/16/2020 11:10:35</t>
  </si>
  <si>
    <t>01/16/2020 11:04:43</t>
  </si>
  <si>
    <t>01/16/2020 11:04:49</t>
  </si>
  <si>
    <t>01/16/2020 11:04:57</t>
  </si>
  <si>
    <t>01/16/2020 11:05:18</t>
  </si>
  <si>
    <t>01/16/2020 11:05:25</t>
  </si>
  <si>
    <t>01/16/2020 11:07:09</t>
  </si>
  <si>
    <t>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viniciussg@algartech.com;</t>
  </si>
  <si>
    <t>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viniciussg@algartech.com</t>
  </si>
  <si>
    <t>01/16/2020 11:07:10</t>
  </si>
  <si>
    <t>01/16/2020 11:07:11</t>
  </si>
  <si>
    <t>01/16/2020 11:07:34</t>
  </si>
  <si>
    <t>01/16/2020 11:08:16</t>
  </si>
  <si>
    <t>\\udpavonfs01\AVON\00 - ACOMPANHAMENTO AVON\04 - BACKOFFICE CORNERSTONE\2020\01.2020\RELATORIO\15.01.2020\</t>
  </si>
  <si>
    <t>01/16/2020 11:08:11</t>
  </si>
  <si>
    <t>0e01c248-7055-4fa9-a7a2-bba66df3a82d.tmp</t>
  </si>
  <si>
    <t>\\acsfs\profiles$\nayarasds\Downloads\0e01c248-7055-4fa9-a7a2-bba66df3a82d.tmp</t>
  </si>
  <si>
    <t>01/16/2020 11:06:46</t>
  </si>
  <si>
    <t>01/16/2020 11:11:36</t>
  </si>
  <si>
    <t>\\acsfs\profiles$\LUCASBS\RENEG BV\Consolidado\</t>
  </si>
  <si>
    <t>.~lock.RENEG BV - Venc 17.01.2020 - Lucas.ods#</t>
  </si>
  <si>
    <t>\\acsfs\profiles$\LUCASBS\RENEG BV\Consolidado\.~lock.RENEG BV - Venc 17.01.2020 - Lucas.ods#</t>
  </si>
  <si>
    <t>01/16/2020 11:06:55</t>
  </si>
  <si>
    <t>lu232362w2313.tmp</t>
  </si>
  <si>
    <t>\\acsfs\profiles$\LUCASBS\RENEG BV\Consolidado\lu232362w2313.tmp</t>
  </si>
  <si>
    <t>\\acsfs\profiles$\LUCASBS\RENEG BV\Consolidado\lu232362w2313.tmp\</t>
  </si>
  <si>
    <t>01/16/2020 11:06:56</t>
  </si>
  <si>
    <t>\\acsfs\profiles$\LUCASBS\RENEG BV\Consolidado\lu232362w2313.tmp\META-INF\</t>
  </si>
  <si>
    <t>\\acsfs\profiles$\LUCASBS\RENEG BV\Consolidado\lu232362w2313.tmp\Thumbnails\</t>
  </si>
  <si>
    <t>01/16/2020 11:07:38</t>
  </si>
  <si>
    <t>01/16/2020 11:08:08</t>
  </si>
  <si>
    <t>01/16/2020 11:08:38</t>
  </si>
  <si>
    <t>01/16/2020 11:06:30</t>
  </si>
  <si>
    <t>01/16/2020 11:06:42</t>
  </si>
  <si>
    <t>01/16/2020 11:06:44</t>
  </si>
  <si>
    <t>01/16/2020 11:10:30</t>
  </si>
  <si>
    <t>01/16/2020 11:12:35</t>
  </si>
  <si>
    <t>acbe104e-3634-4a84-9759-a86533492c2d.tmp</t>
  </si>
  <si>
    <t>\\acsfs\profiles$\lucasgpe\Downloads\acbe104e-3634-4a84-9759-a86533492c2d.tmp</t>
  </si>
  <si>
    <t>01/16/2020 11:08:30</t>
  </si>
  <si>
    <t>01/16/2020 11:08:31</t>
  </si>
  <si>
    <t>01/16/2020 11:14:35</t>
  </si>
  <si>
    <t>01/16/2020 11:13:10</t>
  </si>
  <si>
    <t>\\acsfs\DEPTOS\EDUCACAO EMPRESARIAL\2 - Operações\0 - BV\1 - TREINADORES\Haruna\Templates\</t>
  </si>
  <si>
    <t>\\acsfs\DEPTOS\EDUCACAO EMPRESARIAL\2 - Operações\0 - BV\1 - TREINADORES\Haruna\Templates\Thumbs.db</t>
  </si>
  <si>
    <t>01/16/2020 11:15:35</t>
  </si>
  <si>
    <t>01/16/2020 11:10:47</t>
  </si>
  <si>
    <t>01/16/2020 11:10:48</t>
  </si>
  <si>
    <t>lu230282can4s.tmp</t>
  </si>
  <si>
    <t>\\acsfs\profiles$\jalilebds\Downloads\lu230282can4s.tmp</t>
  </si>
  <si>
    <t>01/16/2020 11:14:08</t>
  </si>
  <si>
    <t>01/16/2020 11:16:35</t>
  </si>
  <si>
    <t>2d8317bb-d6a8-4d48-a1ca-32e09bf79d75.tmp</t>
  </si>
  <si>
    <t>\\acsfs\profiles$\joselrb\Downloads\2d8317bb-d6a8-4d48-a1ca-32e09bf79d75.tmp</t>
  </si>
  <si>
    <t>01/16/2020 11:15:00</t>
  </si>
  <si>
    <t>fedc4f0b-ffed-450f-95b3-91938afeccd9.tmp</t>
  </si>
  <si>
    <t>\\acsfs\profiles$\jhonatadss\Downloads\fedc4f0b-ffed-450f-95b3-91938afeccd9.tmp</t>
  </si>
  <si>
    <t>01/16/2020 11:13:29</t>
  </si>
  <si>
    <t>163154dd-9a76-4321-9918-e81cd85b7e8a.tmp</t>
  </si>
  <si>
    <t>\\acsfs\profiles$\adelvinsonle\Downloads\163154dd-9a76-4321-9918-e81cd85b7e8a.tmp</t>
  </si>
  <si>
    <t>01/16/2020 11:17:26</t>
  </si>
  <si>
    <t>01/16/2020 11:18:35</t>
  </si>
  <si>
    <t>db7e8cca-a32a-438c-8188-80aec6c82f56.tmp</t>
  </si>
  <si>
    <t>\\acsfs\profiles$\vivianalds\Downloads\db7e8cca-a32a-438c-8188-80aec6c82f56.tmp</t>
  </si>
  <si>
    <t>01/16/2020 11:15:11</t>
  </si>
  <si>
    <t>01/16/2020 11:19:35</t>
  </si>
  <si>
    <t>01/16/2020 11:15:41</t>
  </si>
  <si>
    <t>01/16/2020 11:20:35</t>
  </si>
  <si>
    <t>01/16/2020 11:16:18</t>
  </si>
  <si>
    <t>01/16/2020 11:17:33</t>
  </si>
  <si>
    <t>01/16/2020 11:17:39</t>
  </si>
  <si>
    <t>01/16/2020 11:17:56</t>
  </si>
  <si>
    <t>01/16/2020 11:18:01</t>
  </si>
  <si>
    <t>01/16/2020 11:18:12</t>
  </si>
  <si>
    <t>01/16/2020 11:18:23</t>
  </si>
  <si>
    <t>01/16/2020 11:18:31</t>
  </si>
  <si>
    <t>01/16/2020 11:18:40</t>
  </si>
  <si>
    <t>01/16/2020 11:18:46</t>
  </si>
  <si>
    <t>01/16/2020 11:19:01</t>
  </si>
  <si>
    <t>01/16/2020 11:19:17</t>
  </si>
  <si>
    <t>01/16/2020 11:19:19</t>
  </si>
  <si>
    <t>01/16/2020 11:19:22</t>
  </si>
  <si>
    <t>01/16/2020 11:19:41</t>
  </si>
  <si>
    <t>01/16/2020 11:18:25</t>
  </si>
  <si>
    <t>01/16/2020 11:21:35</t>
  </si>
  <si>
    <t>\\acsfs\DEPTOS\EDUCACAO EMPRESARIAL\2 - Operações\0 - BV\1 - TREINADORES\Haruna\BV NA ESSENCIA\</t>
  </si>
  <si>
    <t>~$embaixadores eleitos.pptx</t>
  </si>
  <si>
    <t>\\acsfs\DEPTOS\EDUCACAO EMPRESARIAL\2 - Operações\0 - BV\1 - TREINADORES\Haruna\BV NA ESSENCIA\~$embaixadores eleitos.pptx</t>
  </si>
  <si>
    <t>01/16/2020 11:18:32</t>
  </si>
  <si>
    <t>\\acsfs\DEPTOS\EDUCACAO EMPRESARIAL\2 - Operações\0 - BV\1 - TREINADORES\Haruna\BV NA ESSENCIA\Thumbs.db</t>
  </si>
  <si>
    <t>01/16/2020 11:19:34</t>
  </si>
  <si>
    <t>\\acsfs\DEPTOS\EDUCACAO EMPRESARIAL\2 - Operações\0 - BV\1 - TREINADORES\Haruna\haruna\</t>
  </si>
  <si>
    <t>~$Multiplicadores Internos - Técnicas educacionais.pptx</t>
  </si>
  <si>
    <t>\\acsfs\DEPTOS\EDUCACAO EMPRESARIAL\2 - Operações\0 - BV\1 - TREINADORES\Haruna\haruna\~$Multiplicadores Internos - Técnicas educacionais.pptx</t>
  </si>
  <si>
    <t>01/16/2020 11:20:04</t>
  </si>
  <si>
    <t>01/16/2020 11:16:04</t>
  </si>
  <si>
    <t>263e61e0-325c-46d5-b32f-7db9c3dba46b.tmp</t>
  </si>
  <si>
    <t>\\acsfs\profiles$\joselrb\Downloads\263e61e0-325c-46d5-b32f-7db9c3dba46b.tmp</t>
  </si>
  <si>
    <t>01/16/2020 11:16:44</t>
  </si>
  <si>
    <t>7d2e569f-e76b-40cd-8f35-e7bf9018003e.tmp</t>
  </si>
  <si>
    <t>\\acsfs\profiles$\joselrb\Downloads\7d2e569f-e76b-40cd-8f35-e7bf9018003e.tmp</t>
  </si>
  <si>
    <t>01/16/2020 11:17:17</t>
  </si>
  <si>
    <t>43b06011-d8ef-444b-8118-f0205b06a7fb.tmp</t>
  </si>
  <si>
    <t>\\acsfs\profiles$\joselrb\Downloads\43b06011-d8ef-444b-8118-f0205b06a7fb.tmp</t>
  </si>
  <si>
    <t>01/16/2020 11:17:50</t>
  </si>
  <si>
    <t>\\acsfs\DEPTOS\Operacao\PCP\5 - Comum\PLANEJAMENTO BV\23 - EXTRAÇÕES\Agent State Details\2020\JANEIRO\</t>
  </si>
  <si>
    <t>Agent State Details 15.01.2020.xlsx</t>
  </si>
  <si>
    <t>\\acsfs\DEPTOS\Operacao\PCP\5 - Comum\PLANEJAMENTO BV\23 - EXTRAÇÕES\Agent State Details\2020\JANEIRO\Agent State Details 15.01.2020.xlsx</t>
  </si>
  <si>
    <t>01/16/2020 11:22:35</t>
  </si>
  <si>
    <t>01/16/2020 11:20:16</t>
  </si>
  <si>
    <t>00ee5ec7-b9ca-41d1-a572-13372ce4b481.tmp</t>
  </si>
  <si>
    <t>\\acsfs\profiles$\Angelicacldr\Downloads\00ee5ec7-b9ca-41d1-a572-13372ce4b481.tmp</t>
  </si>
  <si>
    <t>01/16/2020 11:23:35</t>
  </si>
  <si>
    <t>01/16/2020 11:18:30</t>
  </si>
  <si>
    <t>CASO 00819447 (REF 175302662) - OPERADOR HENRIQUE HUMBERTO MARCELINO DE OLIVEIRA_1_6780335733496422445_1_32.wav</t>
  </si>
  <si>
    <t>Algar_Multimedia Files</t>
  </si>
  <si>
    <t>\\acsfs\Deptos\EDUCACAO EMPRESARIAL\KÉSIA\OUVIDORIA, PROCON, BACEN E RECLAME AQUI\CASO 00819447 (REF 175302662) - OPERADOR HENRIQUE HUMBERTO MARCELINO DE OLIVEIRA_1_6780335733496422445_1_32.wav</t>
  </si>
  <si>
    <t>01/16/2020 11:21:50</t>
  </si>
  <si>
    <t>CASO 00819447 (REF 175302662) - ELIANE CRISTINA GUERRA.pdf</t>
  </si>
  <si>
    <t>\\acsfs\Deptos\EDUCACAO EMPRESARIAL\KÉSIA\OUVIDORIA, PROCON, BACEN E RECLAME AQUI\CASO 00819447 (REF 175302662) - ELIANE CRISTINA GUERRA.pdf</t>
  </si>
  <si>
    <t>01/16/2020 11:24:35</t>
  </si>
  <si>
    <t>01/16/2020 11:25:35</t>
  </si>
  <si>
    <t>01/16/2020 11:20:40</t>
  </si>
  <si>
    <t>01/16/2020 11:21:18</t>
  </si>
  <si>
    <t>01/16/2020 11:26:35</t>
  </si>
  <si>
    <t>\\acsfs\DEPTOS\EDUCACAO EMPRESARIAL\2 - Operações\0 - BV\1 - TREINADORES\Haruna\VENDAS\Vendas Icatu\</t>
  </si>
  <si>
    <t>\\acsfs\DEPTOS\EDUCACAO EMPRESARIAL\2 - Operações\0 - BV\1 - TREINADORES\Haruna\VENDAS\Vendas Icatu\Thumbs.db</t>
  </si>
  <si>
    <t>01/16/2020 11:25:01</t>
  </si>
  <si>
    <t>\\acsfs\DEPTOS\EDUCACAO EMPRESARIAL\2 - Operações\0 - BV\1 - TREINADORES\Haruna\BITMOJIS\</t>
  </si>
  <si>
    <t>\\acsfs\DEPTOS\EDUCACAO EMPRESARIAL\2 - Operações\0 - BV\1 - TREINADORES\Haruna\BITMOJIS\Thumbs.db</t>
  </si>
  <si>
    <t>01/16/2020 11:22:27</t>
  </si>
  <si>
    <t>81f0f258-0d85-4883-9f24-1c11400d1661.tmp</t>
  </si>
  <si>
    <t>\\acsfs\profiles$\joselrb\Downloads\81f0f258-0d85-4883-9f24-1c11400d1661.tmp</t>
  </si>
  <si>
    <t>01/16/2020 11:22:42</t>
  </si>
  <si>
    <t>01/16/2020 11:22:54</t>
  </si>
  <si>
    <t>01/16/2020 11:27:35</t>
  </si>
  <si>
    <t>4c4bf5d8-ea48-4766-a6b1-6775ef882fbc.tmp</t>
  </si>
  <si>
    <t>\\acsfs\profiles$\monicargds\Downloads\4c4bf5d8-ea48-4766-a6b1-6775ef882fbc.tmp</t>
  </si>
  <si>
    <t>01/16/2020 11:25:39</t>
  </si>
  <si>
    <t>8da88b94-f2d8-489c-9007-5a9335b9e7d2.tmp</t>
  </si>
  <si>
    <t>\\acsfs\profiles$\BRUNAAR\Downloads\8da88b94-f2d8-489c-9007-5a9335b9e7d2.tmp</t>
  </si>
  <si>
    <t>01/16/2020 11:25:32</t>
  </si>
  <si>
    <t>01/16/2020 11:25:58</t>
  </si>
  <si>
    <t>01/16/2020 11:28:35</t>
  </si>
  <si>
    <t>f4f44c87-8372-4a4c-bb15-d3c670759a85.tmp</t>
  </si>
  <si>
    <t>\\acsfs\profiles$\quindaizaagds\Downloads\f4f44c87-8372-4a4c-bb15-d3c670759a85.tmp</t>
  </si>
  <si>
    <t>01/16/2020 11:23:42</t>
  </si>
  <si>
    <t>CASO 00819447 (REF 175445007) - OPERADOR HENRIQUE HUMBERTO MARCELINO DE OLIVEIRA_1_6781442426309510731_1_32.wav</t>
  </si>
  <si>
    <t>\\acsfs\Deptos\EDUCACAO EMPRESARIAL\KÉSIA\OUVIDORIA, PROCON, BACEN E RECLAME AQUI\CASO 00819447 (REF 175445007) - OPERADOR HENRIQUE HUMBERTO MARCELINO DE OLIVEIRA_1_6781442426309510731_1_32.wav</t>
  </si>
  <si>
    <t>01/16/2020 11:24:50</t>
  </si>
  <si>
    <t>01/16/2020 11:25:05</t>
  </si>
  <si>
    <t>01/16/2020 11:25:25</t>
  </si>
  <si>
    <t>01/16/2020 11:25:46</t>
  </si>
  <si>
    <t>01/16/2020 11:25:51</t>
  </si>
  <si>
    <t>bvs-centralcartoes@bv.com.br;cintia.souza-domingues@dxc.com;eduardo.santana@bv.com.br;fernandaab@algartech.com;fernandorsju@algartech.com;lilianls@algartech.com;marianeps@algartech.com;suportebv@mutantbr.com;talmaiardo@algartech.com;tatiane.biassi@mutantbr.com;thiagordu@algartech.com;</t>
  </si>
  <si>
    <t>bvs-centralcartoes@bv.com.br,cintia.souza-domingues@dxc.com,eduardo.santana@bv.com.br,fernandaab@algartech.com,fernandorsju@algartech.com,lilianls@algartech.com,marianeps@algartech.com,suportebv@mutantbr.com,talmaiardo@algartech.com,tatiane.biassi@mutantbr.com,thiagordu@algartech.com</t>
  </si>
  <si>
    <t>01/16/2020 11:25:55</t>
  </si>
  <si>
    <t>01/16/2020 11:26:03</t>
  </si>
  <si>
    <t>01/16/2020 11:27:04</t>
  </si>
  <si>
    <t>01/16/2020 11:29:35</t>
  </si>
  <si>
    <t>8cb2022e-e488-4870-9347-f2a58f567255.tmp</t>
  </si>
  <si>
    <t>\\acsfs\profiles$\francislayneads\Downloads\8cb2022e-e488-4870-9347-f2a58f567255.tmp</t>
  </si>
  <si>
    <t>01/16/2020 11:26:58</t>
  </si>
  <si>
    <t>01/16/2020 11:31:35</t>
  </si>
  <si>
    <t>01/16/2020 11:31:07</t>
  </si>
  <si>
    <t>100029219261351;joaogvc@algartech.com;marianadjc@algartech.com;rafaelggs@algartech.com;taysdss@algartech.com;viniciussg@algartech.com;</t>
  </si>
  <si>
    <t>https://100029219261351,joaogvc@algartech.com,marianadjc@algartech.com,rafaelggs@algartech.com,taysdss@algartech.com,viniciussg@algartech.com</t>
  </si>
  <si>
    <t>01/16/2020 11:30:51</t>
  </si>
  <si>
    <t>01/16/2020 11:32:35</t>
  </si>
  <si>
    <t>01/16/2020 11:30:56</t>
  </si>
  <si>
    <t>4142d668-2c6a-42da-9bf9-139f8da90c75.tmp</t>
  </si>
  <si>
    <t>\\acsfs\profiles$\antoniosva\Downloads\4142d668-2c6a-42da-9bf9-139f8da90c75.tmp</t>
  </si>
  <si>
    <t>01/16/2020 11:30:08</t>
  </si>
  <si>
    <t>aa12da7a-eab6-4a84-baee-64d2c808d3e7.tmp</t>
  </si>
  <si>
    <t>\\acsfs\profiles$\monicargds\Downloads\aa12da7a-eab6-4a84-baee-64d2c808d3e7.tmp</t>
  </si>
  <si>
    <t>01/16/2020 11:30:50</t>
  </si>
  <si>
    <t>01/16/2020 11:33:36</t>
  </si>
  <si>
    <t>lu10556ftp5.tmp</t>
  </si>
  <si>
    <t>\\acsfs\profiles$\VIVIANALDS\My Documents\lu10556ftp5.tmp</t>
  </si>
  <si>
    <t>\\acsfs\profiles$\VIVIANALDS\My Documents\lu10556ftp5.tmp\</t>
  </si>
  <si>
    <t>\\acsfs\profiles$\VIVIANALDS\My Documents\lu10556ftp5.tmp\META-INF\</t>
  </si>
  <si>
    <t>\\acsfs\profiles$\VIVIANALDS\My Documents\lu10556ftp5.tmp\Thumbnails\</t>
  </si>
  <si>
    <t>01/16/2020 11:30:54</t>
  </si>
  <si>
    <t>lu10556ftp9.tmp</t>
  </si>
  <si>
    <t>\\acsfs\profiles$\VIVIANALDS\My Documents\lu10556ftp9.tmp</t>
  </si>
  <si>
    <t>\\acsfs\profiles$\VIVIANALDS\My Documents\lu10556ftp9.tmp\</t>
  </si>
  <si>
    <t>\\acsfs\profiles$\VIVIANALDS\My Documents\lu10556ftp9.tmp\META-INF\</t>
  </si>
  <si>
    <t>\\acsfs\profiles$\VIVIANALDS\My Documents\lu10556ftp9.tmp\Thumbnails\</t>
  </si>
  <si>
    <t>01/16/2020 11:31:03</t>
  </si>
  <si>
    <t>01/16/2020 11:31:04</t>
  </si>
  <si>
    <t>lu10556ftpd.tmp</t>
  </si>
  <si>
    <t>\\acsfs\profiles$\VIVIANALDS\My Documents\lu10556ftpd.tmp</t>
  </si>
  <si>
    <t>\\acsfs\profiles$\VIVIANALDS\My Documents\lu10556ftpd.tmp\</t>
  </si>
  <si>
    <t>\\acsfs\profiles$\VIVIANALDS\My Documents\lu10556ftpd.tmp\META-INF\</t>
  </si>
  <si>
    <t>\\acsfs\profiles$\VIVIANALDS\My Documents\lu10556ftpd.tmp\Thumbnails\</t>
  </si>
  <si>
    <t>01/16/2020 11:31:18</t>
  </si>
  <si>
    <t>lu10556ftph.tmp</t>
  </si>
  <si>
    <t>\\acsfs\profiles$\VIVIANALDS\My Documents\lu10556ftph.tmp</t>
  </si>
  <si>
    <t>\\acsfs\profiles$\VIVIANALDS\My Documents\lu10556ftph.tmp\</t>
  </si>
  <si>
    <t>\\acsfs\profiles$\VIVIANALDS\My Documents\lu10556ftph.tmp\META-INF\</t>
  </si>
  <si>
    <t>\\acsfs\profiles$\VIVIANALDS\My Documents\lu10556ftph.tmp\Thumbnails\</t>
  </si>
  <si>
    <t>01/16/2020 11:32:33</t>
  </si>
  <si>
    <t>adrianoms@algartech.com;alexandre.m.souza@bradesco.com.br;alvarobgadm@algartech.com.br;anaprp@algartech.com;andreavm@algartech.com.br;brunos.leite@bradesco.com.br;bvs-centralcartoes@bv.com.br;carlaicc@algartech.com.br;cintia.souza-domingues@dxc.com;daniela.souza@bradesco.com.br;eduardo.santana@bv.com.br;elainesilva@bradesco.com.br;fernandaab@algartech.com;fernandorsju@algartech.com;helidafp@algartech.com.br;johnatards@algartech.com.br;karitacsm@algartech.com.br;mariacsc@algartech.com;nivia.queiroz@bradesco.com.br;qualidadealerta@algartech.com;rosana.m.goncalves@bradesco.com.br;rubia.pereira@bradesco.com.br;talmaiardo@algartech.com;thiagordu@algartech.com;veslianeaf@algartech.com;</t>
  </si>
  <si>
    <t>adrianoms@algartech.com,alexandre.m.souza@bradesco.com.br,alvarobgadm@algartech.com.br,anaprp@algartech.com,andreavm@algartech.com.br,brunos.leite@bradesco.com.br,bvs-centralcartoes@bv.com.br,carlaicc@algartech.com.br,cintia.souza-domingues@dxc.com,daniela.souza@bradesco.com.br,eduardo.santana@bv.com.br,elainesilva@bradesco.com.br,fernandaab@algartech.com,fernandorsju@algartech.com,helidafp@algartech.com.br,johnatards@algartech.com.br,karitacsm@algartech.com.br,mariacsc@algartech.com,nivia.queiroz@bradesco.com.br,qualidadealerta@algartech.com,rosana.m.goncalves@bradesco.com.br,rubia.pereira@bradesco.com.br,talmaiardo@algartech.com,thiagordu@algartech.com,veslianeaf@algartech.com</t>
  </si>
  <si>
    <t>01/16/2020 11:32:41</t>
  </si>
  <si>
    <t>01/16/2020 11:32:49</t>
  </si>
  <si>
    <t>01/16/2020 11:33:08</t>
  </si>
  <si>
    <t>01/16/2020 11:33:28</t>
  </si>
  <si>
    <t>01/16/2020 11:34:35</t>
  </si>
  <si>
    <t>acd98124-2403-44ba-9392-39946237423f.tmp</t>
  </si>
  <si>
    <t>\\acsfs\profiles$\larissaad\Downloads\acd98124-2403-44ba-9392-39946237423f.tmp</t>
  </si>
  <si>
    <t>01/16/2020 11:36:35</t>
  </si>
  <si>
    <t>01/16/2020 11:32:24</t>
  </si>
  <si>
    <t>01/16/2020 11:35:34</t>
  </si>
  <si>
    <t>01/16/2020 11:35:35</t>
  </si>
  <si>
    <t>01/16/2020 11:32:18</t>
  </si>
  <si>
    <t>https://100029219261351</t>
  </si>
  <si>
    <t>01/16/2020 11:34:11</t>
  </si>
  <si>
    <t>01/16/2020 11:37:35</t>
  </si>
  <si>
    <t>.~lock.exclusoesXdocx.xlsx#</t>
  </si>
  <si>
    <t>\\acsfs\ACS\Gabriel da Silva\Contemporânea\Acessos\.~lock.exclusoesXdocx.xlsx#</t>
  </si>
  <si>
    <t>01/16/2020 11:36:39</t>
  </si>
  <si>
    <t>.~lock.Pasta6.xlsx#</t>
  </si>
  <si>
    <t>\\acsfs\ACS\Gabriel da Silva\Contemporânea\Acessos\.~lock.Pasta6.xlsx#</t>
  </si>
  <si>
    <t>01/16/2020 11:33:59</t>
  </si>
  <si>
    <t>01/16/2020 11:35:30</t>
  </si>
  <si>
    <t>01/16/2020 11:38:35</t>
  </si>
  <si>
    <t>3f8149dd-2e3b-4cb0-a145-2d14d5061684.tmp</t>
  </si>
  <si>
    <t>\\acsfs\profiles$\esterasg\Downloads\3f8149dd-2e3b-4cb0-a145-2d14d5061684.tmp</t>
  </si>
  <si>
    <t>01/16/2020 11:34:15</t>
  </si>
  <si>
    <t>01/16/2020 11:34:16</t>
  </si>
  <si>
    <t>lu10556ftpl.tmp</t>
  </si>
  <si>
    <t>\\acsfs\profiles$\VIVIANALDS\My Documents\lu10556ftpl.tmp</t>
  </si>
  <si>
    <t>\\acsfs\profiles$\VIVIANALDS\My Documents\lu10556ftpl.tmp\</t>
  </si>
  <si>
    <t>\\acsfs\profiles$\VIVIANALDS\My Documents\lu10556ftpl.tmp\META-INF\</t>
  </si>
  <si>
    <t>\\acsfs\profiles$\VIVIANALDS\My Documents\lu10556ftpl.tmp\Thumbnails\</t>
  </si>
  <si>
    <t>CASO 00819447 (REF 175445007) - ELIANE CRISTINA GUERRA.pdf</t>
  </si>
  <si>
    <t>\\acsfs\Deptos\EDUCACAO EMPRESARIAL\KÉSIA\OUVIDORIA, PROCON, BACEN E RECLAME AQUI\CASO 00819447 (REF 175445007) - ELIANE CRISTINA GUERRA.pdf</t>
  </si>
  <si>
    <t>01/16/2020 11:34:22</t>
  </si>
  <si>
    <t>01/16/2020 11:35:15</t>
  </si>
  <si>
    <t>01/16/2020 11:35:37</t>
  </si>
  <si>
    <t>01/16/2020 11:35:41</t>
  </si>
  <si>
    <t>01/16/2020 11:35:42</t>
  </si>
  <si>
    <t>01/16/2020 11:35:45</t>
  </si>
  <si>
    <t>01/16/2020 11:35:51</t>
  </si>
  <si>
    <t>01/16/2020 11:35:52</t>
  </si>
  <si>
    <t>01/16/2020 11:35:57</t>
  </si>
  <si>
    <t>01/16/2020 11:35:59</t>
  </si>
  <si>
    <t>01/16/2020 11:36:28</t>
  </si>
  <si>
    <t>01/16/2020 11:36:23</t>
  </si>
  <si>
    <t>01/16/2020 11:39:35</t>
  </si>
  <si>
    <t>01/16/2020 11:36:29</t>
  </si>
  <si>
    <t>01/16/2020 11:40:35</t>
  </si>
  <si>
    <t>01/16/2020 11:36:34</t>
  </si>
  <si>
    <t>lu156202imcc7.tmp</t>
  </si>
  <si>
    <t>\\acsfs\profiles$\Flaviojmm\My Documents\lu156202imcc7.tmp</t>
  </si>
  <si>
    <t>\\acsfs\profiles$\Flaviojmm\My Documents\lu156202imcc7.tmp\</t>
  </si>
  <si>
    <t>\\acsfs\profiles$\Flaviojmm\My Documents\lu156202imcc7.tmp\META-INF\</t>
  </si>
  <si>
    <t>\\acsfs\profiles$\Flaviojmm\My Documents\lu156202imcc7.tmp\Thumbnails\</t>
  </si>
  <si>
    <t>01/16/2020 11:38:07</t>
  </si>
  <si>
    <t>01/16/2020 11:41:36</t>
  </si>
  <si>
    <t>a2cb70ab-906d-4b49-b0ed-b480d9b49964.tmp</t>
  </si>
  <si>
    <t>\\acsfs\profiles$\gabriellalpr\Downloads\a2cb70ab-906d-4b49-b0ed-b480d9b49964.tmp</t>
  </si>
  <si>
    <t>01/16/2020 11:36:40</t>
  </si>
  <si>
    <t>01/16/2020 11:37:59</t>
  </si>
  <si>
    <t>01/16/2020 11:38:59</t>
  </si>
  <si>
    <t>01/16/2020 11:39:23</t>
  </si>
  <si>
    <t>01/16/2020 11:42:35</t>
  </si>
  <si>
    <t>01/16/2020 11:37:56</t>
  </si>
  <si>
    <t>1f06f413-c777-4d66-98a0-dc87bb30540e.tmp</t>
  </si>
  <si>
    <t>\\acsfs\profiles$\gustavoab\Downloads\1f06f413-c777-4d66-98a0-dc87bb30540e.tmp</t>
  </si>
  <si>
    <t>01/16/2020 11:37:10</t>
  </si>
  <si>
    <t>.~lock.Vendas ALGAR.xlsb#</t>
  </si>
  <si>
    <t>\\acsfs\ACS\Gabriel da Silva\Contemporânea\.~lock.Vendas ALGAR.xlsb#</t>
  </si>
  <si>
    <t>01/16/2020 11:37:12</t>
  </si>
  <si>
    <t>6189b134-2d97-43c0-81eb-c0ba635aeaca.tmp</t>
  </si>
  <si>
    <t>\\acsfs\profiles$\danielmlds\Downloads\6189b134-2d97-43c0-81eb-c0ba635aeaca.tmp</t>
  </si>
  <si>
    <t>01/16/2020 11:38:18</t>
  </si>
  <si>
    <t>f4570d63-9e9b-4b7d-87a3-70622e0638f4.tmp</t>
  </si>
  <si>
    <t>\\acsfs\profiles$\danielmlds\Downloads\f4570d63-9e9b-4b7d-87a3-70622e0638f4.tmp</t>
  </si>
  <si>
    <t>01/16/2020 11:37:13</t>
  </si>
  <si>
    <t>1160ff48-ad45-4377-bd4d-cfa22927ec73.tmp</t>
  </si>
  <si>
    <t>\\acsfs\profiles$\lucasgpe\Downloads\1160ff48-ad45-4377-bd4d-cfa22927ec73.tmp</t>
  </si>
  <si>
    <t>01/16/2020 11:39:53</t>
  </si>
  <si>
    <t>01/16/2020 11:40:09</t>
  </si>
  <si>
    <t>01/16/2020 11:40:24</t>
  </si>
  <si>
    <t>01/16/2020 11:40:31</t>
  </si>
  <si>
    <t>anderson.magalhaes@dxc.com;brcardsparametros@dxc.com;bvcartes-supervisores@algarnet.onmicrosoft.com;daniela.ribeiro@bv.com.br;eric.delomodarme@dxc.com;fabio.ernest@bv.com.br;jean.loiola@bv.com.br;priscila.pedro@dxc.com;thiagordu@algartech.com;</t>
  </si>
  <si>
    <t>anderson.magalhaes@dxc.com,brcardsparametros@dxc.com,bvcartes-supervisores@algarnet.onmicrosoft.com,daniela.ribeiro@bv.com.br,eric.delomodarme@dxc.com,fabio.ernest@bv.com.br,jean.loiola@bv.com.br,priscila.pedro@dxc.com,thiagordu@algartech.com</t>
  </si>
  <si>
    <t>01/16/2020 11:40:46</t>
  </si>
  <si>
    <t>01/16/2020 11:41:01</t>
  </si>
  <si>
    <t>01/16/2020 11:41:18</t>
  </si>
  <si>
    <t>01/16/2020 11:41:54</t>
  </si>
  <si>
    <t>01/16/2020 11:42:04</t>
  </si>
  <si>
    <t>01/16/2020 11:42:10</t>
  </si>
  <si>
    <t>01/16/2020 11:38:50</t>
  </si>
  <si>
    <t>01/16/2020 11:43:35</t>
  </si>
  <si>
    <t>01/16/2020 11:38:56</t>
  </si>
  <si>
    <t>01/16/2020 11:40:56</t>
  </si>
  <si>
    <t>01/16/2020 11:42:21</t>
  </si>
  <si>
    <t>01/16/2020 11:42:30</t>
  </si>
  <si>
    <t>01/16/2020 11:42:33</t>
  </si>
  <si>
    <t>01/16/2020 11:42:43</t>
  </si>
  <si>
    <t>01/16/2020 11:42:49</t>
  </si>
  <si>
    <t>01/16/2020 11:41:42</t>
  </si>
  <si>
    <t>01/16/2020 11:41:33</t>
  </si>
  <si>
    <t>01/16/2020 11:43:42</t>
  </si>
  <si>
    <t>01/16/2020 11:44:35</t>
  </si>
  <si>
    <t>b8c8ae31-005f-4f00-b3ee-30240fc39d11.tmp</t>
  </si>
  <si>
    <t>\\acsfs\profiles$\larissaad\Downloads\b8c8ae31-005f-4f00-b3ee-30240fc39d11.tmp</t>
  </si>
  <si>
    <t>01/16/2020 11:43:31</t>
  </si>
  <si>
    <t>01/16/2020 11:45:36</t>
  </si>
  <si>
    <t>8d77d52b-1512-4736-a9c3-9dd6a16373f0.tmp</t>
  </si>
  <si>
    <t>\\acsfs\profiles$\mariajra\Downloads\8d77d52b-1512-4736-a9c3-9dd6a16373f0.tmp</t>
  </si>
  <si>
    <t>01/16/2020 11:45:02</t>
  </si>
  <si>
    <t>01/16/2020 11:46:35</t>
  </si>
  <si>
    <t>01/16/2020 11:42:53</t>
  </si>
  <si>
    <t>01/16/2020 11:42:54</t>
  </si>
  <si>
    <t>01/16/2020 11:41:40</t>
  </si>
  <si>
    <t>100014123564284;100029219261351;joaogvc@algartech.com;marianadjc@algartech.com;planejamentodeoperacoesetrafego@bv.com.br;raphaelmco@algartech.com.br;ricardodfm@algartech.com.br;taysdss@algartech.com;viniciussg@algartech.com;</t>
  </si>
  <si>
    <t>https://100014123564284,100029219261351,joaogvc@algartech.com,marianadjc@algartech.com,planejamentodeoperacoesetrafego@bv.com.br,raphaelmco@algartech.com.br,ricardodfm@algartech.com.br,taysdss@algartech.com,viniciussg@algartech.com</t>
  </si>
  <si>
    <t>01/16/2020 11:43:03</t>
  </si>
  <si>
    <t>01/16/2020 11:43:48</t>
  </si>
  <si>
    <t>01/16/2020 11:44:07</t>
  </si>
  <si>
    <t>01/16/2020 11:44:53</t>
  </si>
  <si>
    <t>01/16/2020 11:46:12</t>
  </si>
  <si>
    <t>01/16/2020 11:47:35</t>
  </si>
  <si>
    <t>01/16/2020 11:45:01</t>
  </si>
  <si>
    <t>01/16/2020 11:48:35</t>
  </si>
  <si>
    <t>lu10556ftpp.tmp</t>
  </si>
  <si>
    <t>\\acsfs\profiles$\VIVIANALDS\My Documents\lu10556ftpp.tmp</t>
  </si>
  <si>
    <t>\\acsfs\profiles$\VIVIANALDS\My Documents\lu10556ftpp.tmp\</t>
  </si>
  <si>
    <t>\\acsfs\profiles$\VIVIANALDS\My Documents\lu10556ftpp.tmp\META-INF\</t>
  </si>
  <si>
    <t>\\acsfs\profiles$\VIVIANALDS\My Documents\lu10556ftpp.tmp\Thumbnails\</t>
  </si>
  <si>
    <t>01/16/2020 11:42:59</t>
  </si>
  <si>
    <t>01/16/2020 11:43:10</t>
  </si>
  <si>
    <t>01/16/2020 11:43:23</t>
  </si>
  <si>
    <t>01/16/2020 11:44:36</t>
  </si>
  <si>
    <t>01/16/2020 11:44:49</t>
  </si>
  <si>
    <t>01/16/2020 11:44:57</t>
  </si>
  <si>
    <t>01/16/2020 11:45:08</t>
  </si>
  <si>
    <t>01/16/2020 11:49:35</t>
  </si>
  <si>
    <t>fa263931-8fbf-4d93-b4fe-2b802f49368b.tmp</t>
  </si>
  <si>
    <t>\\acsfs\profiles$\larissaad\Downloads\fa263931-8fbf-4d93-b4fe-2b802f49368b.tmp</t>
  </si>
  <si>
    <t>01/16/2020 11:44:21</t>
  </si>
  <si>
    <t>33511532-e15c-4ae3-9bf4-407bd75bcf37.tmp</t>
  </si>
  <si>
    <t>\\acsfs\profiles$\mariagsg\Downloads\33511532-e15c-4ae3-9bf4-407bd75bcf37.tmp</t>
  </si>
  <si>
    <t>01/16/2020 11:50:36</t>
  </si>
  <si>
    <t>01/16/2020 11:48:24</t>
  </si>
  <si>
    <t>4d3bc1ed-9796-42c3-843e-bbef4c50d4ce.tmp</t>
  </si>
  <si>
    <t>\\acsfs\profiles$\danielac\Downloads\4d3bc1ed-9796-42c3-843e-bbef4c50d4ce.tmp</t>
  </si>
  <si>
    <t>01/16/2020 11:49:05</t>
  </si>
  <si>
    <t>52730eb2-da90-4ff0-93c9-06e11da62b9c.tmp</t>
  </si>
  <si>
    <t>\\acsfs\profiles$\danielac\Downloads\52730eb2-da90-4ff0-93c9-06e11da62b9c.tmp</t>
  </si>
  <si>
    <t>01/16/2020 11:49:34</t>
  </si>
  <si>
    <t>01/16/2020 11:51:35</t>
  </si>
  <si>
    <t>01/16/2020 11:49:40</t>
  </si>
  <si>
    <t>lu232362w231k.tmp</t>
  </si>
  <si>
    <t>\\acsfs\profiles$\LUCASBS\RENEG BV\Consolidado\lu232362w231k.tmp</t>
  </si>
  <si>
    <t>\\acsfs\profiles$\LUCASBS\RENEG BV\Consolidado\lu232362w231k.tmp\</t>
  </si>
  <si>
    <t>\\acsfs\profiles$\LUCASBS\RENEG BV\Consolidado\lu232362w231k.tmp\META-INF\</t>
  </si>
  <si>
    <t>\\acsfs\profiles$\LUCASBS\RENEG BV\Consolidado\lu232362w231k.tmp\Thumbnails\</t>
  </si>
  <si>
    <t>01/16/2020 11:50:41</t>
  </si>
  <si>
    <t>57e85c66-0470-4d8e-8800-de6c92fc9e41.tmp</t>
  </si>
  <si>
    <t>\\acsfs\profiles$\gabriellalpr\Downloads\57e85c66-0470-4d8e-8800-de6c92fc9e41.tmp</t>
  </si>
  <si>
    <t>01/16/2020 11:48:10</t>
  </si>
  <si>
    <t>01/16/2020 11:48:14</t>
  </si>
  <si>
    <t>100029219261351;joaogvc@algartech.com;marianadjc@algartech.com;planejamentodeoperacoesetrafego@bv.com.br;rafaelggs@algartech.com;raphaelmco@algartech.com.br;ricardodfm@algartech.com.br;taysdss@algartech.com;viniciussg@algartech.com;</t>
  </si>
  <si>
    <t>https://100029219261351,joaogvc@algartech.com,marianadjc@algartech.com,planejamentodeoperacoesetrafego@bv.com.br,rafaelggs@algartech.com,raphaelmco@algartech.com.br,ricardodfm@algartech.com.br,taysdss@algartech.com,viniciussg@algartech.com</t>
  </si>
  <si>
    <t>01/16/2020 11:53:35</t>
  </si>
  <si>
    <t>01/16/2020 11:50:13</t>
  </si>
  <si>
    <t>01/16/2020 11:54:35</t>
  </si>
  <si>
    <t>01/16/2020 11:51:36</t>
  </si>
  <si>
    <t>01/16/2020 11:55:35</t>
  </si>
  <si>
    <t>lu7668qmie.tmp</t>
  </si>
  <si>
    <t>\\acsfs\profiles$\ALEXANDREMM\lu7668qmie.tmp</t>
  </si>
  <si>
    <t>\\acsfs\profiles$\ALEXANDREMM\lu7668qmie.tmp\</t>
  </si>
  <si>
    <t>\\acsfs\profiles$\ALEXANDREMM\lu7668qmie.tmp\META-INF\</t>
  </si>
  <si>
    <t>\\acsfs\profiles$\ALEXANDREMM\lu7668qmie.tmp\Thumbnails\</t>
  </si>
  <si>
    <t>01/16/2020 11:51:38</t>
  </si>
  <si>
    <t>01/16/2020 11:51:39</t>
  </si>
  <si>
    <t>lu7668qmii.tmp</t>
  </si>
  <si>
    <t>\\acsfs\profiles$\ALEXANDREMM\lu7668qmii.tmp</t>
  </si>
  <si>
    <t>\\acsfs\profiles$\ALEXANDREMM\lu7668qmii.tmp\</t>
  </si>
  <si>
    <t>\\acsfs\profiles$\ALEXANDREMM\lu7668qmii.tmp\META-INF\</t>
  </si>
  <si>
    <t>\\acsfs\profiles$\ALEXANDREMM\lu7668qmii.tmp\Thumbnails\</t>
  </si>
  <si>
    <t>01/16/2020 11:52:10</t>
  </si>
  <si>
    <t>01/16/2020 11:52:11</t>
  </si>
  <si>
    <t>lu230282can50.tmp</t>
  </si>
  <si>
    <t>\\acsfs\profiles$\jalilebds\Downloads\lu230282can50.tmp</t>
  </si>
  <si>
    <t>01/16/2020 11:56:35</t>
  </si>
  <si>
    <t>01/16/2020 11:52:57</t>
  </si>
  <si>
    <t>7bcdcee6-0c77-4e95-89d9-dce00624191f.tmp</t>
  </si>
  <si>
    <t>\\acsfs\profiles$\sarahbal\Downloads\7bcdcee6-0c77-4e95-89d9-dce00624191f.tmp</t>
  </si>
  <si>
    <t>01/16/2020 11:55:56</t>
  </si>
  <si>
    <t>01/16/2020 11:58:35</t>
  </si>
  <si>
    <t>01/16/2020 11:56:03</t>
  </si>
  <si>
    <t>01/16/2020 11:55:12</t>
  </si>
  <si>
    <t>80ffc7f6-a1e2-49b5-8b70-5bcfde773e1b.tmp</t>
  </si>
  <si>
    <t>\\acsfs\profiles$\cintiadcf\Downloads\80ffc7f6-a1e2-49b5-8b70-5bcfde773e1b.tmp</t>
  </si>
  <si>
    <t>01/16/2020 11:59:36</t>
  </si>
  <si>
    <t>01/16/2020 12:00:35</t>
  </si>
  <si>
    <t>01/16/2020 11:55:31</t>
  </si>
  <si>
    <t>7a996b82-df5a-40d3-b1b2-1a078a6a42e3.tmp</t>
  </si>
  <si>
    <t>\\acsfs\profiles$\jalilebds\Downloads\7a996b82-df5a-40d3-b1b2-1a078a6a42e3.tmp</t>
  </si>
  <si>
    <t>01/16/2020 11:55:38</t>
  </si>
  <si>
    <t>01/16/2020 12:00:22</t>
  </si>
  <si>
    <t>01/16/2020 12:01:35</t>
  </si>
  <si>
    <t>01/16/2020 12:00:28</t>
  </si>
  <si>
    <t>lu232362w231t.tmp</t>
  </si>
  <si>
    <t>\\acsfs\profiles$\LUCASBS\RENEG BV\Consolidado\lu232362w231t.tmp</t>
  </si>
  <si>
    <t>\\acsfs\profiles$\LUCASBS\RENEG BV\Consolidado\lu232362w231t.tmp\</t>
  </si>
  <si>
    <t>\\acsfs\profiles$\LUCASBS\RENEG BV\Consolidado\lu232362w231t.tmp\META-INF\</t>
  </si>
  <si>
    <t>\\acsfs\profiles$\LUCASBS\RENEG BV\Consolidado\lu232362w231t.tmp\Thumbnails\</t>
  </si>
  <si>
    <t>01/16/2020 11:57:14</t>
  </si>
  <si>
    <t>01/16/2020 12:02:35</t>
  </si>
  <si>
    <t>01/16/2020 11:57:22</t>
  </si>
  <si>
    <t>3c13bddc-4141-4572-a21f-db963c8c971b.tmp</t>
  </si>
  <si>
    <t>\\acsfs\profiles$\BRUNAAR\Downloads\3c13bddc-4141-4572-a21f-db963c8c971b.tmp</t>
  </si>
  <si>
    <t>01/16/2020 11:58:42</t>
  </si>
  <si>
    <t>01/16/2020 12:03:35</t>
  </si>
  <si>
    <t>3b92e7ca-fec0-412b-891a-3abb660286d9.tmp</t>
  </si>
  <si>
    <t>\\acsfs\profiles$\esterasg\Downloads\3b92e7ca-fec0-412b-891a-3abb660286d9.tmp</t>
  </si>
  <si>
    <t>01/16/2020 12:00:58</t>
  </si>
  <si>
    <t>Isabel Dias Soares Teles_1_6777743450150349326_1_32.wav</t>
  </si>
  <si>
    <t>\\acsfs\Deptos\EDUCACAO EMPRESARIAL\FERNANDA MONIT\Fernanda\MONITORIA JANEIRO\Ligação para MUTANT segundo ciclo janeiro\Isabel Dias Soares Teles_1_6777743450150349326_1_32.wav</t>
  </si>
  <si>
    <t>01/16/2020 12:02:25</t>
  </si>
  <si>
    <t>01/16/2020 12:02:36</t>
  </si>
  <si>
    <t>01/16/2020 12:02:44</t>
  </si>
  <si>
    <t>01/16/2020 12:02:50</t>
  </si>
  <si>
    <t>01/16/2020 12:02:53</t>
  </si>
  <si>
    <t>01/16/2020 12:01:34</t>
  </si>
  <si>
    <t>01/16/2020 12:04:35</t>
  </si>
  <si>
    <t>01/16/2020 12:05:35</t>
  </si>
  <si>
    <t>01/16/2020 12:01:33</t>
  </si>
  <si>
    <t>01/16/2020 12:01:38</t>
  </si>
  <si>
    <t>lu156202imcck.tmp</t>
  </si>
  <si>
    <t>\\acsfs\profiles$\Flaviojmm\My Documents\lu156202imcck.tmp</t>
  </si>
  <si>
    <t>\\acsfs\profiles$\Flaviojmm\My Documents\lu156202imcck.tmp\</t>
  </si>
  <si>
    <t>\\acsfs\profiles$\Flaviojmm\My Documents\lu156202imcck.tmp\META-INF\</t>
  </si>
  <si>
    <t>\\acsfs\profiles$\Flaviojmm\My Documents\lu156202imcck.tmp\Thumbnails\</t>
  </si>
  <si>
    <t>01/16/2020 12:04:57</t>
  </si>
  <si>
    <t>3ad17038-53be-4b93-bcf0-96c49daac482.tmp</t>
  </si>
  <si>
    <t>\\acsfs\profiles$\ayalabfi\Downloads\3ad17038-53be-4b93-bcf0-96c49daac482.tmp</t>
  </si>
  <si>
    <t>01/16/2020 12:02:58</t>
  </si>
  <si>
    <t>01/16/2020 12:08:35</t>
  </si>
  <si>
    <t>01/16/2020 12:03:31</t>
  </si>
  <si>
    <t>01/16/2020 12:03:33</t>
  </si>
  <si>
    <t>01/16/2020 12:05:55</t>
  </si>
  <si>
    <t>01/16/2020 12:09:36</t>
  </si>
  <si>
    <t>01/16/2020 12:07:30</t>
  </si>
  <si>
    <t>01/16/2020 12:10:35</t>
  </si>
  <si>
    <t>01/16/2020 12:07:57</t>
  </si>
  <si>
    <t>lu230282can56.tmp</t>
  </si>
  <si>
    <t>\\acsfs\profiles$\jalilebds\Downloads\lu230282can56.tmp</t>
  </si>
  <si>
    <t>01/16/2020 12:05:50</t>
  </si>
  <si>
    <t>bf7956f4-bfed-44bb-8322-8dd30d672ea2.tmp</t>
  </si>
  <si>
    <t>\\acsfs\profiles$\mariajra\Downloads\bf7956f4-bfed-44bb-8322-8dd30d672ea2.tmp</t>
  </si>
  <si>
    <t>01/16/2020 12:07:41</t>
  </si>
  <si>
    <t>f8d09450-4235-49c3-ac25-7ba394cfca68.tmp</t>
  </si>
  <si>
    <t>\\acsfs\profiles$\mariajra\Downloads\f8d09450-4235-49c3-ac25-7ba394cfca68.tmp</t>
  </si>
  <si>
    <t>01/16/2020 12:08:21</t>
  </si>
  <si>
    <t>01/16/2020 12:11:35</t>
  </si>
  <si>
    <t>d6178df4-80f7-42d3-adcc-7b33a1bc8076.tmp</t>
  </si>
  <si>
    <t>\\acsfs\profiles$\luanarda\Downloads\d6178df4-80f7-42d3-adcc-7b33a1bc8076.tmp</t>
  </si>
  <si>
    <t>01/16/2020 12:08:46</t>
  </si>
  <si>
    <t>01/16/2020 12:08:47</t>
  </si>
  <si>
    <t>01/16/2020 12:08:58</t>
  </si>
  <si>
    <t>01/16/2020 12:08:59</t>
  </si>
  <si>
    <t>01/16/2020 12:10:37</t>
  </si>
  <si>
    <t>01/16/2020 12:10:38</t>
  </si>
  <si>
    <t>01/16/2020 12:10:39</t>
  </si>
  <si>
    <t>01/16/2020 12:10:40</t>
  </si>
  <si>
    <t>01/16/2020 12:10:10</t>
  </si>
  <si>
    <t>01/16/2020 12:13:35</t>
  </si>
  <si>
    <t>01/16/2020 12:08:11</t>
  </si>
  <si>
    <t>01/16/2020 12:08:14</t>
  </si>
  <si>
    <t>01/16/2020 12:08:15</t>
  </si>
  <si>
    <t>01/16/2020 12:08:22</t>
  </si>
  <si>
    <t>01/16/2020 12:08:34</t>
  </si>
  <si>
    <t>01/16/2020 12:08:44</t>
  </si>
  <si>
    <t>01/16/2020 12:08:49</t>
  </si>
  <si>
    <t>01/16/2020 12:09:02</t>
  </si>
  <si>
    <t>01/16/2020 12:09:32</t>
  </si>
  <si>
    <t>01/16/2020 12:09:43</t>
  </si>
  <si>
    <t>01/16/2020 12:09:47</t>
  </si>
  <si>
    <t>01/16/2020 12:12:27</t>
  </si>
  <si>
    <t>01/16/2020 12:14:35</t>
  </si>
  <si>
    <t>b139b01e-25e6-421e-9f53-bf89b09ea5d0.tmp</t>
  </si>
  <si>
    <t>\\acsfs\profiles$\mariagsg\Downloads\b139b01e-25e6-421e-9f53-bf89b09ea5d0.tmp</t>
  </si>
  <si>
    <t>01/16/2020 12:12:30</t>
  </si>
  <si>
    <t>1488cfc3-6056-4c69-b08e-d331d32880e3.tmp</t>
  </si>
  <si>
    <t>\\acsfs\profiles$\mariagsg\Downloads\1488cfc3-6056-4c69-b08e-d331d32880e3.tmp</t>
  </si>
  <si>
    <t>01/16/2020 12:10:33</t>
  </si>
  <si>
    <t>4838ae01-4783-48e0-b9c8-1eb93ec8e233.tmp</t>
  </si>
  <si>
    <t>\\acsfs\profiles$\ROZENCAM\Downloads\4838ae01-4783-48e0-b9c8-1eb93ec8e233.tmp</t>
  </si>
  <si>
    <t>c71d0857-ef9f-4ef3-b54a-c7cfb4f5562c.tmp</t>
  </si>
  <si>
    <t>\\acsfs\profiles$\ROZENCAM\Downloads\c71d0857-ef9f-4ef3-b54a-c7cfb4f5562c.tmp</t>
  </si>
  <si>
    <t>01/16/2020 12:16:36</t>
  </si>
  <si>
    <t>01/16/2020 12:15:33</t>
  </si>
  <si>
    <t>22104c39-ea55-48de-afbf-8a436514196b.tmp</t>
  </si>
  <si>
    <t>\\acsfs\profiles$\joselrb\Downloads\22104c39-ea55-48de-afbf-8a436514196b.tmp</t>
  </si>
  <si>
    <t>01/16/2020 12:11:26</t>
  </si>
  <si>
    <t>01/16/2020 12:11:56</t>
  </si>
  <si>
    <t>01/16/2020 12:12:26</t>
  </si>
  <si>
    <t>01/16/2020 12:12:57</t>
  </si>
  <si>
    <t>01/16/2020 12:13:27</t>
  </si>
  <si>
    <t>01/16/2020 12:15:27</t>
  </si>
  <si>
    <t>01/16/2020 12:13:54</t>
  </si>
  <si>
    <t>01/16/2020 12:14:05</t>
  </si>
  <si>
    <t>01/16/2020 12:14:24</t>
  </si>
  <si>
    <t>01/16/2020 12:17:35</t>
  </si>
  <si>
    <t>01/16/2020 12:14:29</t>
  </si>
  <si>
    <t>lu324162x3mfi.tmp</t>
  </si>
  <si>
    <t>\\acsfs\profiles$\CLAUDIAJCA\Reneg 18-12\lu324162x3mfi.tmp</t>
  </si>
  <si>
    <t>\\acsfs\profiles$\CLAUDIAJCA\Reneg 18-12\lu324162x3mfi.tmp\</t>
  </si>
  <si>
    <t>\\acsfs\profiles$\CLAUDIAJCA\Reneg 18-12\lu324162x3mfi.tmp\META-INF\</t>
  </si>
  <si>
    <t>\\acsfs\profiles$\CLAUDIAJCA\Reneg 18-12\lu324162x3mfi.tmp\Thumbnails\</t>
  </si>
  <si>
    <t>01/16/2020 12:19:35</t>
  </si>
  <si>
    <t>01/16/2020 12:18:49</t>
  </si>
  <si>
    <t>01/16/2020 12:20:35</t>
  </si>
  <si>
    <t>01/16/2020 12:18:51</t>
  </si>
  <si>
    <t>01/16/2020 12:18:38</t>
  </si>
  <si>
    <t>e544338a-2fc1-4aa1-9188-7d5782e90036.tmp</t>
  </si>
  <si>
    <t>\\acsfs\profiles$\ayalabfi\Downloads\e544338a-2fc1-4aa1-9188-7d5782e90036.tmp</t>
  </si>
  <si>
    <t>01/16/2020 12:18:41</t>
  </si>
  <si>
    <t>01/16/2020 12:21:35</t>
  </si>
  <si>
    <t>01/16/2020 12:18:42</t>
  </si>
  <si>
    <t>01/16/2020 12:19:07</t>
  </si>
  <si>
    <t>01/16/2020 12:19:08</t>
  </si>
  <si>
    <t>01/16/2020 12:22:35</t>
  </si>
  <si>
    <t>01/16/2020 12:21:36</t>
  </si>
  <si>
    <t>ae905a06-5f8c-4a63-9ab9-921378cb5d71.tmp</t>
  </si>
  <si>
    <t>\\acsfs\profiles$\lucasgpe\Downloads\ae905a06-5f8c-4a63-9ab9-921378cb5d71.tmp</t>
  </si>
  <si>
    <t>01/16/2020 12:17:45</t>
  </si>
  <si>
    <t>01/16/2020 12:19:37</t>
  </si>
  <si>
    <t>01/16/2020 12:23:35</t>
  </si>
  <si>
    <t>C:\Users\robsonams\Pictures\</t>
  </si>
  <si>
    <t>objetivos 2 semestre 2019.JPG</t>
  </si>
  <si>
    <t>01/16/2020 12:21:03</t>
  </si>
  <si>
    <t>01/16/2020 12:24:36</t>
  </si>
  <si>
    <t>01/16/2020 12:25:35</t>
  </si>
  <si>
    <t>01/16/2020 12:24:37</t>
  </si>
  <si>
    <t>01/16/2020 12:26:35</t>
  </si>
  <si>
    <t>3b82d362-2c61-4952-8eb9-05a030ec6be5.tmp</t>
  </si>
  <si>
    <t>\\acsfs\profiles$\sarahbal\Downloads\3b82d362-2c61-4952-8eb9-05a030ec6be5.tmp</t>
  </si>
  <si>
    <t>01/16/2020 12:23:31</t>
  </si>
  <si>
    <t>01/16/2020 12:24:00</t>
  </si>
  <si>
    <t>01/16/2020 12:25:01</t>
  </si>
  <si>
    <t>01/16/2020 12:26:01</t>
  </si>
  <si>
    <t>01/16/2020 12:26:39</t>
  </si>
  <si>
    <t>01/16/2020 12:27:35</t>
  </si>
  <si>
    <t>0ee18d87-f006-42a1-86ec-595d804de12b.tmp</t>
  </si>
  <si>
    <t>\\acsfs\profiles$\LUISPLS\Downloads\0ee18d87-f006-42a1-86ec-595d804de12b.tmp</t>
  </si>
  <si>
    <t>01/16/2020 12:29:35</t>
  </si>
  <si>
    <t>01/16/2020 12:29:07</t>
  </si>
  <si>
    <t>7967f53c-3610-4053-8e1d-0ac716325a52.tmp</t>
  </si>
  <si>
    <t>\\acsfs\profiles$\PEDROHAB\Downloads\7967f53c-3610-4053-8e1d-0ac716325a52.tmp</t>
  </si>
  <si>
    <t>01/16/2020 12:30:35</t>
  </si>
  <si>
    <t>01/16/2020 12:25:24</t>
  </si>
  <si>
    <t>01/16/2020 12:28:07</t>
  </si>
  <si>
    <t>Agent utilization 01.01.2020 a 13.01.2020.xlsx</t>
  </si>
  <si>
    <t>\\acsfs\deptos\Operacao\PCP\5 - Comum\PLANEJAMENTO BV\23 - EXTRAÇÕES\Agent utilization\2020\Agent utilization 01.01.2020 a 13.01.2020.xlsx</t>
  </si>
  <si>
    <t>01/16/2020 12:31:35</t>
  </si>
  <si>
    <t>01/16/2020 12:27:32</t>
  </si>
  <si>
    <t>01/16/2020 12:28:02</t>
  </si>
  <si>
    <t>01/16/2020 12:28:32</t>
  </si>
  <si>
    <t>01/16/2020 12:29:02</t>
  </si>
  <si>
    <t>01/16/2020 12:29:32</t>
  </si>
  <si>
    <t>01/16/2020 12:30:02</t>
  </si>
  <si>
    <t>01/16/2020 12:28:55</t>
  </si>
  <si>
    <t>01/16/2020 12:29:05</t>
  </si>
  <si>
    <t>01/16/2020 12:29:14</t>
  </si>
  <si>
    <t>01/16/2020 12:29:19</t>
  </si>
  <si>
    <t>01/16/2020 12:29:23</t>
  </si>
  <si>
    <t>01/16/2020 12:29:29</t>
  </si>
  <si>
    <t>01/16/2020 12:29:37</t>
  </si>
  <si>
    <t>01/16/2020 12:29:15</t>
  </si>
  <si>
    <t>01/16/2020 12:32:35</t>
  </si>
  <si>
    <t>e138093b-a1c6-4d93-a5b8-cf91911b52e1.tmp</t>
  </si>
  <si>
    <t>\\acsfs\profiles$\gabrielafs\Downloads\e138093b-a1c6-4d93-a5b8-cf91911b52e1.tmp</t>
  </si>
  <si>
    <t>01/16/2020 12:28:00</t>
  </si>
  <si>
    <t>fc73510b-a557-4562-a9a8-5c6a471297f6.tmp</t>
  </si>
  <si>
    <t>\\acsfs\profiles$\LUISPLS\Downloads\fc73510b-a557-4562-a9a8-5c6a471297f6.tmp</t>
  </si>
  <si>
    <t>01/16/2020 12:35:36</t>
  </si>
  <si>
    <t>01/16/2020 12:31:13</t>
  </si>
  <si>
    <t>01/16/2020 12:33:25</t>
  </si>
  <si>
    <t>AGENT LOGIN LOGOUT DETAILS REPORT 15.01.2020.xlsx</t>
  </si>
  <si>
    <t>\\acsfs\deptos\Operacao\PCP\5 - Comum\PLANEJAMENTO BV\23 - EXTRAÇÕES\Agente Login Logout details report\2020\JANEIRO\AGENT LOGIN LOGOUT DETAILS REPORT 15.01.2020.xlsx</t>
  </si>
  <si>
    <t>01/16/2020 12:34:16</t>
  </si>
  <si>
    <t>100014082285011;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t>
  </si>
  <si>
    <t>https://100014082285011,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t>
  </si>
  <si>
    <t>01/16/2020 12:34:20</t>
  </si>
  <si>
    <t>100014082285011;100014122394468;andrelpsa@algartech.com;joaogvc@algartech.com;josiascdsj@algartech.com;leonardoao@algartech.com;marianadjc@algartech.com;maristelavodq@bv.algartech.com;paulacn@algartech.com;qualidadealgarbv@algartech.com;supervisaobancovotorantim@algartech.com;taysdss@algartech.com;thiagolrc@bv.algartech.com;</t>
  </si>
  <si>
    <t>https://100014082285011,100014122394468,andrelpsa@algartech.com,joaogvc@algartech.com,josiascdsj@algartech.com,leonardoao@algartech.com,marianadjc@algartech.com,maristelavodq@bv.algartech.com,paulacn@algartech.com,qualidadealgarbv@algartech.com,supervisaobancovotorantim@algartech.com,taysdss@algartech.com,thiagolrc@bv.algartech.com</t>
  </si>
  <si>
    <t>01/16/2020 12:30:25</t>
  </si>
  <si>
    <t>81a632df-d1f8-4c75-9c3b-082bfae8b412.tmp</t>
  </si>
  <si>
    <t>\\acsfs\profiles$\matheushds\Downloads\81a632df-d1f8-4c75-9c3b-082bfae8b412.tmp</t>
  </si>
  <si>
    <t>01/16/2020 12:34:43</t>
  </si>
  <si>
    <t>01/16/2020 12:36:35</t>
  </si>
  <si>
    <t>30fc5b1a-2a23-4dae-99ea-c50f22b523a1.tmp</t>
  </si>
  <si>
    <t>\\acsfs\profiles$\sarahbal\Downloads\30fc5b1a-2a23-4dae-99ea-c50f22b523a1.tmp</t>
  </si>
  <si>
    <t>01/16/2020 12:31:33</t>
  </si>
  <si>
    <t>01/16/2020 12:32:03</t>
  </si>
  <si>
    <t>01/16/2020 12:33:34</t>
  </si>
  <si>
    <t>01/16/2020 12:35:34</t>
  </si>
  <si>
    <t>01/16/2020 12:36:05</t>
  </si>
  <si>
    <t>01/16/2020 12:34:05</t>
  </si>
  <si>
    <t>https://algar.workplace.com/ajax/ufi/comment_fetch.php</t>
  </si>
  <si>
    <t>01/16/2020 12:38:20</t>
  </si>
  <si>
    <t>01/16/2020 12:38:35</t>
  </si>
  <si>
    <t>Capturar.JPG</t>
  </si>
  <si>
    <t>01/16/2020 12:36:16</t>
  </si>
  <si>
    <t>01/16/2020 12:39:35</t>
  </si>
  <si>
    <t>51d314ac-e25f-4fb5-bc23-2b412699fac9.tmp</t>
  </si>
  <si>
    <t>\\acsfs\profiles$\nathaliarmr\Downloads\51d314ac-e25f-4fb5-bc23-2b412699fac9.tmp</t>
  </si>
  <si>
    <t>01/16/2020 12:40:35</t>
  </si>
  <si>
    <t>01/15/2020 20:51:54</t>
  </si>
  <si>
    <t>01/16/2020 12:41:35</t>
  </si>
  <si>
    <t>01/16/2020 12:41:32</t>
  </si>
  <si>
    <t>01/16/2020 12:42:36</t>
  </si>
  <si>
    <t>cb3407c5-f9b2-440c-9ff3-00f8722f38e5.tmp</t>
  </si>
  <si>
    <t>\\acsfs\profiles$\geovannasm\Downloads\cb3407c5-f9b2-440c-9ff3-00f8722f38e5.tmp</t>
  </si>
  <si>
    <t>01/16/2020 12:41:39</t>
  </si>
  <si>
    <t>c53f4c7d-5812-4d5a-8a58-3bcc665bcc37.tmp</t>
  </si>
  <si>
    <t>\\acsfs\profiles$\geovannasm\Downloads\c53f4c7d-5812-4d5a-8a58-3bcc665bcc37.tmp</t>
  </si>
  <si>
    <t>01/16/2020 12:39:56</t>
  </si>
  <si>
    <t>01/16/2020 12:43:35</t>
  </si>
  <si>
    <t>\\acsfs\profiles$\rafaelahpn\My Documents\My Pictures\$RECYCLE.BIN\</t>
  </si>
  <si>
    <t>$IGET2HA.jpg</t>
  </si>
  <si>
    <t>\\acsfs\profiles$\rafaelahpn\My Documents\My Pictures\$RECYCLE.BIN\$IGET2HA.jpg</t>
  </si>
  <si>
    <t>01/16/2020 12:39:59</t>
  </si>
  <si>
    <t>$IXXHXHE</t>
  </si>
  <si>
    <t>\\acsfs\profiles$\rafaelahpn\My Documents\My Pictures\$RECYCLE.BIN\$IXXHXHE</t>
  </si>
  <si>
    <t>01/16/2020 12:40:23</t>
  </si>
  <si>
    <t>\\acsfs\profiles$\rafaelahpn\My Documents\$RECYCLE.BIN\</t>
  </si>
  <si>
    <t>$I23JX58.txt</t>
  </si>
  <si>
    <t>\\acsfs\profiles$\rafaelahpn\My Documents\$RECYCLE.BIN\$I23JX58.txt</t>
  </si>
  <si>
    <t>01/16/2020 12:40:42</t>
  </si>
  <si>
    <t>\\acsfs\profiles$\rafaelahpn\Downloads\$RECYCLE.BIN\</t>
  </si>
  <si>
    <t>$IOMAMSJ.jpeg</t>
  </si>
  <si>
    <t>\\acsfs\profiles$\rafaelahpn\Downloads\$RECYCLE.BIN\$IOMAMSJ.jpeg</t>
  </si>
  <si>
    <t>$I948DHD.jpeg</t>
  </si>
  <si>
    <t>\\acsfs\profiles$\rafaelahpn\Downloads\$RECYCLE.BIN\$I948DHD.jpeg</t>
  </si>
  <si>
    <t>01/16/2020 12:40:43</t>
  </si>
  <si>
    <t>$I2GQZX2.jpeg</t>
  </si>
  <si>
    <t>\\acsfs\profiles$\rafaelahpn\Downloads\$RECYCLE.BIN\$I2GQZX2.jpeg</t>
  </si>
  <si>
    <t>01/16/2020 12:40:46</t>
  </si>
  <si>
    <t>$IOMXIW6.jpeg</t>
  </si>
  <si>
    <t>\\acsfs\profiles$\rafaelahpn\Downloads\$RECYCLE.BIN\$IOMXIW6.jpeg</t>
  </si>
  <si>
    <t>01/16/2020 12:40:59</t>
  </si>
  <si>
    <t>$I9COQO8.png</t>
  </si>
  <si>
    <t>\\acsfs\profiles$\rafaelahpn\Downloads\$RECYCLE.BIN\$I9COQO8.png</t>
  </si>
  <si>
    <t>$IKGS7JE.jpg</t>
  </si>
  <si>
    <t>\\acsfs\profiles$\rafaelahpn\Downloads\$RECYCLE.BIN\$IKGS7JE.jpg</t>
  </si>
  <si>
    <t>$IF582EZ.jpg</t>
  </si>
  <si>
    <t>\\acsfs\profiles$\rafaelahpn\Downloads\$RECYCLE.BIN\$IF582EZ.jpg</t>
  </si>
  <si>
    <t>$IGWFBSH.jpg</t>
  </si>
  <si>
    <t>\\acsfs\profiles$\rafaelahpn\Downloads\$RECYCLE.BIN\$IGWFBSH.jpg</t>
  </si>
  <si>
    <t>01/16/2020 12:41:00</t>
  </si>
  <si>
    <t>$IS06I0H.jpg</t>
  </si>
  <si>
    <t>\\acsfs\profiles$\rafaelahpn\Downloads\$RECYCLE.BIN\$IS06I0H.jpg</t>
  </si>
  <si>
    <t>$IJRBEBF.jpg</t>
  </si>
  <si>
    <t>\\acsfs\profiles$\rafaelahpn\Downloads\$RECYCLE.BIN\$IJRBEBF.jpg</t>
  </si>
  <si>
    <t>$IHZK14J.jpg</t>
  </si>
  <si>
    <t>\\acsfs\profiles$\rafaelahpn\Downloads\$RECYCLE.BIN\$IHZK14J.jpg</t>
  </si>
  <si>
    <t>$IJRE1F0.jpg</t>
  </si>
  <si>
    <t>\\acsfs\profiles$\rafaelahpn\Downloads\$RECYCLE.BIN\$IJRE1F0.jpg</t>
  </si>
  <si>
    <t>01/16/2020 12:41:01</t>
  </si>
  <si>
    <t>$I9GNUSB.jpg</t>
  </si>
  <si>
    <t>\\acsfs\profiles$\rafaelahpn\Downloads\$RECYCLE.BIN\$I9GNUSB.jpg</t>
  </si>
  <si>
    <t>$IFWERZY.jpg</t>
  </si>
  <si>
    <t>\\acsfs\profiles$\rafaelahpn\Downloads\$RECYCLE.BIN\$IFWERZY.jpg</t>
  </si>
  <si>
    <t>$IG0L7SY.jpg</t>
  </si>
  <si>
    <t>\\acsfs\profiles$\rafaelahpn\Downloads\$RECYCLE.BIN\$IG0L7SY.jpg</t>
  </si>
  <si>
    <t>$IZR9BDH.tmp</t>
  </si>
  <si>
    <t>\\acsfs\profiles$\rafaelahpn\Downloads\$RECYCLE.BIN\$IZR9BDH.tmp</t>
  </si>
  <si>
    <t>01/16/2020 12:41:09</t>
  </si>
  <si>
    <t>$ICRBTGY.jpg</t>
  </si>
  <si>
    <t>\\acsfs\profiles$\rafaelahpn\Downloads\$RECYCLE.BIN\$ICRBTGY.jpg</t>
  </si>
  <si>
    <t>$IO3K5NR.jpg</t>
  </si>
  <si>
    <t>\\acsfs\profiles$\rafaelahpn\Downloads\$RECYCLE.BIN\$IO3K5NR.jpg</t>
  </si>
  <si>
    <t>01/16/2020 12:40:40</t>
  </si>
  <si>
    <t>01/16/2020 12:44:35</t>
  </si>
  <si>
    <t>01/16/2020 12:42:44</t>
  </si>
  <si>
    <t>01/16/2020 12:42:49</t>
  </si>
  <si>
    <t>01/16/2020 12:45:35</t>
  </si>
  <si>
    <t>01/16/2020 12:39:55</t>
  </si>
  <si>
    <t>13/10/1985;__/__/____;</t>
  </si>
  <si>
    <t>https://13/10/1985,__/__/____</t>
  </si>
  <si>
    <t>01/16/2020 12:44:20</t>
  </si>
  <si>
    <t>01/16/2020 12:46:35</t>
  </si>
  <si>
    <t>f44f2e6d-0ab5-4d9c-bbb8-1590e441dce8.tmp</t>
  </si>
  <si>
    <t>\\acsfs\profiles$\sarahbal\Downloads\f44f2e6d-0ab5-4d9c-bbb8-1590e441dce8.tmp</t>
  </si>
  <si>
    <t>01/16/2020 12:41:49</t>
  </si>
  <si>
    <t>23aa7dc3-0b55-4ac5-9acb-a3d206b677fc.tmp</t>
  </si>
  <si>
    <t>\\acsfs\profiles$\regisedsj\Downloads\23aa7dc3-0b55-4ac5-9acb-a3d206b677fc.tmp</t>
  </si>
  <si>
    <t>a234fb77-f56d-4f3a-a1ab-b016240c4788.tmp</t>
  </si>
  <si>
    <t>\\acsfs\profiles$\regisedsj\Downloads\a234fb77-f56d-4f3a-a1ab-b016240c4788.tmp</t>
  </si>
  <si>
    <t>01/16/2020 12:42:16</t>
  </si>
  <si>
    <t>01/16/2020 12:42:23</t>
  </si>
  <si>
    <t>ca4d0dcd-2668-411b-828d-34d95f4128d3.tmp</t>
  </si>
  <si>
    <t>\\acsfs\profiles$\regisedsj\Downloads\ca4d0dcd-2668-411b-828d-34d95f4128d3.tmp</t>
  </si>
  <si>
    <t>01/16/2020 12:41:44</t>
  </si>
  <si>
    <t>01/16/2020 12:47:35</t>
  </si>
  <si>
    <t>3afa7786-ba46-475a-a81b-edb0b3e23fdc.tmp</t>
  </si>
  <si>
    <t>\\acsfs\profiles$\geovannasm\Downloads\3afa7786-ba46-475a-a81b-edb0b3e23fdc.tmp</t>
  </si>
  <si>
    <t>01/16/2020 12:45:41</t>
  </si>
  <si>
    <t>lu341402v447j.tmp</t>
  </si>
  <si>
    <t>\\acsfs\profiles$\BRUNAAR\Numero\lu341402v447j.tmp</t>
  </si>
  <si>
    <t>01/16/2020 12:44:12</t>
  </si>
  <si>
    <t>c43ff8da-e12d-431d-9765-6b4f1c448d9b.tmp</t>
  </si>
  <si>
    <t>\\acsfs\profiles$\vivianealda\Downloads\c43ff8da-e12d-431d-9765-6b4f1c448d9b.tmp</t>
  </si>
  <si>
    <t>01/16/2020 12:45:14</t>
  </si>
  <si>
    <t>01/16/2020 12:48:36</t>
  </si>
  <si>
    <t>\\acsfs\profiles$\rafaelahpn\Contacts\$RECYCLE.BIN\</t>
  </si>
  <si>
    <t>$IEXVQ8I.contact</t>
  </si>
  <si>
    <t>\\acsfs\profiles$\rafaelahpn\Contacts\$RECYCLE.BIN\$IEXVQ8I.contact</t>
  </si>
  <si>
    <t>01/16/2020 12:45:39</t>
  </si>
  <si>
    <t>$I3LUDA9.contact</t>
  </si>
  <si>
    <t>\\acsfs\profiles$\rafaelahpn\Contacts\$RECYCLE.BIN\$I3LUDA9.contact</t>
  </si>
  <si>
    <t>01/16/2020 12:45:40</t>
  </si>
  <si>
    <t>$I9S2FMZ.contact</t>
  </si>
  <si>
    <t>\\acsfs\profiles$\rafaelahpn\Contacts\$RECYCLE.BIN\$I9S2FMZ.contact</t>
  </si>
  <si>
    <t>$I6A1T2Q.contact</t>
  </si>
  <si>
    <t>\\acsfs\profiles$\rafaelahpn\Contacts\$RECYCLE.BIN\$I6A1T2Q.contact</t>
  </si>
  <si>
    <t>$IETZGG8.contact</t>
  </si>
  <si>
    <t>\\acsfs\profiles$\rafaelahpn\Contacts\$RECYCLE.BIN\$IETZGG8.contact</t>
  </si>
  <si>
    <t>$IUKKCNR.contact</t>
  </si>
  <si>
    <t>\\acsfs\profiles$\rafaelahpn\Contacts\$RECYCLE.BIN\$IUKKCNR.contact</t>
  </si>
  <si>
    <t>$I1WQQL1.contact</t>
  </si>
  <si>
    <t>\\acsfs\profiles$\rafaelahpn\Contacts\$RECYCLE.BIN\$I1WQQL1.contact</t>
  </si>
  <si>
    <t>$IA2FA7Q.contact</t>
  </si>
  <si>
    <t>\\acsfs\profiles$\rafaelahpn\Contacts\$RECYCLE.BIN\$IA2FA7Q.contact</t>
  </si>
  <si>
    <t>$I4KFII3.contact</t>
  </si>
  <si>
    <t>\\acsfs\profiles$\rafaelahpn\Contacts\$RECYCLE.BIN\$I4KFII3.contact</t>
  </si>
  <si>
    <t>$IGI7AUP.contact</t>
  </si>
  <si>
    <t>\\acsfs\profiles$\rafaelahpn\Contacts\$RECYCLE.BIN\$IGI7AUP.contact</t>
  </si>
  <si>
    <t>01/16/2020 12:45:42</t>
  </si>
  <si>
    <t>$I6JR0GD.contact</t>
  </si>
  <si>
    <t>\\acsfs\profiles$\rafaelahpn\Contacts\$RECYCLE.BIN\$I6JR0GD.contact</t>
  </si>
  <si>
    <t>$I9O73PZ.contact</t>
  </si>
  <si>
    <t>\\acsfs\profiles$\rafaelahpn\Contacts\$RECYCLE.BIN\$I9O73PZ.contact</t>
  </si>
  <si>
    <t>$I0X2X4K.contact</t>
  </si>
  <si>
    <t>\\acsfs\profiles$\rafaelahpn\Contacts\$RECYCLE.BIN\$I0X2X4K.contact</t>
  </si>
  <si>
    <t>$IAF3PEN.contact</t>
  </si>
  <si>
    <t>\\acsfs\profiles$\rafaelahpn\Contacts\$RECYCLE.BIN\$IAF3PEN.contact</t>
  </si>
  <si>
    <t>$I6I9TGX.contact</t>
  </si>
  <si>
    <t>\\acsfs\profiles$\rafaelahpn\Contacts\$RECYCLE.BIN\$I6I9TGX.contact</t>
  </si>
  <si>
    <t>01/16/2020 12:45:43</t>
  </si>
  <si>
    <t>$IEJUKQA.contact</t>
  </si>
  <si>
    <t>\\acsfs\profiles$\rafaelahpn\Contacts\$RECYCLE.BIN\$IEJUKQA.contact</t>
  </si>
  <si>
    <t>$I2JPTOV.contact</t>
  </si>
  <si>
    <t>\\acsfs\profiles$\rafaelahpn\Contacts\$RECYCLE.BIN\$I2JPTOV.contact</t>
  </si>
  <si>
    <t>$I6NWUZJ.contact</t>
  </si>
  <si>
    <t>\\acsfs\profiles$\rafaelahpn\Contacts\$RECYCLE.BIN\$I6NWUZJ.contact</t>
  </si>
  <si>
    <t>$I4F75TN.contact</t>
  </si>
  <si>
    <t>\\acsfs\profiles$\rafaelahpn\Contacts\$RECYCLE.BIN\$I4F75TN.contact</t>
  </si>
  <si>
    <t>01/16/2020 12:45:44</t>
  </si>
  <si>
    <t>$I369066.contact</t>
  </si>
  <si>
    <t>\\acsfs\profiles$\rafaelahpn\Contacts\$RECYCLE.BIN\$I369066.contact</t>
  </si>
  <si>
    <t>$I1R7BPH.contact</t>
  </si>
  <si>
    <t>\\acsfs\profiles$\rafaelahpn\Contacts\$RECYCLE.BIN\$I1R7BPH.contact</t>
  </si>
  <si>
    <t>$I9C8CX8.contact</t>
  </si>
  <si>
    <t>\\acsfs\profiles$\rafaelahpn\Contacts\$RECYCLE.BIN\$I9C8CX8.contact</t>
  </si>
  <si>
    <t>$I0QKCGU.contact</t>
  </si>
  <si>
    <t>\\acsfs\profiles$\rafaelahpn\Contacts\$RECYCLE.BIN\$I0QKCGU.contact</t>
  </si>
  <si>
    <t>01/16/2020 12:45:45</t>
  </si>
  <si>
    <t>$IYMFHA9.contact</t>
  </si>
  <si>
    <t>\\acsfs\profiles$\rafaelahpn\Contacts\$RECYCLE.BIN\$IYMFHA9.contact</t>
  </si>
  <si>
    <t>$I7JYAYO.contact</t>
  </si>
  <si>
    <t>\\acsfs\profiles$\rafaelahpn\Contacts\$RECYCLE.BIN\$I7JYAYO.contact</t>
  </si>
  <si>
    <t>$IGHKLS2.contact</t>
  </si>
  <si>
    <t>\\acsfs\profiles$\rafaelahpn\Contacts\$RECYCLE.BIN\$IGHKLS2.contact</t>
  </si>
  <si>
    <t>$ISWKGHX.contact</t>
  </si>
  <si>
    <t>\\acsfs\profiles$\rafaelahpn\Contacts\$RECYCLE.BIN\$ISWKGHX.contact</t>
  </si>
  <si>
    <t>01/16/2020 12:45:46</t>
  </si>
  <si>
    <t>01/16/2020 12:49:35</t>
  </si>
  <si>
    <t>$I87OR9D.contact</t>
  </si>
  <si>
    <t>\\acsfs\profiles$\rafaelahpn\Contacts\$RECYCLE.BIN\$I87OR9D.contact</t>
  </si>
  <si>
    <t>$IC0FMSO.contact</t>
  </si>
  <si>
    <t>\\acsfs\profiles$\rafaelahpn\Contacts\$RECYCLE.BIN\$IC0FMSO.contact</t>
  </si>
  <si>
    <t>$I28SA1F.contact</t>
  </si>
  <si>
    <t>\\acsfs\profiles$\rafaelahpn\Contacts\$RECYCLE.BIN\$I28SA1F.contact</t>
  </si>
  <si>
    <t>$IHW1V87.contact</t>
  </si>
  <si>
    <t>\\acsfs\profiles$\rafaelahpn\Contacts\$RECYCLE.BIN\$IHW1V87.contact</t>
  </si>
  <si>
    <t>01/16/2020 12:45:47</t>
  </si>
  <si>
    <t>$IKKC8U4.contact</t>
  </si>
  <si>
    <t>\\acsfs\profiles$\rafaelahpn\Contacts\$RECYCLE.BIN\$IKKC8U4.contact</t>
  </si>
  <si>
    <t>$ISCMH9N.contact</t>
  </si>
  <si>
    <t>\\acsfs\profiles$\rafaelahpn\Contacts\$RECYCLE.BIN\$ISCMH9N.contact</t>
  </si>
  <si>
    <t>$I6DOR02.contact</t>
  </si>
  <si>
    <t>\\acsfs\profiles$\rafaelahpn\Contacts\$RECYCLE.BIN\$I6DOR02.contact</t>
  </si>
  <si>
    <t>$I6WI15M.contact</t>
  </si>
  <si>
    <t>\\acsfs\profiles$\rafaelahpn\Contacts\$RECYCLE.BIN\$I6WI15M.contact</t>
  </si>
  <si>
    <t>01/16/2020 12:45:48</t>
  </si>
  <si>
    <t>$IY2ATGI.contact</t>
  </si>
  <si>
    <t>\\acsfs\profiles$\rafaelahpn\Contacts\$RECYCLE.BIN\$IY2ATGI.contact</t>
  </si>
  <si>
    <t>$I94ZLN5.contact</t>
  </si>
  <si>
    <t>\\acsfs\profiles$\rafaelahpn\Contacts\$RECYCLE.BIN\$I94ZLN5.contact</t>
  </si>
  <si>
    <t>$I8NWDA6.contact</t>
  </si>
  <si>
    <t>\\acsfs\profiles$\rafaelahpn\Contacts\$RECYCLE.BIN\$I8NWDA6.contact</t>
  </si>
  <si>
    <t>01/16/2020 12:45:49</t>
  </si>
  <si>
    <t>$I6QOVBV.contact</t>
  </si>
  <si>
    <t>\\acsfs\profiles$\rafaelahpn\Contacts\$RECYCLE.BIN\$I6QOVBV.contact</t>
  </si>
  <si>
    <t>$I9FPAL8.contact</t>
  </si>
  <si>
    <t>\\acsfs\profiles$\rafaelahpn\Contacts\$RECYCLE.BIN\$I9FPAL8.contact</t>
  </si>
  <si>
    <t>$I9WH51T.contact</t>
  </si>
  <si>
    <t>\\acsfs\profiles$\rafaelahpn\Contacts\$RECYCLE.BIN\$I9WH51T.contact</t>
  </si>
  <si>
    <t>$INGDGDP.contact</t>
  </si>
  <si>
    <t>\\acsfs\profiles$\rafaelahpn\Contacts\$RECYCLE.BIN\$INGDGDP.contact</t>
  </si>
  <si>
    <t>01/16/2020 12:45:50</t>
  </si>
  <si>
    <t>$IMHM35C.contact</t>
  </si>
  <si>
    <t>\\acsfs\profiles$\rafaelahpn\Contacts\$RECYCLE.BIN\$IMHM35C.contact</t>
  </si>
  <si>
    <t>$IL7107X.contact</t>
  </si>
  <si>
    <t>\\acsfs\profiles$\rafaelahpn\Contacts\$RECYCLE.BIN\$IL7107X.contact</t>
  </si>
  <si>
    <t>$IBTS75G.contact</t>
  </si>
  <si>
    <t>\\acsfs\profiles$\rafaelahpn\Contacts\$RECYCLE.BIN\$IBTS75G.contact</t>
  </si>
  <si>
    <t>01/16/2020 12:45:51</t>
  </si>
  <si>
    <t>$IYY6VK4.contact</t>
  </si>
  <si>
    <t>\\acsfs\profiles$\rafaelahpn\Contacts\$RECYCLE.BIN\$IYY6VK4.contact</t>
  </si>
  <si>
    <t>$IP04B7N.contact</t>
  </si>
  <si>
    <t>\\acsfs\profiles$\rafaelahpn\Contacts\$RECYCLE.BIN\$IP04B7N.contact</t>
  </si>
  <si>
    <t>$I6NY4JA.contact</t>
  </si>
  <si>
    <t>\\acsfs\profiles$\rafaelahpn\Contacts\$RECYCLE.BIN\$I6NY4JA.contact</t>
  </si>
  <si>
    <t>$IETUJJV.contact</t>
  </si>
  <si>
    <t>\\acsfs\profiles$\rafaelahpn\Contacts\$RECYCLE.BIN\$IETUJJV.contact</t>
  </si>
  <si>
    <t>$IDWA7H1.contact</t>
  </si>
  <si>
    <t>\\acsfs\profiles$\rafaelahpn\Contacts\$RECYCLE.BIN\$IDWA7H1.contact</t>
  </si>
  <si>
    <t>01/16/2020 12:45:52</t>
  </si>
  <si>
    <t>$ICONIGI.contact</t>
  </si>
  <si>
    <t>\\acsfs\profiles$\rafaelahpn\Contacts\$RECYCLE.BIN\$ICONIGI.contact</t>
  </si>
  <si>
    <t>$IJR2GFS.contact</t>
  </si>
  <si>
    <t>\\acsfs\profiles$\rafaelahpn\Contacts\$RECYCLE.BIN\$IJR2GFS.contact</t>
  </si>
  <si>
    <t>$I8BEMVS.contact</t>
  </si>
  <si>
    <t>\\acsfs\profiles$\rafaelahpn\Contacts\$RECYCLE.BIN\$I8BEMVS.contact</t>
  </si>
  <si>
    <t>01/16/2020 12:45:53</t>
  </si>
  <si>
    <t>$INZPM7B.contact</t>
  </si>
  <si>
    <t>\\acsfs\profiles$\rafaelahpn\Contacts\$RECYCLE.BIN\$INZPM7B.contact</t>
  </si>
  <si>
    <t>$I76QM78.contact</t>
  </si>
  <si>
    <t>\\acsfs\profiles$\rafaelahpn\Contacts\$RECYCLE.BIN\$I76QM78.contact</t>
  </si>
  <si>
    <t>$ITQARNU.contact</t>
  </si>
  <si>
    <t>\\acsfs\profiles$\rafaelahpn\Contacts\$RECYCLE.BIN\$ITQARNU.contact</t>
  </si>
  <si>
    <t>$IS32ULK.contact</t>
  </si>
  <si>
    <t>\\acsfs\profiles$\rafaelahpn\Contacts\$RECYCLE.BIN\$IS32ULK.contact</t>
  </si>
  <si>
    <t>$I26X24W.contact</t>
  </si>
  <si>
    <t>\\acsfs\profiles$\rafaelahpn\Contacts\$RECYCLE.BIN\$I26X24W.contact</t>
  </si>
  <si>
    <t>01/16/2020 12:45:54</t>
  </si>
  <si>
    <t>$I7549M0.contact</t>
  </si>
  <si>
    <t>\\acsfs\profiles$\rafaelahpn\Contacts\$RECYCLE.BIN\$I7549M0.contact</t>
  </si>
  <si>
    <t>$I0JI26K.contact</t>
  </si>
  <si>
    <t>\\acsfs\profiles$\rafaelahpn\Contacts\$RECYCLE.BIN\$I0JI26K.contact</t>
  </si>
  <si>
    <t>$IWS65WI.contact</t>
  </si>
  <si>
    <t>\\acsfs\profiles$\rafaelahpn\Contacts\$RECYCLE.BIN\$IWS65WI.contact</t>
  </si>
  <si>
    <t>$IH5B7BW.contact</t>
  </si>
  <si>
    <t>\\acsfs\profiles$\rafaelahpn\Contacts\$RECYCLE.BIN\$IH5B7BW.contact</t>
  </si>
  <si>
    <t>01/16/2020 12:45:55</t>
  </si>
  <si>
    <t>$I61FPFL.contact</t>
  </si>
  <si>
    <t>\\acsfs\profiles$\rafaelahpn\Contacts\$RECYCLE.BIN\$I61FPFL.contact</t>
  </si>
  <si>
    <t>$I5CQMKY.contact</t>
  </si>
  <si>
    <t>\\acsfs\profiles$\rafaelahpn\Contacts\$RECYCLE.BIN\$I5CQMKY.contact</t>
  </si>
  <si>
    <t>$IMKAPQT.contact</t>
  </si>
  <si>
    <t>\\acsfs\profiles$\rafaelahpn\Contacts\$RECYCLE.BIN\$IMKAPQT.contact</t>
  </si>
  <si>
    <t>$IPU55LN.contact</t>
  </si>
  <si>
    <t>\\acsfs\profiles$\rafaelahpn\Contacts\$RECYCLE.BIN\$IPU55LN.contact</t>
  </si>
  <si>
    <t>01/16/2020 12:45:56</t>
  </si>
  <si>
    <t>$IMEFO3M.contact</t>
  </si>
  <si>
    <t>\\acsfs\profiles$\rafaelahpn\Contacts\$RECYCLE.BIN\$IMEFO3M.contact</t>
  </si>
  <si>
    <t>$IU25YUW.contact</t>
  </si>
  <si>
    <t>\\acsfs\profiles$\rafaelahpn\Contacts\$RECYCLE.BIN\$IU25YUW.contact</t>
  </si>
  <si>
    <t>$IYLOR9Q.contact</t>
  </si>
  <si>
    <t>\\acsfs\profiles$\rafaelahpn\Contacts\$RECYCLE.BIN\$IYLOR9Q.contact</t>
  </si>
  <si>
    <t>$IQYQW5V.contact</t>
  </si>
  <si>
    <t>\\acsfs\profiles$\rafaelahpn\Contacts\$RECYCLE.BIN\$IQYQW5V.contact</t>
  </si>
  <si>
    <t>01/16/2020 12:45:58</t>
  </si>
  <si>
    <t>$I4N7SQL.contact</t>
  </si>
  <si>
    <t>\\acsfs\profiles$\rafaelahpn\Contacts\$RECYCLE.BIN\$I4N7SQL.contact</t>
  </si>
  <si>
    <t>01/16/2020 12:45:20</t>
  </si>
  <si>
    <t>667f7334-6ec8-4180-a81c-6fe2d6ae5345.tmp</t>
  </si>
  <si>
    <t>\\acsfs\profiles$\leticiala\Downloads\667f7334-6ec8-4180-a81c-6fe2d6ae5345.tmp</t>
  </si>
  <si>
    <t>01/16/2020 12:45:24</t>
  </si>
  <si>
    <t>86df3242-ea4e-41b0-a925-c720c6e0f890.tmp</t>
  </si>
  <si>
    <t>\\acsfs\profiles$\leticiala\Downloads\86df3242-ea4e-41b0-a925-c720c6e0f890.tmp</t>
  </si>
  <si>
    <t>01/16/2020 12:50:36</t>
  </si>
  <si>
    <t>01/16/2020 12:46:10</t>
  </si>
  <si>
    <t>1b8add82-a8f5-4308-b8d5-397debc924d3.tmp</t>
  </si>
  <si>
    <t>\\acsfs\profiles$\adelvinsonle\Downloads\1b8add82-a8f5-4308-b8d5-397debc924d3.tmp</t>
  </si>
  <si>
    <t>01/16/2020 12:46:17</t>
  </si>
  <si>
    <t>Q29udHJvbGxlci5DYWxjdWxhZG9yYURlVmVuY2lt (14).ica</t>
  </si>
  <si>
    <t>\\acsfs\profiles$\adelvinsonle\Downloads\Q29udHJvbGxlci5DYWxjdWxhZG9yYURlVmVuY2lt (14).ica</t>
  </si>
  <si>
    <t>01/16/2020 12:46:29</t>
  </si>
  <si>
    <t>01/16/2020 12:51:35</t>
  </si>
  <si>
    <t>01/16/2020 12:46:34</t>
  </si>
  <si>
    <t>lu232362w2322.tmp</t>
  </si>
  <si>
    <t>\\acsfs\profiles$\LUCASBS\RENEG BV\Consolidado\lu232362w2322.tmp</t>
  </si>
  <si>
    <t>\\acsfs\profiles$\LUCASBS\RENEG BV\Consolidado\lu232362w2322.tmp\</t>
  </si>
  <si>
    <t>\\acsfs\profiles$\LUCASBS\RENEG BV\Consolidado\lu232362w2322.tmp\META-INF\</t>
  </si>
  <si>
    <t>\\acsfs\profiles$\LUCASBS\RENEG BV\Consolidado\lu232362w2322.tmp\Thumbnails\</t>
  </si>
  <si>
    <t>01/16/2020 12:47:39</t>
  </si>
  <si>
    <t>01/16/2020 12:49:10</t>
  </si>
  <si>
    <t>01/16/2020 12:49:40</t>
  </si>
  <si>
    <t>01/16/2020 12:48:04</t>
  </si>
  <si>
    <t>01/16/2020 12:52:36</t>
  </si>
  <si>
    <t>lu341402v447n.tmp</t>
  </si>
  <si>
    <t>\\acsfs\profiles$\BRUNAAR\Numero\lu341402v447n.tmp</t>
  </si>
  <si>
    <t>01/16/2020 12:48:35</t>
  </si>
  <si>
    <t>lu341402v447r.tmp</t>
  </si>
  <si>
    <t>\\acsfs\profiles$\BRUNAAR\Numero\lu341402v447r.tmp</t>
  </si>
  <si>
    <t>01/16/2020 12:52:30</t>
  </si>
  <si>
    <t>01/16/2020 12:54:35</t>
  </si>
  <si>
    <t>f1e0c939-f1b7-4175-a0b8-c55e9ca91134.tmp</t>
  </si>
  <si>
    <t>\\acsfs\profiles$\larissaad\Downloads\f1e0c939-f1b7-4175-a0b8-c55e9ca91134.tmp</t>
  </si>
  <si>
    <t>01/16/2020 12:51:49</t>
  </si>
  <si>
    <t>a26d06ce-b66a-4257-a92a-b349f16334bf.tmp</t>
  </si>
  <si>
    <t>\\acsfs\profiles$\laylaams\Downloads\a26d06ce-b66a-4257-a92a-b349f16334bf.tmp</t>
  </si>
  <si>
    <t>01/16/2020 12:55:36</t>
  </si>
  <si>
    <t>01/16/2020 12:54:18</t>
  </si>
  <si>
    <t>01/16/2020 12:54:23</t>
  </si>
  <si>
    <t>lu156202imcd1.tmp</t>
  </si>
  <si>
    <t>\\acsfs\profiles$\Flaviojmm\My Documents\lu156202imcd1.tmp</t>
  </si>
  <si>
    <t>\\acsfs\profiles$\Flaviojmm\My Documents\lu156202imcd1.tmp\</t>
  </si>
  <si>
    <t>\\acsfs\profiles$\Flaviojmm\My Documents\lu156202imcd1.tmp\META-INF\</t>
  </si>
  <si>
    <t>\\acsfs\profiles$\Flaviojmm\My Documents\lu156202imcd1.tmp\Thumbnails\</t>
  </si>
  <si>
    <t>01/16/2020 12:52:37</t>
  </si>
  <si>
    <t>01/16/2020 12:54:19</t>
  </si>
  <si>
    <t>85d7ce29-1607-458b-b635-df1b1a665192.tmp</t>
  </si>
  <si>
    <t>\\acsfs\profiles$\adelvinsonle\Downloads\85d7ce29-1607-458b-b635-df1b1a665192.tmp</t>
  </si>
  <si>
    <t>01/16/2020 12:52:50</t>
  </si>
  <si>
    <t>01/16/2020 12:56:35</t>
  </si>
  <si>
    <t>01/16/2020 12:52:57</t>
  </si>
  <si>
    <t>lu232362w2327.tmp</t>
  </si>
  <si>
    <t>\\acsfs\profiles$\LUCASBS\RENEG BV\Consolidado\lu232362w2327.tmp</t>
  </si>
  <si>
    <t>\\acsfs\profiles$\LUCASBS\RENEG BV\Consolidado\lu232362w2327.tmp\</t>
  </si>
  <si>
    <t>\\acsfs\profiles$\LUCASBS\RENEG BV\Consolidado\lu232362w2327.tmp\META-INF\</t>
  </si>
  <si>
    <t>\\acsfs\profiles$\LUCASBS\RENEG BV\Consolidado\lu232362w2327.tmp\Thumbnails\</t>
  </si>
  <si>
    <t>01/16/2020 12:56:01</t>
  </si>
  <si>
    <t>e1af82f6-8eb1-456c-ac17-0c798b00d2a6.tmp</t>
  </si>
  <si>
    <t>\\acsfs\profiles$\regisedsj\Downloads\e1af82f6-8eb1-456c-ac17-0c798b00d2a6.tmp</t>
  </si>
  <si>
    <t>01/16/2020 12:56:12</t>
  </si>
  <si>
    <t>01/16/2020 12:53:04</t>
  </si>
  <si>
    <t>\\acsfs\profiles$\victoriaksr\My Documents\My Pictures\</t>
  </si>
  <si>
    <t>\\acsfs\profiles$\victoriaksr\My Documents\My Videos\desktop.ini</t>
  </si>
  <si>
    <t>01/16/2020 12:53:06</t>
  </si>
  <si>
    <t>\\acsfs\profiles$\victoriaksr\My Documents\My Videos\</t>
  </si>
  <si>
    <t>01/16/2020 12:53:17</t>
  </si>
  <si>
    <t>01/16/2020 12:53:18</t>
  </si>
  <si>
    <t>01/16/2020 12:53:19</t>
  </si>
  <si>
    <t>01/16/2020 12:53:21</t>
  </si>
  <si>
    <t>\\acsfs\profiles$\victoriaksr\My Documents\My Music\</t>
  </si>
  <si>
    <t>\\acsfs\profiles$\victoriaksr\My Documents\My Pictures\desktop.ini</t>
  </si>
  <si>
    <t>01/16/2020 12:53:22</t>
  </si>
  <si>
    <t>01/16/2020 12:53:25</t>
  </si>
  <si>
    <t>01/16/2020 12:53:26</t>
  </si>
  <si>
    <t>01/16/2020 12:53:30</t>
  </si>
  <si>
    <t>01/16/2020 12:53:34</t>
  </si>
  <si>
    <t>\\acsfs\profiles$\victoriaksr\Contacts\</t>
  </si>
  <si>
    <t>\\acsfs\profiles$\victoriaksr\Contacts\desktop.ini</t>
  </si>
  <si>
    <t>01/16/2020 12:53:35</t>
  </si>
  <si>
    <t>01/16/2020 12:53:37</t>
  </si>
  <si>
    <t>01/16/2020 12:53:39</t>
  </si>
  <si>
    <t>01/16/2020 12:53:40</t>
  </si>
  <si>
    <t>01/16/2020 12:53:41</t>
  </si>
  <si>
    <t>01/16/2020 12:53:42</t>
  </si>
  <si>
    <t>\\acsfs\profiles$\victoriaksr\Favorites\desktop.ini</t>
  </si>
  <si>
    <t>01/16/2020 12:53:43</t>
  </si>
  <si>
    <t>01/16/2020 12:53:45</t>
  </si>
  <si>
    <t>01/16/2020 12:53:46</t>
  </si>
  <si>
    <t>01/16/2020 12:53:48</t>
  </si>
  <si>
    <t>01/16/2020 12:53:50</t>
  </si>
  <si>
    <t>01/16/2020 12:53:51</t>
  </si>
  <si>
    <t>01/16/2020 12:53:52</t>
  </si>
  <si>
    <t>\\acsfs\profiles$\victoriaksr\My Documents\My Music\desktop.ini</t>
  </si>
  <si>
    <t>01/16/2020 12:53:53</t>
  </si>
  <si>
    <t>01/16/2020 12:53:55</t>
  </si>
  <si>
    <t>01/16/2020 12:53:57</t>
  </si>
  <si>
    <t>01/16/2020 12:53:58</t>
  </si>
  <si>
    <t>\\acsfs\profiles$\victoriaksr\Searches\</t>
  </si>
  <si>
    <t>\\acsfs\profiles$\victoriaksr\Searches\desktop.ini</t>
  </si>
  <si>
    <t>01/16/2020 12:53:59</t>
  </si>
  <si>
    <t>01/16/2020 12:54:01</t>
  </si>
  <si>
    <t>01/16/2020 12:54:02</t>
  </si>
  <si>
    <t>01/16/2020 12:54:04</t>
  </si>
  <si>
    <t>\\acsfs\profiles$\victoriaksr\Downloads\desktop.ini</t>
  </si>
  <si>
    <t>01/16/2020 12:54:05</t>
  </si>
  <si>
    <t>01/16/2020 12:54:06</t>
  </si>
  <si>
    <t>\\acsfs\profiles$\victoriaksr\Favorites\</t>
  </si>
  <si>
    <t>\\acsfs\profiles$\victoriaksr\My Documents\desktop.ini</t>
  </si>
  <si>
    <t>01/16/2020 12:54:08</t>
  </si>
  <si>
    <t>01/16/2020 12:54:10</t>
  </si>
  <si>
    <t>01/16/2020 12:54:12</t>
  </si>
  <si>
    <t>01/16/2020 12:54:14</t>
  </si>
  <si>
    <t>\\acsfs\profiles$\victoriaksr\Saved Games\desktop.ini</t>
  </si>
  <si>
    <t>01/16/2020 12:54:15</t>
  </si>
  <si>
    <t>01/16/2020 12:54:56</t>
  </si>
  <si>
    <t>winrt--{S-1-5-21-602162358-764733703-839522115-334966}-.searchconnector-ms</t>
  </si>
  <si>
    <t>\\acsfs\profiles$\victoriaksr\Searches\winrt--{S-1-5-21-602162358-764733703-839522115-334966}-.searchconnector-ms</t>
  </si>
  <si>
    <t>01/16/2020 12:55:58</t>
  </si>
  <si>
    <t>01/16/2020 12:57:35</t>
  </si>
  <si>
    <t>5ba59fab-67ae-4c43-b5e1-9318a0d3c30f.tmp</t>
  </si>
  <si>
    <t>\\acsfs\profiles$\monicargds\Downloads\5ba59fab-67ae-4c43-b5e1-9318a0d3c30f.tmp</t>
  </si>
  <si>
    <t>01/16/2020 12:52:03</t>
  </si>
  <si>
    <t>.~lock.TMO.xlsm#</t>
  </si>
  <si>
    <t>\\acsfs\ACS\Gabriel da Silva\Contemporânea\.~lock.TMO.xlsm#</t>
  </si>
  <si>
    <t>01/16/2020 12:59:35</t>
  </si>
  <si>
    <t>01/16/2020 12:54:58</t>
  </si>
  <si>
    <t>5fd3fa5f-05ab-4af1-bbb2-59694d405149.tmp</t>
  </si>
  <si>
    <t>\\acsfs\profiles$\laylaams\Downloads\5fd3fa5f-05ab-4af1-bbb2-59694d405149.tmp</t>
  </si>
  <si>
    <t>01/16/2020 13:00:36</t>
  </si>
  <si>
    <t>01/16/2020 12:57:47</t>
  </si>
  <si>
    <t>01/16/2020 12:58:01</t>
  </si>
  <si>
    <t>01/16/2020 12:56:08</t>
  </si>
  <si>
    <t>01/16/2020 12:56:15</t>
  </si>
  <si>
    <t>01/16/2020 12:58:37</t>
  </si>
  <si>
    <t>01/16/2020 13:01:35</t>
  </si>
  <si>
    <t>91465d79-39be-49cf-96f6-ef3f28cd0e37.tmp</t>
  </si>
  <si>
    <t>\\acsfs\profiles$\victoriaksr\Downloads\91465d79-39be-49cf-96f6-ef3f28cd0e37.tmp</t>
  </si>
  <si>
    <t>01/16/2020 12:58:41</t>
  </si>
  <si>
    <t>314b130a-c540-4ebd-96e6-531ee4d6b8c8.tmp</t>
  </si>
  <si>
    <t>\\acsfs\profiles$\victoriaksr\Downloads\314b130a-c540-4ebd-96e6-531ee4d6b8c8.tmp</t>
  </si>
  <si>
    <t>01/16/2020 12:58:40</t>
  </si>
  <si>
    <t>01/16/2020 13:02:35</t>
  </si>
  <si>
    <t>01/16/2020 12:59:01</t>
  </si>
  <si>
    <t>01/16/2020 12:57:32</t>
  </si>
  <si>
    <t>01/16/2020 13:00:35</t>
  </si>
  <si>
    <t>01/16/2020 13:04:35</t>
  </si>
  <si>
    <t>6f02e9c2-f9d4-4b7b-a521-8303607a733d.tmp</t>
  </si>
  <si>
    <t>\\acsfs\profiles$\esterasg\Downloads\6f02e9c2-f9d4-4b7b-a521-8303607a733d.tmp</t>
  </si>
  <si>
    <t>01/16/2020 13:00:50</t>
  </si>
  <si>
    <t>afbb67a8-b423-429f-933c-717c3a0c7e4b.tmp</t>
  </si>
  <si>
    <t>\\acsfs\profiles$\esterasg\Downloads\afbb67a8-b423-429f-933c-717c3a0c7e4b.tmp</t>
  </si>
  <si>
    <t>01/16/2020 13:00:55</t>
  </si>
  <si>
    <t>1efcb0f4-0c44-445e-937c-0504fa5ab0a3.tmp</t>
  </si>
  <si>
    <t>\\acsfs\profiles$\esterasg\Downloads\1efcb0f4-0c44-445e-937c-0504fa5ab0a3.tmp</t>
  </si>
  <si>
    <t>01/16/2020 13:05:36</t>
  </si>
  <si>
    <t>01/16/2020 13:04:24</t>
  </si>
  <si>
    <t>01/16/2020 13:04:26</t>
  </si>
  <si>
    <t>01/16/2020 13:02:45</t>
  </si>
  <si>
    <t>01/16/2020 13:06:35</t>
  </si>
  <si>
    <t>01/16/2020 13:03:15</t>
  </si>
  <si>
    <t>01/16/2020 13:03:46</t>
  </si>
  <si>
    <t>01/16/2020 13:05:35</t>
  </si>
  <si>
    <t>\\acsfs\profiles$\VICTORIAKSR\My Documents\</t>
  </si>
  <si>
    <t>\\acsfs\profiles$\VICTORIAKSR\My Documents\.~lock.Filas.xlsx#</t>
  </si>
  <si>
    <t>01/16/2020 13:07:36</t>
  </si>
  <si>
    <t>01/16/2020 13:03:13</t>
  </si>
  <si>
    <t>0a8059fe-9401-404b-8ec5-c192d344922d.tmp</t>
  </si>
  <si>
    <t>\\acsfs\profiles$\kellzylenneasr\Downloads\0a8059fe-9401-404b-8ec5-c192d344922d.tmp</t>
  </si>
  <si>
    <t>01/16/2020 13:05:04</t>
  </si>
  <si>
    <t>01/16/2020 13:08:35</t>
  </si>
  <si>
    <t>01/16/2020 13:07:41</t>
  </si>
  <si>
    <t>01/16/2020 13:09:35</t>
  </si>
  <si>
    <t>1c5a85f5-39fb-4319-8bc5-bbfc80fb17e2.tmp</t>
  </si>
  <si>
    <t>\\acsfs\profiles$\KARENDSR\Downloads\1c5a85f5-39fb-4319-8bc5-bbfc80fb17e2.tmp</t>
  </si>
  <si>
    <t>01/16/2020 13:10:35</t>
  </si>
  <si>
    <t>01/16/2020 13:09:39</t>
  </si>
  <si>
    <t>01/16/2020 13:09:44</t>
  </si>
  <si>
    <t>lu156202imcda.tmp</t>
  </si>
  <si>
    <t>\\acsfs\profiles$\Flaviojmm\My Documents\lu156202imcda.tmp</t>
  </si>
  <si>
    <t>\\acsfs\profiles$\Flaviojmm\My Documents\lu156202imcda.tmp\</t>
  </si>
  <si>
    <t>\\acsfs\profiles$\Flaviojmm\My Documents\lu156202imcda.tmp\META-INF\</t>
  </si>
  <si>
    <t>\\acsfs\profiles$\Flaviojmm\My Documents\lu156202imcda.tmp\Thumbnails\</t>
  </si>
  <si>
    <t>01/16/2020 13:07:44</t>
  </si>
  <si>
    <t>01/16/2020 13:07:51</t>
  </si>
  <si>
    <t>01/16/2020 13:12:35</t>
  </si>
  <si>
    <t>01/16/2020 13:09:29</t>
  </si>
  <si>
    <t>01/16/2020 13:09:30</t>
  </si>
  <si>
    <t>lu2733221pjw8.tmp</t>
  </si>
  <si>
    <t>\\acsfs\profiles$\RAFAELRF\meu\lu2733221pjw8.tmp</t>
  </si>
  <si>
    <t>01/16/2020 13:07:50</t>
  </si>
  <si>
    <t>710f4fcb-ca61-444a-abef-4f60106dddeb.tmp</t>
  </si>
  <si>
    <t>\\acsfs\profiles$\gabrielafs\Downloads\710f4fcb-ca61-444a-abef-4f60106dddeb.tmp</t>
  </si>
  <si>
    <t>01/16/2020 13:15:35</t>
  </si>
  <si>
    <t>01/16/2020 13:16:34</t>
  </si>
  <si>
    <t>01/16/2020 13:11:49</t>
  </si>
  <si>
    <t>01/16/2020 13:12:19</t>
  </si>
  <si>
    <t>01/16/2020 13:12:50</t>
  </si>
  <si>
    <t>01/16/2020 13:13:20</t>
  </si>
  <si>
    <t>01/16/2020 13:15:51</t>
  </si>
  <si>
    <t>01/16/2020 13:17:35</t>
  </si>
  <si>
    <t>01/16/2020 13:13:48</t>
  </si>
  <si>
    <t>01/16/2020 13:15:47</t>
  </si>
  <si>
    <t>.~lock.TMO.ods#</t>
  </si>
  <si>
    <t>\\acsfs\ACS\Gabriel da Silva\Contemporânea\.~lock.TMO.ods#</t>
  </si>
  <si>
    <t>01/16/2020 13:15:50</t>
  </si>
  <si>
    <t>lu75808obrm.tmp</t>
  </si>
  <si>
    <t>\\acsfs\ACS\Gabriel da Silva\Contemporânea\lu75808obrm.tmp</t>
  </si>
  <si>
    <t>\\acsfs\ACS\Gabriel da Silva\Contemporânea\lu75808obrm.tmp\Basic\</t>
  </si>
  <si>
    <t>script-lc.xml</t>
  </si>
  <si>
    <t>\\acsfs\ACS\Gabriel da Silva\Contemporânea\lu75808obrm.tmp\Basic\Standard\</t>
  </si>
  <si>
    <t>script-lb.xml</t>
  </si>
  <si>
    <t>\\acsfs\ACS\Gabriel da Silva\Contemporânea\lu75808obrm.tmp\Basic\VBAProject\</t>
  </si>
  <si>
    <t>BaseGenesys.xml</t>
  </si>
  <si>
    <t>EstaPasta_de_trabalho.xml</t>
  </si>
  <si>
    <t>MÃ³dulo1.xml</t>
  </si>
  <si>
    <t>Planilha2.xml</t>
  </si>
  <si>
    <t>Relatorio.xml</t>
  </si>
  <si>
    <t>\\acsfs\ACS\Gabriel da Silva\Contemporânea\lu75808obrm.tmp\</t>
  </si>
  <si>
    <t>\\acsfs\ACS\Gabriel da Silva\Contemporânea\lu75808obrm.tmp\META-INF\</t>
  </si>
  <si>
    <t>\\acsfs\ACS\Gabriel da Silva\Contemporânea\lu75808obrm.tmp\Thumbnails\</t>
  </si>
  <si>
    <t>01/16/2020 13:16:10</t>
  </si>
  <si>
    <t>01/16/2020 13:15:27</t>
  </si>
  <si>
    <t>01/16/2020 13:19:35</t>
  </si>
  <si>
    <t>376b6ff1-14b8-44d3-873c-432ee110db93.tmp</t>
  </si>
  <si>
    <t>\\acsfs\profiles$\henriquehmdo\Downloads\376b6ff1-14b8-44d3-873c-432ee110db93.tmp</t>
  </si>
  <si>
    <t>01/16/2020 13:17:52</t>
  </si>
  <si>
    <t>01/16/2020 13:20:35</t>
  </si>
  <si>
    <t>01/16/2020 13:19:26</t>
  </si>
  <si>
    <t>10.200.66.24</t>
  </si>
  <si>
    <t>78-2B-CB-C1-06-33</t>
  </si>
  <si>
    <t>VOTORANT-SB005</t>
  </si>
  <si>
    <t>brunodof</t>
  </si>
  <si>
    <t>https://udpwfmniceap02/web/guest/home?p_auth=vr9ctpta&amp;p_p_id=58&amp;p_p_lifecycle=1&amp;p_p_state=maximized&amp;p_p_mode=view&amp;savelastpath=0&amp;_58_struts_action=/login/forgot_password</t>
  </si>
  <si>
    <t>01/16/2020 13:19:49</t>
  </si>
  <si>
    <t>01/16/2020 13:20:09</t>
  </si>
  <si>
    <t>01/16/2020 13:21:35</t>
  </si>
  <si>
    <t>01/16/2020 13:16:48</t>
  </si>
  <si>
    <t>a5c69884-c9b9-4fa6-9ead-9293e2ff76a7.tmp</t>
  </si>
  <si>
    <t>\\acsfs\profiles$\gabrielhca\Downloads\a5c69884-c9b9-4fa6-9ead-9293e2ff76a7.tmp</t>
  </si>
  <si>
    <t>01/16/2020 13:16:21</t>
  </si>
  <si>
    <t>01/16/2020 13:19:53</t>
  </si>
  <si>
    <t>01/16/2020 13:17:15</t>
  </si>
  <si>
    <t>01/16/2020 13:22:35</t>
  </si>
  <si>
    <t>\\acsfs\ACS\Gabriel da Silva\Contemporânea\Thumbs.db</t>
  </si>
  <si>
    <t>01/16/2020 13:17:55</t>
  </si>
  <si>
    <t>01/16/2020 13:23:35</t>
  </si>
  <si>
    <t>2cd50ee8-8a50-499c-9030-aaf74548ab15.tmp</t>
  </si>
  <si>
    <t>\\acsfs\profiles$\paulovadc\Downloads\2cd50ee8-8a50-499c-9030-aaf74548ab15.tmp</t>
  </si>
  <si>
    <t>01/16/2020 13:19:28</t>
  </si>
  <si>
    <t>9ee1930f-8ca8-4040-aa91-b6ebb33886ae.tmp</t>
  </si>
  <si>
    <t>\\acsfs\profiles$\paulovadc\Downloads\9ee1930f-8ca8-4040-aa91-b6ebb33886ae.tmp</t>
  </si>
  <si>
    <t>01/16/2020 13:22:21</t>
  </si>
  <si>
    <t>094f7ef1-625f-485e-b9b4-7639740afb1b.tmp</t>
  </si>
  <si>
    <t>\\acsfs\profiles$\quindaizaagds\Downloads\094f7ef1-625f-485e-b9b4-7639740afb1b.tmp</t>
  </si>
  <si>
    <t>01/16/2020 13:22:19</t>
  </si>
  <si>
    <t>01/16/2020 13:24:35</t>
  </si>
  <si>
    <t>01/16/2020 13:21:40</t>
  </si>
  <si>
    <t>ad1fd2b4-8c37-4f9c-8ba3-100da2e9d450.tmp</t>
  </si>
  <si>
    <t>\\acsfs\profiles$\leticiala\Downloads\ad1fd2b4-8c37-4f9c-8ba3-100da2e9d450.tmp</t>
  </si>
  <si>
    <t>01/16/2020 13:25:35</t>
  </si>
  <si>
    <t>01/16/2020 13:20:25</t>
  </si>
  <si>
    <t>01/16/2020 13:20:42</t>
  </si>
  <si>
    <t>01/16/2020 13:25:25</t>
  </si>
  <si>
    <t>01/16/2020 13:26:35</t>
  </si>
  <si>
    <t>64285ac7-afdc-48f7-bd83-7ca3232e4ccc.tmp</t>
  </si>
  <si>
    <t>\\acsfs\profiles$\joselrb\Downloads\64285ac7-afdc-48f7-bd83-7ca3232e4ccc.tmp</t>
  </si>
  <si>
    <t>01/16/2020 13:23:10</t>
  </si>
  <si>
    <t>f948205b-89d6-4aea-b2aa-7e3adbc0498f.tmp</t>
  </si>
  <si>
    <t>\\acsfs\profiles$\regisedsj\Downloads\f948205b-89d6-4aea-b2aa-7e3adbc0498f.tmp</t>
  </si>
  <si>
    <t>01/16/2020 13:23:24</t>
  </si>
  <si>
    <t>01/16/2020 13:23:55</t>
  </si>
  <si>
    <t>01/16/2020 13:24:25</t>
  </si>
  <si>
    <t>01/16/2020 13:22:46</t>
  </si>
  <si>
    <t>01/16/2020 13:27:35</t>
  </si>
  <si>
    <t>\\acsfs\DEPTOS\Operacao\Banco_Votorantim\Comum\00 - COMUM - BV CARTÕES\EQUIPE ADILSON\</t>
  </si>
  <si>
    <t>Política de Gratificação BV Cartões - Janeiro.ppt</t>
  </si>
  <si>
    <t>Algar_Presentation</t>
  </si>
  <si>
    <t>\\acsfs\DEPTOS\Operacao\Banco_Votorantim\Comum\00 - COMUM - BV CARTÕES\EQUIPE ADILSON\Política de Gratificação BV Cartões - Janeiro.ppt</t>
  </si>
  <si>
    <t>\\acsfs\DEPTOS\Operacao\Banco_Votorantim\Comum\00 - COMUM - BV CARTÕES\EQUIPE ADILSON\Política de Gratificação BV Cartões - Janeiro.ppt\s4\</t>
  </si>
  <si>
    <t>PowerPoint.MetroBlob.pptx</t>
  </si>
  <si>
    <t>PowerPoint.MetroBlob1.pptx</t>
  </si>
  <si>
    <t>PowerPoint.MetroBlob7.pptx</t>
  </si>
  <si>
    <t>PowerPoint.MetroBlob2.pptx</t>
  </si>
  <si>
    <t>PowerPoint.MetroBlob3.pptx</t>
  </si>
  <si>
    <t>PowerPoint.MetroBlob4.pptx</t>
  </si>
  <si>
    <t>PowerPoint.MetroBlob5.pptx</t>
  </si>
  <si>
    <t>PowerPoint.MetroBlob6.pptx</t>
  </si>
  <si>
    <t>01/16/2020 13:26:22</t>
  </si>
  <si>
    <t>811f08d0-8851-47bc-8a72-30e3ef9a2300.tmp</t>
  </si>
  <si>
    <t>\\acsfs\profiles$\vivianealda\Downloads\811f08d0-8851-47bc-8a72-30e3ef9a2300.tmp</t>
  </si>
  <si>
    <t>01/16/2020 13:24:22</t>
  </si>
  <si>
    <t>01/16/2020 13:29:35</t>
  </si>
  <si>
    <t>10.200.67.43</t>
  </si>
  <si>
    <t>74-86-7A-FD-D5-4B</t>
  </si>
  <si>
    <t>VOTORANT-VB019</t>
  </si>
  <si>
    <t>92d9cf9e-068f-47e3-b83f-e75451fdcde0.tmp</t>
  </si>
  <si>
    <t>\\acsfs\profiles$\nathaliaos\Downloads\92d9cf9e-068f-47e3-b83f-e75451fdcde0.tmp</t>
  </si>
  <si>
    <t>01/16/2020 13:25:41</t>
  </si>
  <si>
    <t>51ea2126-cf0b-4d5e-b6ce-7e257399b2ea.tmp</t>
  </si>
  <si>
    <t>\\acsfs\profiles$\nathaliaos\Downloads\51ea2126-cf0b-4d5e-b6ce-7e257399b2ea.tmp</t>
  </si>
  <si>
    <t>01/16/2020 13:25:10</t>
  </si>
  <si>
    <t>d4dcbfd1-bdce-47e2-af17-229e709025a6.tmp</t>
  </si>
  <si>
    <t>\\acsfs\profiles$\PEDROHAB\Downloads\d4dcbfd1-bdce-47e2-af17-229e709025a6.tmp</t>
  </si>
  <si>
    <t>01/16/2020 13:26:10</t>
  </si>
  <si>
    <t>https://udpwfmniceap02/web/guest/home?p_auth=mcu8e1m9&amp;p_p_id=58&amp;p_p_lifecycle=1&amp;p_p_state=maximized&amp;p_p_mode=view&amp;savelastpath=0&amp;_58_struts_action=/login/forgot_password</t>
  </si>
  <si>
    <t>01/16/2020 13:25:59</t>
  </si>
  <si>
    <t>backofficebv@dxc.com;jean.loiola@bv.com.br;larissa.alcantara@bv.com.br;marianeps@algartech.com;talmaiardo@algartech.com;thiagordu@algartech.com;</t>
  </si>
  <si>
    <t>backofficebv@dxc.com,jean.loiola@bv.com.br,larissa.alcantara@bv.com.br,marianeps@algartech.com,talmaiardo@algartech.com,thiagordu@algartech.com</t>
  </si>
  <si>
    <t>01/16/2020 13:26:02</t>
  </si>
  <si>
    <t>01/16/2020 13:30:36</t>
  </si>
  <si>
    <t>01/16/2020 13:31:35</t>
  </si>
  <si>
    <t>01/16/2020 13:26:34</t>
  </si>
  <si>
    <t>01/16/2020 13:26:40</t>
  </si>
  <si>
    <t>lu232362w232o.tmp</t>
  </si>
  <si>
    <t>\\acsfs\profiles$\LUCASBS\RENEG BV\Consolidado\lu232362w232o.tmp</t>
  </si>
  <si>
    <t>\\acsfs\profiles$\LUCASBS\RENEG BV\Consolidado\lu232362w232o.tmp\</t>
  </si>
  <si>
    <t>\\acsfs\profiles$\LUCASBS\RENEG BV\Consolidado\lu232362w232o.tmp\META-INF\</t>
  </si>
  <si>
    <t>\\acsfs\profiles$\LUCASBS\RENEG BV\Consolidado\lu232362w232o.tmp\Thumbnails\</t>
  </si>
  <si>
    <t>01/16/2020 13:26:26</t>
  </si>
  <si>
    <t>01/16/2020 13:26:56</t>
  </si>
  <si>
    <t>01/16/2020 13:28:26</t>
  </si>
  <si>
    <t>01/16/2020 13:28:57</t>
  </si>
  <si>
    <t>01/16/2020 13:29:57</t>
  </si>
  <si>
    <t>01/16/2020 13:35:35</t>
  </si>
  <si>
    <t>01/16/2020 13:34:48</t>
  </si>
  <si>
    <t>01/16/2020 13:36:35</t>
  </si>
  <si>
    <t>01/16/2020 13:33:29</t>
  </si>
  <si>
    <t>ee675bba-b9a2-4e84-bc38-fe35a0d77b9f.tmp</t>
  </si>
  <si>
    <t>\\acsfs\profiles$\gabriellalpr\Downloads\ee675bba-b9a2-4e84-bc38-fe35a0d77b9f.tmp</t>
  </si>
  <si>
    <t>01/16/2020 13:32:35</t>
  </si>
  <si>
    <t>marioefn</t>
  </si>
  <si>
    <t>https://udpwfmniceap02/web/guest/home?p_auth=cit3lfpo&amp;p_p_id=58&amp;p_p_lifecycle=1&amp;p_p_state=maximized&amp;p_p_mode=view&amp;savelastpath=0&amp;_58_struts_action=/login/forgot_password</t>
  </si>
  <si>
    <t>01/16/2020 13:33:36</t>
  </si>
  <si>
    <t>01/16/2020 13:33:51</t>
  </si>
  <si>
    <t>01/16/2020 13:34:15</t>
  </si>
  <si>
    <t>01/16/2020 13:31:58</t>
  </si>
  <si>
    <t>01/16/2020 13:32:28</t>
  </si>
  <si>
    <t>01/16/2020 13:32:49</t>
  </si>
  <si>
    <t>01/16/2020 13:37:35</t>
  </si>
  <si>
    <t>.~lock.Agent_Utilization_Report.xlsx#</t>
  </si>
  <si>
    <t>\\acsfs\ACS\Gabriel da Silva\Contemporânea\Gen\.~lock.Agent_Utilization_Report.xlsx#</t>
  </si>
  <si>
    <t>01/16/2020 13:37:31</t>
  </si>
  <si>
    <t>01/16/2020 13:38:35</t>
  </si>
  <si>
    <t>01/16/2020 13:39:35</t>
  </si>
  <si>
    <t>01/16/2020 13:35:38</t>
  </si>
  <si>
    <t>01/16/2020 13:36:30</t>
  </si>
  <si>
    <t>01/16/2020 13:37:03</t>
  </si>
  <si>
    <t>01/16/2020 13:37:08</t>
  </si>
  <si>
    <t>backofficebv@dxc.com;jean.loiola@bv.com.br;kesiadof@algartech.com;larissa.alcantara@bv.com.br;marianeps@algartech.com;talmaiardo@algartech.com;thiagordu@algartech.com;</t>
  </si>
  <si>
    <t>backofficebv@dxc.com,jean.loiola@bv.com.br,kesiadof@algartech.com,larissa.alcantara@bv.com.br,marianeps@algartech.com,talmaiardo@algartech.com,thiagordu@algartech.com</t>
  </si>
  <si>
    <t>01/16/2020 13:37:15</t>
  </si>
  <si>
    <t>01/16/2020 13:40:36</t>
  </si>
  <si>
    <t>01/16/2020 13:37:21</t>
  </si>
  <si>
    <t>01/16/2020 13:37:28</t>
  </si>
  <si>
    <t>01/16/2020 13:37:34</t>
  </si>
  <si>
    <t>01/16/2020 13:37:36</t>
  </si>
  <si>
    <t>01/16/2020 13:37:41</t>
  </si>
  <si>
    <t>01/16/2020 13:37:47</t>
  </si>
  <si>
    <t>01/16/2020 13:37:51</t>
  </si>
  <si>
    <t>01/16/2020 13:35:53</t>
  </si>
  <si>
    <t>01/16/2020 13:35:59</t>
  </si>
  <si>
    <t>lu156202imcdn.tmp</t>
  </si>
  <si>
    <t>\\acsfs\profiles$\Flaviojmm\My Documents\lu156202imcdn.tmp</t>
  </si>
  <si>
    <t>\\acsfs\profiles$\Flaviojmm\My Documents\lu156202imcdn.tmp\</t>
  </si>
  <si>
    <t>\\acsfs\profiles$\Flaviojmm\My Documents\lu156202imcdn.tmp\META-INF\</t>
  </si>
  <si>
    <t>\\acsfs\profiles$\Flaviojmm\My Documents\lu156202imcdn.tmp\Thumbnails\</t>
  </si>
  <si>
    <t>01/16/2020 13:36:06</t>
  </si>
  <si>
    <t>921cbb3d-2975-4421-9d3b-8e066a0c653a.tmp</t>
  </si>
  <si>
    <t>\\acsfs\profiles$\matheushds\Downloads\921cbb3d-2975-4421-9d3b-8e066a0c653a.tmp</t>
  </si>
  <si>
    <t>01/16/2020 13:36:44</t>
  </si>
  <si>
    <t>MATHEUS HENRIQUE DOS SANTOS (32376).contact</t>
  </si>
  <si>
    <t>\\acsfs\profiles$\matheushds\Contacts\MATHEUS HENRIQUE DOS SANTOS (32376).contact</t>
  </si>
  <si>
    <t>01/16/2020 13:38:31</t>
  </si>
  <si>
    <t>01/16/2020 13:41:36</t>
  </si>
  <si>
    <t>01/16/2020 13:39:01</t>
  </si>
  <si>
    <t>01/16/2020 13:40:02</t>
  </si>
  <si>
    <t>01/16/2020 13:41:19</t>
  </si>
  <si>
    <t>01/16/2020 13:42:36</t>
  </si>
  <si>
    <t>f2d8ef37-379a-4d74-a567-5f0d4a694322.tmp</t>
  </si>
  <si>
    <t>\\acsfs\profiles$\geovannasm\Downloads\f2d8ef37-379a-4d74-a567-5f0d4a694322.tmp</t>
  </si>
  <si>
    <t>01/16/2020 13:41:31</t>
  </si>
  <si>
    <t>f455bc01-09f4-4b3a-8df1-7e6f26e8ad90.tmp</t>
  </si>
  <si>
    <t>\\acsfs\profiles$\geovannasm\Downloads\f455bc01-09f4-4b3a-8df1-7e6f26e8ad90.tmp</t>
  </si>
  <si>
    <t>01/16/2020 13:41:41</t>
  </si>
  <si>
    <t>bf0de75c-c6ed-4431-845e-3557f569ecc4.tmp</t>
  </si>
  <si>
    <t>\\acsfs\profiles$\geovannasm\Downloads\bf0de75c-c6ed-4431-845e-3557f569ecc4.tmp</t>
  </si>
  <si>
    <t>01/16/2020 13:42:02</t>
  </si>
  <si>
    <t>01/16/2020 13:42:08</t>
  </si>
  <si>
    <t>lu324162x3mgb.tmp</t>
  </si>
  <si>
    <t>\\acsfs\profiles$\CLAUDIAJCA\Reneg 18-12\lu324162x3mgb.tmp</t>
  </si>
  <si>
    <t>\\acsfs\profiles$\CLAUDIAJCA\Reneg 18-12\lu324162x3mgb.tmp\</t>
  </si>
  <si>
    <t>\\acsfs\profiles$\CLAUDIAJCA\Reneg 18-12\lu324162x3mgb.tmp\META-INF\</t>
  </si>
  <si>
    <t>\\acsfs\profiles$\CLAUDIAJCA\Reneg 18-12\lu324162x3mgb.tmp\Thumbnails\</t>
  </si>
  <si>
    <t>01/16/2020 13:40:49</t>
  </si>
  <si>
    <t>01/16/2020 13:44:37</t>
  </si>
  <si>
    <t>17fbeb9a-b292-40da-a4d9-27a452dcb570.tmp</t>
  </si>
  <si>
    <t>\\acsfs\profiles$\mariagsg\Downloads\17fbeb9a-b292-40da-a4d9-27a452dcb570.tmp</t>
  </si>
  <si>
    <t>01/16/2020 13:43:40</t>
  </si>
  <si>
    <t>6d598685-dd79-4ae4-be89-9ef28fe981cd.tmp</t>
  </si>
  <si>
    <t>\\acsfs\profiles$\brendadsl\Downloads\6d598685-dd79-4ae4-be89-9ef28fe981cd.tmp</t>
  </si>
  <si>
    <t>01/16/2020 13:39:21</t>
  </si>
  <si>
    <t>01/16/2020 13:45:36</t>
  </si>
  <si>
    <t>C:\Users\elianegr\Downloads\</t>
  </si>
  <si>
    <t>Dimensionamento_Janeiro Financeira (1) (3).xlsx</t>
  </si>
  <si>
    <t>\\acsfs\DEPTOS\Operacao\Banco_Votorantim\Qualidade\Anderson\Dimensionamento Elii kk\Dimensionamento_Janeiro Financeira (1) (3).xlsx</t>
  </si>
  <si>
    <t>01/16/2020 13:43:41</t>
  </si>
  <si>
    <t>dff56936-ce51-4e7f-ac0d-337744b1da0f.tmp</t>
  </si>
  <si>
    <t>\\acsfs\profiles$\brendadsl\Downloads\dff56936-ce51-4e7f-ac0d-337744b1da0f.tmp</t>
  </si>
  <si>
    <t>01/16/2020 13:39:22</t>
  </si>
  <si>
    <t>\\acsfs\DEPTOS\Operacao\Banco_Votorantim\Qualidade\Anderson\Dimensionamento Elii kk\Dimensionamento_Janeiro Financeira (1) (3).xlsx\</t>
  </si>
  <si>
    <t>\\acsfs\DEPTOS\Operacao\Banco_Votorantim\Qualidade\Anderson\Dimensionamento Elii kk\Dimensionamento_Janeiro Financeira (1) (3).xlsx\:Zone.Identifier:$DATA</t>
  </si>
  <si>
    <t>01/16/2020 13:43:42</t>
  </si>
  <si>
    <t>5a3b9f2b-576d-4206-b19d-0c8f38863d3b.tmp</t>
  </si>
  <si>
    <t>\\acsfs\profiles$\brendadsl\Downloads\5a3b9f2b-576d-4206-b19d-0c8f38863d3b.tmp</t>
  </si>
  <si>
    <t>01/16/2020 13:43:43</t>
  </si>
  <si>
    <t>259e79d5-da18-4375-bbb2-ad7b525c60d0.tmp</t>
  </si>
  <si>
    <t>\\acsfs\profiles$\brendadsl\Downloads\259e79d5-da18-4375-bbb2-ad7b525c60d0.tmp</t>
  </si>
  <si>
    <t>01/16/2020 13:43:44</t>
  </si>
  <si>
    <t>43b9544d-7ee6-4cdc-b91f-cbea1e5747c5.tmp</t>
  </si>
  <si>
    <t>\\acsfs\profiles$\brendadsl\Downloads\43b9544d-7ee6-4cdc-b91f-cbea1e5747c5.tmp</t>
  </si>
  <si>
    <t>01/16/2020 13:41:26</t>
  </si>
  <si>
    <t>cd2a26d2-2b06-47b3-b552-2254cc7c5f85.tmp</t>
  </si>
  <si>
    <t>\\acsfs\profiles$\georgendsq\Downloads\cd2a26d2-2b06-47b3-b552-2254cc7c5f85.tmp</t>
  </si>
  <si>
    <t>01/16/2020 13:43:22</t>
  </si>
  <si>
    <t>075f1ca1-71e4-4414-83bd-ceb0df36ad0b.tmp</t>
  </si>
  <si>
    <t>\\acsfs\profiles$\georgendsq\Downloads\075f1ca1-71e4-4414-83bd-ceb0df36ad0b.tmp</t>
  </si>
  <si>
    <t>01/16/2020 13:43:35</t>
  </si>
  <si>
    <t>c84a5609-709c-423e-88da-c5d9aa680e87.tmp</t>
  </si>
  <si>
    <t>\\acsfs\profiles$\georgendsq\Downloads\c84a5609-709c-423e-88da-c5d9aa680e87.tmp</t>
  </si>
  <si>
    <t>01/16/2020 13:44:09</t>
  </si>
  <si>
    <t>1fb187bd-6651-4996-a3d2-39fd764bf4fd.tmp</t>
  </si>
  <si>
    <t>\\acsfs\profiles$\georgendsq\Downloads\1fb187bd-6651-4996-a3d2-39fd764bf4fd.tmp</t>
  </si>
  <si>
    <t>01/16/2020 13:44:21</t>
  </si>
  <si>
    <t>928dbc33-5ef6-4e02-8184-2f6d74a828ab.tmp</t>
  </si>
  <si>
    <t>\\acsfs\profiles$\georgendsq\Downloads\928dbc33-5ef6-4e02-8184-2f6d74a828ab.tmp</t>
  </si>
  <si>
    <t>01/16/2020 13:44:39</t>
  </si>
  <si>
    <t>54397727-e58c-4ca1-9d64-cc2cab73ca4e.tmp</t>
  </si>
  <si>
    <t>\\acsfs\profiles$\georgendsq\Downloads\54397727-e58c-4ca1-9d64-cc2cab73ca4e.tmp</t>
  </si>
  <si>
    <t>01/16/2020 13:42:30</t>
  </si>
  <si>
    <t>01/16/2020 13:42:35</t>
  </si>
  <si>
    <t>lu156202imcds.tmp</t>
  </si>
  <si>
    <t>\\acsfs\profiles$\Flaviojmm\My Documents\lu156202imcds.tmp</t>
  </si>
  <si>
    <t>\\acsfs\profiles$\Flaviojmm\My Documents\lu156202imcds.tmp\</t>
  </si>
  <si>
    <t>\\acsfs\profiles$\Flaviojmm\My Documents\lu156202imcds.tmp\META-INF\</t>
  </si>
  <si>
    <t>\\acsfs\profiles$\Flaviojmm\My Documents\lu156202imcds.tmp\Thumbnails\</t>
  </si>
  <si>
    <t>01/16/2020 13:41:58</t>
  </si>
  <si>
    <t>01/16/2020 13:41:59</t>
  </si>
  <si>
    <t>01/16/2020 13:42:00</t>
  </si>
  <si>
    <t>01/16/2020 13:42:01</t>
  </si>
  <si>
    <t>01/16/2020 13:42:03</t>
  </si>
  <si>
    <t>01/16/2020 13:42:04</t>
  </si>
  <si>
    <t>01/16/2020 13:42:05</t>
  </si>
  <si>
    <t>01/16/2020 13:42:06</t>
  </si>
  <si>
    <t>01/16/2020 13:42:07</t>
  </si>
  <si>
    <t>01/16/2020 13:42:09</t>
  </si>
  <si>
    <t>01/16/2020 13:42:10</t>
  </si>
  <si>
    <t>01/16/2020 13:42:11</t>
  </si>
  <si>
    <t>01/16/2020 13:42:12</t>
  </si>
  <si>
    <t>01/16/2020 13:42:13</t>
  </si>
  <si>
    <t>01/16/2020 13:44:48</t>
  </si>
  <si>
    <t>01/16/2020 13:46:36</t>
  </si>
  <si>
    <t>01/16/2020 13:44:53</t>
  </si>
  <si>
    <t>lu232362w232x.tmp</t>
  </si>
  <si>
    <t>\\acsfs\profiles$\LUCASBS\RENEG BV\Consolidado\lu232362w232x.tmp</t>
  </si>
  <si>
    <t>01/16/2020 13:44:54</t>
  </si>
  <si>
    <t>\\acsfs\profiles$\LUCASBS\RENEG BV\Consolidado\lu232362w232x.tmp\</t>
  </si>
  <si>
    <t>\\acsfs\profiles$\LUCASBS\RENEG BV\Consolidado\lu232362w232x.tmp\META-INF\</t>
  </si>
  <si>
    <t>\\acsfs\profiles$\LUCASBS\RENEG BV\Consolidado\lu232362w232x.tmp\Thumbnails\</t>
  </si>
  <si>
    <t>01/16/2020 13:44:24</t>
  </si>
  <si>
    <t>01/16/2020 13:44:25</t>
  </si>
  <si>
    <t>lu103081e8ss.tmp</t>
  </si>
  <si>
    <t>\\acsfs\profiles$\dhiulliananads\My Documents\lu103081e8ss.tmp</t>
  </si>
  <si>
    <t>\\acsfs\profiles$\dhiulliananads\My Documents\lu103081e8ss.tmp\</t>
  </si>
  <si>
    <t>\\acsfs\profiles$\dhiulliananads\My Documents\lu103081e8ss.tmp\META-INF\</t>
  </si>
  <si>
    <t>\\acsfs\profiles$\dhiulliananads\My Documents\lu103081e8ss.tmp\Thumbnails\</t>
  </si>
  <si>
    <t>01/16/2020 13:44:33</t>
  </si>
  <si>
    <t>01/16/2020 13:44:34</t>
  </si>
  <si>
    <t>lu103081e8sy.tmp</t>
  </si>
  <si>
    <t>\\acsfs\profiles$\dhiulliananads\My Documents\lu103081e8sy.tmp</t>
  </si>
  <si>
    <t>\\acsfs\profiles$\dhiulliananads\My Documents\lu103081e8sy.tmp\</t>
  </si>
  <si>
    <t>\\acsfs\profiles$\dhiulliananads\My Documents\lu103081e8sy.tmp\META-INF\</t>
  </si>
  <si>
    <t>\\acsfs\profiles$\dhiulliananads\My Documents\lu103081e8sy.tmp\Thumbnails\</t>
  </si>
  <si>
    <t>01/16/2020 13:46:46</t>
  </si>
  <si>
    <t>01/16/2020 13:48:36</t>
  </si>
  <si>
    <t>01/16/2020 13:46:47</t>
  </si>
  <si>
    <t>lu10556ftpw.tmp</t>
  </si>
  <si>
    <t>\\acsfs\profiles$\VIVIANALDS\My Documents\lu10556ftpw.tmp</t>
  </si>
  <si>
    <t>\\acsfs\profiles$\VIVIANALDS\My Documents\lu10556ftpw.tmp\</t>
  </si>
  <si>
    <t>\\acsfs\profiles$\VIVIANALDS\My Documents\lu10556ftpw.tmp\META-INF\</t>
  </si>
  <si>
    <t>\\acsfs\profiles$\VIVIANALDS\My Documents\lu10556ftpw.tmp\Thumbnails\</t>
  </si>
  <si>
    <t>01/16/2020 13:47:24</t>
  </si>
  <si>
    <t>99dd5b16-b2ae-45c1-8e1a-0c14db995a5f.tmp</t>
  </si>
  <si>
    <t>\\acsfs\profiles$\KARENJSS\Downloads\99dd5b16-b2ae-45c1-8e1a-0c14db995a5f.tmp</t>
  </si>
  <si>
    <t>01/16/2020 13:47:29</t>
  </si>
  <si>
    <t>c8bd3c50-fc62-4f5a-9b2c-46403a10f541.tmp</t>
  </si>
  <si>
    <t>\\acsfs\profiles$\milenaas\Downloads\c8bd3c50-fc62-4f5a-9b2c-46403a10f541.tmp</t>
  </si>
  <si>
    <t>01/16/2020 13:45:51</t>
  </si>
  <si>
    <t>01/16/2020 13:50:37</t>
  </si>
  <si>
    <t>f48b9038-c740-4e59-b58c-56c36f258a81.tmp</t>
  </si>
  <si>
    <t>\\acsfs\profiles$\brendadsl\Downloads\f48b9038-c740-4e59-b58c-56c36f258a81.tmp</t>
  </si>
  <si>
    <t>01/16/2020 13:47:20</t>
  </si>
  <si>
    <t>386d2f5b-046a-4ac9-8dee-65df5ce107c7.tmp</t>
  </si>
  <si>
    <t>\\acsfs\profiles$\brendadsl\Downloads\386d2f5b-046a-4ac9-8dee-65df5ce107c7.tmp</t>
  </si>
  <si>
    <t>01/16/2020 13:49:10</t>
  </si>
  <si>
    <t>01/16/2020 13:49:11</t>
  </si>
  <si>
    <t>lu7668qmim.tmp</t>
  </si>
  <si>
    <t>\\acsfs\profiles$\ALEXANDREMM\lu7668qmim.tmp</t>
  </si>
  <si>
    <t>\\acsfs\profiles$\ALEXANDREMM\lu7668qmim.tmp\</t>
  </si>
  <si>
    <t>\\acsfs\profiles$\ALEXANDREMM\lu7668qmim.tmp\META-INF\</t>
  </si>
  <si>
    <t>\\acsfs\profiles$\ALEXANDREMM\lu7668qmim.tmp\Thumbnails\</t>
  </si>
  <si>
    <t>01/16/2020 13:49:16</t>
  </si>
  <si>
    <t>01/16/2020 13:51:36</t>
  </si>
  <si>
    <t>XLOG_leydianeamd_14012020_112508.log</t>
  </si>
  <si>
    <t>\\acsfs\profiles$\leydianeamd\My Documents\xworkcenter\logs\XLOG_leydianeamd_14012020_112508.log</t>
  </si>
  <si>
    <t>\\acsfs\profiles$\leydianeamd\My Documents\xworkcenter\logs\wrapper.log</t>
  </si>
  <si>
    <t>01/16/2020 13:49:37</t>
  </si>
  <si>
    <t>01/16/2020 13:47:04</t>
  </si>
  <si>
    <t>01/16/2020 13:52:37</t>
  </si>
  <si>
    <t>85983add-97bd-4162-8655-6b16cfd25dc8.tmp</t>
  </si>
  <si>
    <t>\\acsfs\profiles$\inarajst\Downloads\85983add-97bd-4162-8655-6b16cfd25dc8.tmp</t>
  </si>
  <si>
    <t>01/16/2020 13:48:30</t>
  </si>
  <si>
    <t>01/16/2020 13:53:36</t>
  </si>
  <si>
    <t>716520a3-a0b5-4efd-8b35-e6b8842ab13b.tmp</t>
  </si>
  <si>
    <t>\\acsfs\profiles$\KARENJSS\Downloads\716520a3-a0b5-4efd-8b35-e6b8842ab13b.tmp</t>
  </si>
  <si>
    <t>a47542bf-f827-4efe-aac6-2c4eae7eaee8.tmp</t>
  </si>
  <si>
    <t>\\acsfs\profiles$\KARENJSS\Downloads\a47542bf-f827-4efe-aac6-2c4eae7eaee8.tmp</t>
  </si>
  <si>
    <t>01/16/2020 13:48:38</t>
  </si>
  <si>
    <t>\\acsfs\Deptos\EDUCACAO EMPRESARIAL\KÉSIA\LIGAÇÕES 1220\</t>
  </si>
  <si>
    <t>1220 - 1174819 MASTER - OPERADORA CLAUDIA JANAINA CELESTE DE ANDRADE_1_6780342021328550715_1_32.wav</t>
  </si>
  <si>
    <t>\\acsfs\Deptos\EDUCACAO EMPRESARIAL\KÉSIA\LIGAÇÕES 1220\1220 - 1174819 MASTER - OPERADORA CLAUDIA JANAINA CELESTE DE ANDRADE_1_6780342021328550715_1_32.wav</t>
  </si>
  <si>
    <t>01/16/2020 13:51:33</t>
  </si>
  <si>
    <t>01/16/2020 13:54:37</t>
  </si>
  <si>
    <t>a2712a88-dd4d-4825-adcc-0e4d5a5ac2d4.tmp</t>
  </si>
  <si>
    <t>\\acsfs\profiles$\wedersonbadr\My Documents\My Music\a2712a88-dd4d-4825-adcc-0e4d5a5ac2d4.tmp</t>
  </si>
  <si>
    <t>01/16/2020 13:53:32</t>
  </si>
  <si>
    <t>c2c4a7a2-433e-4c49-afc3-f032d6341d3e.tmp</t>
  </si>
  <si>
    <t>\\acsfs\profiles$\wedersonbadr\My Documents\My Music\c2c4a7a2-433e-4c49-afc3-f032d6341d3e.tmp</t>
  </si>
  <si>
    <t>01/16/2020 13:53:39</t>
  </si>
  <si>
    <t>511600cf-ad7d-461a-ad61-7a297f15d36a.tmp</t>
  </si>
  <si>
    <t>\\acsfs\profiles$\wedersonbadr\My Documents\My Music\511600cf-ad7d-461a-ad61-7a297f15d36a.tmp</t>
  </si>
  <si>
    <t>01/16/2020 13:49:48</t>
  </si>
  <si>
    <t>01/16/2020 13:55:36</t>
  </si>
  <si>
    <t>01/16/2020 13:49:50</t>
  </si>
  <si>
    <t>01/16/2020 13:54:21</t>
  </si>
  <si>
    <t>Mateus de Jesus Morais_1_6777730831536434748_1_32.wav</t>
  </si>
  <si>
    <t>\\acsfs\Deptos\EDUCACAO EMPRESARIAL\FERNANDA MONIT\Fernanda\MONITORIA JANEIRO\Ligação para MUTANT segundo ciclo janeiro\Mateus de Jesus Morais_1_6777730831536434748_1_32.wav</t>
  </si>
  <si>
    <t>01/16/2020 13:54:36</t>
  </si>
  <si>
    <t>01/16/2020 13:51:02</t>
  </si>
  <si>
    <t>01/16/2020 13:51:07</t>
  </si>
  <si>
    <t>01/16/2020 13:51:32</t>
  </si>
  <si>
    <t>01/16/2020 13:51:38</t>
  </si>
  <si>
    <t>01/16/2020 13:52:03</t>
  </si>
  <si>
    <t>01/16/2020 13:52:06</t>
  </si>
  <si>
    <t>01/16/2020 13:52:25</t>
  </si>
  <si>
    <t>01/16/2020 13:52:40</t>
  </si>
  <si>
    <t>01/16/2020 13:52:47</t>
  </si>
  <si>
    <t>01/16/2020 13:52:56</t>
  </si>
  <si>
    <t>01/16/2020 13:53:00</t>
  </si>
  <si>
    <t>01/16/2020 13:53:05</t>
  </si>
  <si>
    <t>01/16/2020 13:53:11</t>
  </si>
  <si>
    <t>01/16/2020 13:53:33</t>
  </si>
  <si>
    <t>andrelpsa@algartech.com;br accept-language: pt-br;cpc-controldeskavon@algartech.com;deflate;en-us;q=0.8;en;q=0.7 cookie: asp.net_sessionid=g2kqixv24fuoqyraarp2qp31; __requestverificationtoken=jefofh95oejbf6bisbxsr0_wpp9pamco8ex8of7lzks-21qb7aw14fqy3v6nhakbhn4jhpllcoccpvzklo5thhpc3e3crhvccubzm2qfe0k1; _ga=ga1.3.1078855568.1579181971; _gid=ga1.3.705401020.1579181971; _hjid=9e68604e-794d-444d-bd28-9b83750d2fc3; tp_stylesheet=light_blue; tp_layout_mode=wide; footer_bg=dark; .aspxformsauth=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9f533b9b1abb210aa8a6644075aff34d</t>
  </si>
  <si>
    <t>andrelpsa@algartech.com,br accept-language: pt-br,cpc-controldeskavon@algartech.com,deflate,en-us;q=0.8,en;q=0.7 cookie: asp.net_sessionid=g2kqixv24fuoqyraarp2qp31; __requestverificationtoken=jefofh95oejbf6bisbxsr0_wpp9pamco8ex8of7lzks-21qb7aw14fqy3v6nhakbhn4jhpllcoccpvzklo5thhpc3e3crhvccubzm2qfe0k1; _ga=ga1.3.1078855568.1579181971; _gid=ga1.3.705401020.1579181971; _hjid=9e68604e-794d-444d-bd28-9b83750d2fc3; tp_stylesheet=light_blue; tp_layout_mode=wide; footer_bg=dark; .aspxformsauth=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9f533b9b1abb210aa8a6644075aff34d</t>
  </si>
  <si>
    <t>01/16/2020 13:53:57</t>
  </si>
  <si>
    <t>01/16/2020 13:54:01</t>
  </si>
  <si>
    <t>01/16/2020 13:54:02</t>
  </si>
  <si>
    <t>01/16/2020 13:54:04</t>
  </si>
  <si>
    <t>01/16/2020 13:54:35</t>
  </si>
  <si>
    <t>https://andrelpsa@algartech.com,br accept-language: pt-br,cpc-controldeskavon@algartech.com,deflate,en-us;q=0.8,en;q=0.7 cookie: asp.net_sessionid=g2kqixv24fuoqyraarp2qp31; __requestverificationtoken=jefofh95oejbf6bisbxsr0_wpp9pamco8ex8of7lzks-21qb7aw14fqy3v6nhakbhn4jhpllcoccpvzklo5thhpc3e3crhvccubzm2qfe0k1; _ga=ga1.3.1078855568.1579181971; _gid=ga1.3.705401020.1579181971; _hjid=9e68604e-794d-444d-bd28-9b83750d2fc3; tp_stylesheet=light_blue; tp_layout_mode=wide; footer_bg=dark; .aspxformsauth=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9f533b9b1abb210aa8a66440</t>
  </si>
  <si>
    <t>01/16/2020 13:53:51</t>
  </si>
  <si>
    <t>01/16/2020 13:54:00</t>
  </si>
  <si>
    <t>01/16/2020 13:54:15</t>
  </si>
  <si>
    <t>01/16/2020 13:54:57</t>
  </si>
  <si>
    <t>01/16/2020 13:53:46</t>
  </si>
  <si>
    <t>01/16/2020 13:56:37</t>
  </si>
  <si>
    <t>luizffn@algartech.com</t>
  </si>
  <si>
    <t>01/16/2020 13:54:18</t>
  </si>
  <si>
    <t>59ef6a3a-6e7c-4833-b9b4-231c52674fb0.tmp</t>
  </si>
  <si>
    <t>\\acsfs\profiles$\marcosvnds\Downloads\59ef6a3a-6e7c-4833-b9b4-231c52674fb0.tmp</t>
  </si>
  <si>
    <t>01/16/2020 13:52:49</t>
  </si>
  <si>
    <t>d45aaf63-f6c3-4157-8ad3-9671180e88f9.tmp</t>
  </si>
  <si>
    <t>\\acsfs\profiles$\marcosvnds\Downloads\d45aaf63-f6c3-4157-8ad3-9671180e88f9.tmp</t>
  </si>
  <si>
    <t>01/16/2020 13:52:55</t>
  </si>
  <si>
    <t>ab22b219-3fb0-4288-be53-6a3806acf932.tmp</t>
  </si>
  <si>
    <t>\\acsfs\profiles$\marcosvnds\Downloads\ab22b219-3fb0-4288-be53-6a3806acf932.tmp</t>
  </si>
  <si>
    <t>8feae223-bbb7-4bcd-a14a-a39e855ee457.tmp</t>
  </si>
  <si>
    <t>\\acsfs\profiles$\marcosvnds\Downloads\8feae223-bbb7-4bcd-a14a-a39e855ee457.tmp</t>
  </si>
  <si>
    <t>01/16/2020 13:52:39</t>
  </si>
  <si>
    <t>01/16/2020 13:53:48</t>
  </si>
  <si>
    <t>01/16/2020 13:57:36</t>
  </si>
  <si>
    <t>bf02769a-0d01-405e-9cb3-86ffc374315d.tmp</t>
  </si>
  <si>
    <t>\\acsfs\profiles$\nataliacsl\Downloads\bf02769a-0d01-405e-9cb3-86ffc374315d.tmp</t>
  </si>
  <si>
    <t>01/16/2020 13:52:45</t>
  </si>
  <si>
    <t>6aa2dd57-de43-4d96-b616-6e298cb1ce95.tmp</t>
  </si>
  <si>
    <t>\\acsfs\profiles$\ingridsm\Downloads\6aa2dd57-de43-4d96-b616-6e298cb1ce95.tmp</t>
  </si>
  <si>
    <t>01/16/2020 13:54:11</t>
  </si>
  <si>
    <t>3f189e9a-8f76-45b1-91b1-7397d2c09c32.tmp</t>
  </si>
  <si>
    <t>\\acsfs\profiles$\ingridsm\Downloads\3f189e9a-8f76-45b1-91b1-7397d2c09c32.tmp</t>
  </si>
  <si>
    <t>01/16/2020 13:52:04</t>
  </si>
  <si>
    <t>01/16/2020 13:52:07</t>
  </si>
  <si>
    <t>lu63248rdi1.tmp</t>
  </si>
  <si>
    <t>\\acsfs\ACS\Gabriel da Silva\Contemporânea\lu63248rdi1.tmp</t>
  </si>
  <si>
    <t>\\acsfs\ACS\Gabriel da Silva\Contemporânea\lu63248rdi1.tmp\Basic\</t>
  </si>
  <si>
    <t>\\acsfs\ACS\Gabriel da Silva\Contemporânea\lu63248rdi1.tmp\Basic\Standard\</t>
  </si>
  <si>
    <t>\\acsfs\ACS\Gabriel da Silva\Contemporânea\lu63248rdi1.tmp\Basic\VBAProject\</t>
  </si>
  <si>
    <t>\\acsfs\ACS\Gabriel da Silva\Contemporânea\lu63248rdi1.tmp\</t>
  </si>
  <si>
    <t>\\acsfs\ACS\Gabriel da Silva\Contemporânea\lu63248rdi1.tmp\META-INF\</t>
  </si>
  <si>
    <t>\\acsfs\ACS\Gabriel da Silva\Contemporânea\lu63248rdi1.tmp\Thumbnails\</t>
  </si>
  <si>
    <t>01/16/2020 13:54:24</t>
  </si>
  <si>
    <t>01/16/2020 13:54:27</t>
  </si>
  <si>
    <t>lu63248rdi6.tmp</t>
  </si>
  <si>
    <t>\\acsfs\ACS\Gabriel da Silva\Contemporânea\lu63248rdi6.tmp</t>
  </si>
  <si>
    <t>\\acsfs\ACS\Gabriel da Silva\Contemporânea\lu63248rdi6.tmp\Basic\</t>
  </si>
  <si>
    <t>\\acsfs\ACS\Gabriel da Silva\Contemporânea\lu63248rdi6.tmp\Basic\Standard\</t>
  </si>
  <si>
    <t>\\acsfs\ACS\Gabriel da Silva\Contemporânea\lu63248rdi6.tmp\Basic\VBAProject\</t>
  </si>
  <si>
    <t>\\acsfs\ACS\Gabriel da Silva\Contemporânea\lu63248rdi6.tmp\</t>
  </si>
  <si>
    <t>\\acsfs\ACS\Gabriel da Silva\Contemporânea\lu63248rdi6.tmp\META-INF\</t>
  </si>
  <si>
    <t>\\acsfs\ACS\Gabriel da Silva\Contemporânea\lu63248rdi6.tmp\Thumbnails\</t>
  </si>
  <si>
    <t>01/16/2020 13:52:29</t>
  </si>
  <si>
    <t>01/16/2020 13:53:01</t>
  </si>
  <si>
    <t>\\acsfs\DEPTOS\Operacao\Banco_Votorantim\Supervisao\SUPERS BV CARTÕES\ADILSON\Vendas\Política de Gratificação BV Cartões - Janeiro.ppt</t>
  </si>
  <si>
    <t>01/16/2020 13:53:02</t>
  </si>
  <si>
    <t>\\acsfs\DEPTOS\Operacao\Banco_Votorantim\Comum\00 - COMUM - BV CARTÕES\EQUIPE ADILSON\Thumbs.db</t>
  </si>
  <si>
    <t>\\acsfs\DEPTOS\Operacao\Banco_Votorantim\Supervisao\SUPERS BV CARTÕES\ADILSON\Vendas\Thumbs.db</t>
  </si>
  <si>
    <t>01/16/2020 13:53:16</t>
  </si>
  <si>
    <t>\\acsfs\DEPTOS\Operacao\Banco_Votorantim\Comum\00 - COMUM - BV CARTÕES\Política de Gratificação BV Cartões - Janeiro.ppt</t>
  </si>
  <si>
    <t>\\acsfs\DEPTOS\Operacao\Banco_Votorantim\Supervisao\SUPERS BV CARTÕES\ADILSON\Vendas\Política de Gratificação BV Cartões - Janeiro.ppt\s4\</t>
  </si>
  <si>
    <t>01/16/2020 13:53:28</t>
  </si>
  <si>
    <t>01/16/2020 13:53:44</t>
  </si>
  <si>
    <t>bvcartes-supervisores@algarnet.onmicrosoft.com;raquelfsil@algartech.com;thiagordu@algartech.com;</t>
  </si>
  <si>
    <t>bvcartes-supervisores@algarnet.onmicrosoft.com,raquelfsil@algartech.com,thiagordu@algartech.com</t>
  </si>
  <si>
    <t>01/16/2020 13:54:28</t>
  </si>
  <si>
    <t>01/16/2020 13:54:53</t>
  </si>
  <si>
    <t>mail.google.com/sync/u/0/i/bv?hl=pt-BR&amp;c=551</t>
  </si>
  <si>
    <t>01/16/2020 13:55:29</t>
  </si>
  <si>
    <t>\\acsfs\DEPTOS\Operacao\Banco_Votorantim\Comum\00 - COMUM - BV CARTÕES\</t>
  </si>
  <si>
    <t>\\acsfs\DEPTOS\Operacao\Banco_Votorantim\Comum\00 - COMUM - BV CARTÕES\Thumbs.db</t>
  </si>
  <si>
    <t>01/16/2020 13:54:31</t>
  </si>
  <si>
    <t>01/16/2020 13:58:37</t>
  </si>
  <si>
    <t>f913140a-a883-421c-bdbd-30f7fb2522be.tmp</t>
  </si>
  <si>
    <t>\\acsfs\profiles$\KARENJSS\Downloads\f913140a-a883-421c-bdbd-30f7fb2522be.tmp</t>
  </si>
  <si>
    <t>01/16/2020 13:55:39</t>
  </si>
  <si>
    <t>067474bb-a5c8-4610-bb96-569a75cb9778.tmp</t>
  </si>
  <si>
    <t>\\acsfs\profiles$\milenaas\Downloads\067474bb-a5c8-4610-bb96-569a75cb9778.tmp</t>
  </si>
  <si>
    <t>01/16/2020 13:57:07</t>
  </si>
  <si>
    <t>d2bbafaa-68b8-4ab2-9c10-2d3174e491e5.tmp</t>
  </si>
  <si>
    <t>\\acsfs\profiles$\milenaas\Downloads\d2bbafaa-68b8-4ab2-9c10-2d3174e491e5.tmp</t>
  </si>
  <si>
    <t>01/16/2020 13:57:13</t>
  </si>
  <si>
    <t>ff3bb452-983b-44f8-bfb9-02982b9705c4.tmp</t>
  </si>
  <si>
    <t>\\acsfs\profiles$\milenaas\Downloads\ff3bb452-983b-44f8-bfb9-02982b9705c4.tmp</t>
  </si>
  <si>
    <t>01/16/2020 13:57:14</t>
  </si>
  <si>
    <t>01/16/2020 13:59:36</t>
  </si>
  <si>
    <t>01/16/2020 13:57:15</t>
  </si>
  <si>
    <t>01/16/2020 13:57:34</t>
  </si>
  <si>
    <t>a17bdfda-3173-4cce-b332-b81a70628a84.tmp</t>
  </si>
  <si>
    <t>\\acsfs\profiles$\fabianafv\Downloads\a17bdfda-3173-4cce-b332-b81a70628a84.tmp</t>
  </si>
  <si>
    <t>01/16/2020 13:58:47</t>
  </si>
  <si>
    <t>c7fb89ec-ff2e-47d3-b63b-298de33e80ca.tmp</t>
  </si>
  <si>
    <t>\\acsfs\profiles$\fabianafv\Downloads\c7fb89ec-ff2e-47d3-b63b-298de33e80ca.tmp</t>
  </si>
  <si>
    <t>01/16/2020 13:58:49</t>
  </si>
  <si>
    <t>667dafb6-25e2-4acd-b179-2924054da197.tmp</t>
  </si>
  <si>
    <t>\\acsfs\profiles$\fabianafv\Downloads\667dafb6-25e2-4acd-b179-2924054da197.tmp</t>
  </si>
  <si>
    <t>01/16/2020 13:54:09</t>
  </si>
  <si>
    <t>e959123e-32aa-45d7-9f01-4efc31928d5b.tmp</t>
  </si>
  <si>
    <t>\\acsfs\profiles$\leticiala\Downloads\e959123e-32aa-45d7-9f01-4efc31928d5b.tmp</t>
  </si>
  <si>
    <t>01/16/2020 13:41:51</t>
  </si>
  <si>
    <t>01/16/2020 13:41:52</t>
  </si>
  <si>
    <t>lu15268eaen0.tmp</t>
  </si>
  <si>
    <t>\\acsfs\profiles$\CINTIADCF\lu15268eaen0.tmp</t>
  </si>
  <si>
    <t>\\acsfs\profiles$\CINTIADCF\lu15268eaen0.tmp\</t>
  </si>
  <si>
    <t>\\acsfs\profiles$\CINTIADCF\lu15268eaen0.tmp\META-INF\</t>
  </si>
  <si>
    <t>\\acsfs\profiles$\CINTIADCF\lu15268eaen0.tmp\Thumbnails\</t>
  </si>
  <si>
    <t>01/16/2020 14:00:36</t>
  </si>
  <si>
    <t>01/16/2020 13:55:13</t>
  </si>
  <si>
    <t>01/16/2020 13:56:34</t>
  </si>
  <si>
    <t>ff06179e-abb1-4004-9b4f-73bb4c5de768.tmp</t>
  </si>
  <si>
    <t>\\acsfs\profiles$\matheushds\Downloads\ff06179e-abb1-4004-9b4f-73bb4c5de768.tmp</t>
  </si>
  <si>
    <t>01/16/2020 13:55:37</t>
  </si>
  <si>
    <t>01/16/2020 13:55:38</t>
  </si>
  <si>
    <t>01/16/2020 13:55:40</t>
  </si>
  <si>
    <t>01/16/2020 13:55:42</t>
  </si>
  <si>
    <t>01/16/2020 13:55:43</t>
  </si>
  <si>
    <t>01/16/2020 13:55:44</t>
  </si>
  <si>
    <t>01/16/2020 13:55:48</t>
  </si>
  <si>
    <t>01/16/2020 13:55:50</t>
  </si>
  <si>
    <t>01/16/2020 13:55:51</t>
  </si>
  <si>
    <t>01/16/2020 13:55:57</t>
  </si>
  <si>
    <t>01/16/2020 13:55:58</t>
  </si>
  <si>
    <t>01/16/2020 13:56:01</t>
  </si>
  <si>
    <t>01/16/2020 13:56:03</t>
  </si>
  <si>
    <t>01/16/2020 13:56:04</t>
  </si>
  <si>
    <t>01/16/2020 13:56:05</t>
  </si>
  <si>
    <t>01/16/2020 14:00:37</t>
  </si>
  <si>
    <t>01/16/2020 13:56:07</t>
  </si>
  <si>
    <t>01/16/2020 13:56:08</t>
  </si>
  <si>
    <t>01/16/2020 13:56:09</t>
  </si>
  <si>
    <t>01/16/2020 13:56:10</t>
  </si>
  <si>
    <t>01/16/2020 14:01:36</t>
  </si>
  <si>
    <t>01/16/2020 13:56:11</t>
  </si>
  <si>
    <t>01/16/2020 13:56:12</t>
  </si>
  <si>
    <t>01/16/2020 13:56:13</t>
  </si>
  <si>
    <t>01/16/2020 13:56:17</t>
  </si>
  <si>
    <t>01/16/2020 13:56:18</t>
  </si>
  <si>
    <t>01/16/2020 13:58:29</t>
  </si>
  <si>
    <t>01/16/2020 13:58:30</t>
  </si>
  <si>
    <t>01/16/2020 13:58:31</t>
  </si>
  <si>
    <t>01/16/2020 13:58:32</t>
  </si>
  <si>
    <t>01/16/2020 13:58:34</t>
  </si>
  <si>
    <t>01/16/2020 13:58:36</t>
  </si>
  <si>
    <t>01/16/2020 13:58:41</t>
  </si>
  <si>
    <t>01/16/2020 13:59:15</t>
  </si>
  <si>
    <t>01/16/2020 13:59:28</t>
  </si>
  <si>
    <t>01/16/2020 13:59:29</t>
  </si>
  <si>
    <t>01/16/2020 13:59:30</t>
  </si>
  <si>
    <t>01/16/2020 13:59:34</t>
  </si>
  <si>
    <t>01/16/2020 13:59:35</t>
  </si>
  <si>
    <t>01/16/2020 14:00:17</t>
  </si>
  <si>
    <t>10.200.67.65</t>
  </si>
  <si>
    <t>74-86-7A-FB-1B-19</t>
  </si>
  <si>
    <t>VOTORANT-OB009</t>
  </si>
  <si>
    <t>002c3146-cc6a-4e82-808c-fd7dd79d1ae4.tmp</t>
  </si>
  <si>
    <t>\\acsfs\profiles$\regisadsa\Downloads\002c3146-cc6a-4e82-808c-fd7dd79d1ae4.tmp</t>
  </si>
  <si>
    <t>https://udpmailboxap01.acs.com.br:8443/service/soap/savedraftrequest</t>
  </si>
  <si>
    <t>01/16/2020 13:59:33</t>
  </si>
  <si>
    <t>01/16/2020 13:59:12</t>
  </si>
  <si>
    <t>01/16/2020 13:59:13</t>
  </si>
  <si>
    <t>01/16/2020 14:00:13</t>
  </si>
  <si>
    <t>01/16/2020 14:01:14</t>
  </si>
  <si>
    <t>01/16/2020 14:02:36</t>
  </si>
  <si>
    <t>.~lock.Retratação Qualidade.xlsx#</t>
  </si>
  <si>
    <t>\\acsfs\profiles$\VICTORIAKSR\My Documents\.~lock.Retratação Qualidade.xlsx#</t>
  </si>
  <si>
    <t>01/16/2020 13:58:50</t>
  </si>
  <si>
    <t>$IMOVT4X.ica</t>
  </si>
  <si>
    <t>\\acsfs\profiles$\victoriaksr\Downloads\$RECYCLE.BIN\$IMOVT4X.ica</t>
  </si>
  <si>
    <t>01/16/2020 13:58:51</t>
  </si>
  <si>
    <t>$IQT0NVW.ica</t>
  </si>
  <si>
    <t>\\acsfs\profiles$\victoriaksr\Downloads\$RECYCLE.BIN\$IQT0NVW.ica</t>
  </si>
  <si>
    <t>$IM74JFO.ica</t>
  </si>
  <si>
    <t>\\acsfs\profiles$\victoriaksr\Downloads\$RECYCLE.BIN\$IM74JFO.ica</t>
  </si>
  <si>
    <t>01/16/2020 13:58:56</t>
  </si>
  <si>
    <t>$IXXFNNT.ica</t>
  </si>
  <si>
    <t>\\acsfs\profiles$\victoriaksr\Downloads\$RECYCLE.BIN\$IXXFNNT.ica</t>
  </si>
  <si>
    <t>01/16/2020 13:58:59</t>
  </si>
  <si>
    <t>\\acsfs\profiles$\VICTORIAKSR\Downloads\</t>
  </si>
  <si>
    <t>\\acsfs\profiles$\VICTORIAKSR\Downloads\.~lock.Retratação Qualidade Janeiro.xlsx#</t>
  </si>
  <si>
    <t>01/16/2020 14:00:45</t>
  </si>
  <si>
    <t>c81d4ee4-f828-4776-ab55-1791c2d2aaaf.tmp</t>
  </si>
  <si>
    <t>\\acsfs\profiles$\gabrielamdp\Downloads\c81d4ee4-f828-4776-ab55-1791c2d2aaaf.tmp</t>
  </si>
  <si>
    <t>01/16/2020 14:00:46</t>
  </si>
  <si>
    <t>78930368-a563-4a15-bbae-0e07c17ef45d.tmp</t>
  </si>
  <si>
    <t>\\acsfs\profiles$\gabrielamdp\Downloads\78930368-a563-4a15-bbae-0e07c17ef45d.tmp</t>
  </si>
  <si>
    <t>01/16/2020 14:00:54</t>
  </si>
  <si>
    <t>6f005e05-9a36-488c-91e7-2b5ee458c628.tmp</t>
  </si>
  <si>
    <t>\\acsfs\profiles$\gabrielamdp\Downloads\6f005e05-9a36-488c-91e7-2b5ee458c628.tmp</t>
  </si>
  <si>
    <t>01/16/2020 14:01:48</t>
  </si>
  <si>
    <t>76f52da7-218c-4306-af85-0b1ccf57f883.tmp</t>
  </si>
  <si>
    <t>\\acsfs\profiles$\gabrielamdp\Downloads\76f52da7-218c-4306-af85-0b1ccf57f883.tmp</t>
  </si>
  <si>
    <t>01/16/2020 13:59:05</t>
  </si>
  <si>
    <t>01/16/2020 14:03:36</t>
  </si>
  <si>
    <t>0a16251c-55bd-428e-8051-191e1a1d66e0.tmp</t>
  </si>
  <si>
    <t>\\acsfs\profiles$\milenaas\Downloads\0a16251c-55bd-428e-8051-191e1a1d66e0.tmp</t>
  </si>
  <si>
    <t>01/16/2020 14:02:11</t>
  </si>
  <si>
    <t>ac372905-f2f1-476f-9585-fe8d9d369f18.tmp</t>
  </si>
  <si>
    <t>\\acsfs\profiles$\milenaas\Downloads\ac372905-f2f1-476f-9585-fe8d9d369f18.tmp</t>
  </si>
  <si>
    <t>01/16/2020 13:59:21</t>
  </si>
  <si>
    <t>01/16/2020 14:04:36</t>
  </si>
  <si>
    <t>cc8bf55f-a06a-4348-b883-19bec502ff04.tmp</t>
  </si>
  <si>
    <t>\\acsfs\profiles$\fabianafv\Downloads\cc8bf55f-a06a-4348-b883-19bec502ff04.tmp</t>
  </si>
  <si>
    <t>01/16/2020 13:59:54</t>
  </si>
  <si>
    <t>c9970c1f-a529-4f7d-a6a5-f3cab14cb4c2.tmp</t>
  </si>
  <si>
    <t>\\acsfs\profiles$\fabianafv\Downloads\c9970c1f-a529-4f7d-a6a5-f3cab14cb4c2.tmp</t>
  </si>
  <si>
    <t>01/16/2020 14:00:42</t>
  </si>
  <si>
    <t>\\acsfs\DEPTOS\EDUCACAO EMPRESARIAL\2 - Operações\0 - BV\1 - TREINADORES\Haruna\Modelo 2.pptx\</t>
  </si>
  <si>
    <t>\\acsfs\DEPTOS\EDUCACAO EMPRESARIAL\2 - Operações\0 - BV\1 - TREINADORES\Haruna\Modelo 2.pptx</t>
  </si>
  <si>
    <t>image11.svg</t>
  </si>
  <si>
    <t>image18.svg</t>
  </si>
  <si>
    <t>image22.svg</t>
  </si>
  <si>
    <t>image25.svg</t>
  </si>
  <si>
    <t>image31.svg</t>
  </si>
  <si>
    <t>image4.svg</t>
  </si>
  <si>
    <t>image7.svg</t>
  </si>
  <si>
    <t>image9.svg</t>
  </si>
  <si>
    <t>\\acsfs\DEPTOS\EDUCACAO EMPRESARIAL\2 - Operações\0 - BV\1 - TREINADORES\Haruna\</t>
  </si>
  <si>
    <t>Modelo 2.pptx</t>
  </si>
  <si>
    <t>01/16/2020 13:59:38</t>
  </si>
  <si>
    <t>01/16/2020 13:59:39</t>
  </si>
  <si>
    <t>01/16/2020 13:59:40</t>
  </si>
  <si>
    <t>01/16/2020 13:59:41</t>
  </si>
  <si>
    <t>01/16/2020 13:59:42</t>
  </si>
  <si>
    <t>01/16/2020 13:59:43</t>
  </si>
  <si>
    <t>01/16/2020 13:59:45</t>
  </si>
  <si>
    <t>01/16/2020 13:59:47</t>
  </si>
  <si>
    <t>01/16/2020 13:59:49</t>
  </si>
  <si>
    <t>01/16/2020 13:59:51</t>
  </si>
  <si>
    <t>01/16/2020 13:59:53</t>
  </si>
  <si>
    <t>01/16/2020 13:59:55</t>
  </si>
  <si>
    <t>01/16/2020 13:59:57</t>
  </si>
  <si>
    <t>01/16/2020 13:59:58</t>
  </si>
  <si>
    <t>01/16/2020 14:00:00</t>
  </si>
  <si>
    <t>01/16/2020 14:00:01</t>
  </si>
  <si>
    <t>01/16/2020 14:00:02</t>
  </si>
  <si>
    <t>01/16/2020 14:00:04</t>
  </si>
  <si>
    <t>01/16/2020 14:00:06</t>
  </si>
  <si>
    <t>01/16/2020 14:00:07</t>
  </si>
  <si>
    <t>01/16/2020 14:00:08</t>
  </si>
  <si>
    <t>01/16/2020 14:00:10</t>
  </si>
  <si>
    <t>01/16/2020 14:00:12</t>
  </si>
  <si>
    <t>01/16/2020 14:00:14</t>
  </si>
  <si>
    <t>01/16/2020 14:00:15</t>
  </si>
  <si>
    <t>01/16/2020 14:00:16</t>
  </si>
  <si>
    <t>01/16/2020 14:00:19</t>
  </si>
  <si>
    <t>01/16/2020 14:00:21</t>
  </si>
  <si>
    <t>01/16/2020 14:00:22</t>
  </si>
  <si>
    <t>01/16/2020 14:00:23</t>
  </si>
  <si>
    <t>01/16/2020 14:00:26</t>
  </si>
  <si>
    <t>01/16/2020 14:00:27</t>
  </si>
  <si>
    <t>01/16/2020 14:00:29</t>
  </si>
  <si>
    <t>01/16/2020 14:00:30</t>
  </si>
  <si>
    <t>01/16/2020 14:03:04</t>
  </si>
  <si>
    <t>01/16/2020 14:05:37</t>
  </si>
  <si>
    <t>01/16/2020 14:03:39</t>
  </si>
  <si>
    <t>01/16/2020 14:03:49</t>
  </si>
  <si>
    <t>01/16/2020 14:04:02</t>
  </si>
  <si>
    <t>01/16/2020 14:04:13</t>
  </si>
  <si>
    <t>01/16/2020 14:04:16</t>
  </si>
  <si>
    <t>01/16/2020 14:04:24</t>
  </si>
  <si>
    <t>01/16/2020 14:04:29</t>
  </si>
  <si>
    <t>01/16/2020 14:04:33</t>
  </si>
  <si>
    <t>01/16/2020 14:01:02</t>
  </si>
  <si>
    <t>01/16/2020 14:01:08</t>
  </si>
  <si>
    <t>lu156202imce1.tmp</t>
  </si>
  <si>
    <t>\\acsfs\profiles$\Flaviojmm\My Documents\lu156202imce1.tmp</t>
  </si>
  <si>
    <t>\\acsfs\profiles$\Flaviojmm\My Documents\lu156202imce1.tmp\</t>
  </si>
  <si>
    <t>\\acsfs\profiles$\Flaviojmm\My Documents\lu156202imce1.tmp\META-INF\</t>
  </si>
  <si>
    <t>\\acsfs\profiles$\Flaviojmm\My Documents\lu156202imce1.tmp\Thumbnails\</t>
  </si>
  <si>
    <t>01/16/2020 14:03:26</t>
  </si>
  <si>
    <t>f6d41ab4-dd16-468b-ad95-2f3d4dec4075.tmp</t>
  </si>
  <si>
    <t>\\acsfs\profiles$\adelvinsonle\Downloads\f6d41ab4-dd16-468b-ad95-2f3d4dec4075.tmp</t>
  </si>
  <si>
    <t>01/16/2020 14:06:36</t>
  </si>
  <si>
    <t>01/16/2020 14:02:05</t>
  </si>
  <si>
    <t>6f70e2b4-f610-4cd8-912d-4c2eab4efd4a.tmp</t>
  </si>
  <si>
    <t>\\acsfs\profiles$\regisadsa\Downloads\6f70e2b4-f610-4cd8-912d-4c2eab4efd4a.tmp</t>
  </si>
  <si>
    <t>01/16/2020 14:02:49</t>
  </si>
  <si>
    <t>220700c5-d6b2-4dd3-968d-c167f5f994d2.tmp</t>
  </si>
  <si>
    <t>\\acsfs\profiles$\regisadsa\Downloads\220700c5-d6b2-4dd3-968d-c167f5f994d2.tmp</t>
  </si>
  <si>
    <t>01/16/2020 14:02:52</t>
  </si>
  <si>
    <t>bd3f06cb-6153-4393-8b5e-3c6b7695c480.tmp</t>
  </si>
  <si>
    <t>\\acsfs\profiles$\regisadsa\Downloads\bd3f06cb-6153-4393-8b5e-3c6b7695c480.tmp</t>
  </si>
  <si>
    <t>01/16/2020 14:02:18</t>
  </si>
  <si>
    <t>01/16/2020 14:03:34</t>
  </si>
  <si>
    <t>01/16/2020 14:07:36</t>
  </si>
  <si>
    <t>002324b4-2143-461f-a4e3-6e46f4ba60ac.tmp</t>
  </si>
  <si>
    <t>\\acsfs\profiles$\ingridsm\Downloads\002324b4-2143-461f-a4e3-6e46f4ba60ac.tmp</t>
  </si>
  <si>
    <t>01/16/2020 14:04:43</t>
  </si>
  <si>
    <t>d3dbdfb6-d29b-452d-a563-9755c97451cc.tmp</t>
  </si>
  <si>
    <t>\\acsfs\profiles$\ingridsm\Downloads\d3dbdfb6-d29b-452d-a563-9755c97451cc.tmp</t>
  </si>
  <si>
    <t>01/16/2020 14:05:33</t>
  </si>
  <si>
    <t>2445e40a-f373-4df7-8949-e8e78b899310.tmp</t>
  </si>
  <si>
    <t>\\acsfs\profiles$\ingridsm\Downloads\2445e40a-f373-4df7-8949-e8e78b899310.tmp</t>
  </si>
  <si>
    <t>01/16/2020 14:03:56</t>
  </si>
  <si>
    <t>01/16/2020 14:05:35</t>
  </si>
  <si>
    <t>01/16/2020 14:08:36</t>
  </si>
  <si>
    <t>5fca69ea-e8a6-4ee2-98d6-cd051b8626e4.tmp</t>
  </si>
  <si>
    <t>\\acsfs\profiles$\vivianalds\Downloads\5fca69ea-e8a6-4ee2-98d6-cd051b8626e4.tmp</t>
  </si>
  <si>
    <t>01/16/2020 14:04:53</t>
  </si>
  <si>
    <t>01/16/2020 14:09:36</t>
  </si>
  <si>
    <t>\\acsfs\DEPTOS\EDUCACAO EMPRESARIAL\2 - Operações\0 - BV\1 - TREINADORES\Haruna\Thumbs.db</t>
  </si>
  <si>
    <t>01/16/2020 14:06:10</t>
  </si>
  <si>
    <t>C:\Users\TEMP.ACS.000\Downloads\Treinamento Auto Market Place BV_Produtos (1).pptx\</t>
  </si>
  <si>
    <t>\\acsfs\DEPTOS\EDUCACAO EMPRESARIAL\2 - Operações\0 - BV\1 - TREINADORES\Haruna\LEANDRA\Treinamento Auto Market Place BV_Produtos (1).pptx</t>
  </si>
  <si>
    <t>C:\Users\TEMP.ACS.000\Downloads\</t>
  </si>
  <si>
    <t>Treinamento Auto Market Place BV_Produtos (1).pptx</t>
  </si>
  <si>
    <t>\\acsfs\DEPTOS\EDUCACAO EMPRESARIAL\2 - Operações\0 - BV\1 - TREINADORES\Haruna\LEANDRA\Treinamento Auto Market Place BV_Produtos (1).pptx\</t>
  </si>
  <si>
    <t>\\acsfs\DEPTOS\EDUCACAO EMPRESARIAL\2 - Operações\0 - BV\1 - TREINADORES\Haruna\LEANDRA\Treinamento Auto Market Place BV_Produtos (1).pptx\:Zone.Identifier:$DATA</t>
  </si>
  <si>
    <t>01/16/2020 14:06:12</t>
  </si>
  <si>
    <t>01/16/2020 14:06:50</t>
  </si>
  <si>
    <t>\\acsfs\DEPTOS\EDUCACAO EMPRESARIAL\2 - Operações\0 - BV\1 - TREINADORES\Haruna\LEANDRA\Modelo 2.pptx\</t>
  </si>
  <si>
    <t>\\acsfs\DEPTOS\EDUCACAO EMPRESARIAL\2 - Operações\0 - BV\1 - TREINADORES\Haruna\LEANDRA\</t>
  </si>
  <si>
    <t>01/16/2020 14:05:21</t>
  </si>
  <si>
    <t>ed4b4467-57cc-4ae2-a7be-159e450f1b52.tmp</t>
  </si>
  <si>
    <t>\\acsfs\profiles$\nathaliarmr\Downloads\ed4b4467-57cc-4ae2-a7be-159e450f1b52.tmp</t>
  </si>
  <si>
    <t>01/16/2020 14:04:46</t>
  </si>
  <si>
    <t>01/16/2020 14:10:37</t>
  </si>
  <si>
    <t>01/16/2020 14:05:19</t>
  </si>
  <si>
    <t>01/16/2020 14:05:32</t>
  </si>
  <si>
    <t>01/16/2020 14:06:42</t>
  </si>
  <si>
    <t>01/16/2020 14:06:56</t>
  </si>
  <si>
    <t>01/16/2020 14:07:22</t>
  </si>
  <si>
    <t>01/16/2020 14:07:51</t>
  </si>
  <si>
    <t>01/16/2020 14:07:55</t>
  </si>
  <si>
    <t>01/16/2020 14:08:28</t>
  </si>
  <si>
    <t>01/16/2020 14:08:32</t>
  </si>
  <si>
    <t>01/16/2020 14:08:38</t>
  </si>
  <si>
    <t>01/16/2020 14:08:41</t>
  </si>
  <si>
    <t>01/16/2020 14:07:27</t>
  </si>
  <si>
    <t>01/16/2020 14:07:43</t>
  </si>
  <si>
    <t>01/16/2020 14:11:36</t>
  </si>
  <si>
    <t>01/16/2020 14:07:47</t>
  </si>
  <si>
    <t>01/16/2020 14:07:56</t>
  </si>
  <si>
    <t>01/16/2020 14:05:56</t>
  </si>
  <si>
    <t>79c2c3db-0256-4bb4-8ce6-53c32e04763d.tmp</t>
  </si>
  <si>
    <t>\\acsfs\profiles$\regisadsa\Downloads\79c2c3db-0256-4bb4-8ce6-53c32e04763d.tmp</t>
  </si>
  <si>
    <t>01/16/2020 14:07:31</t>
  </si>
  <si>
    <t>01/16/2020 14:12:37</t>
  </si>
  <si>
    <t>ce054a38-44a0-4042-abab-c5487160414a.tmp</t>
  </si>
  <si>
    <t>\\acsfs\profiles$\gabrielamdp\Downloads\ce054a38-44a0-4042-abab-c5487160414a.tmp</t>
  </si>
  <si>
    <t>01/16/2020 14:10:33</t>
  </si>
  <si>
    <t>d8eccbe3-64d7-4f49-86e7-009d195cf6f3.tmp</t>
  </si>
  <si>
    <t>\\acsfs\profiles$\kellzylenneasr\Downloads\d8eccbe3-64d7-4f49-86e7-009d195cf6f3.tmp</t>
  </si>
  <si>
    <t>01/16/2020 14:07:24</t>
  </si>
  <si>
    <t>01/16/2020 14:09:31</t>
  </si>
  <si>
    <t>243bb977-799f-4f33-a2bb-560c9b4789cc.tmp</t>
  </si>
  <si>
    <t>\\acsfs\profiles$\erichds\Downloads\243bb977-799f-4f33-a2bb-560c9b4789cc.tmp</t>
  </si>
  <si>
    <t>01/16/2020 14:10:59</t>
  </si>
  <si>
    <t>8d568ab6-4249-4f40-b6d1-824026d0e4b6.tmp</t>
  </si>
  <si>
    <t>\\acsfs\profiles$\erichds\Downloads\8d568ab6-4249-4f40-b6d1-824026d0e4b6.tmp</t>
  </si>
  <si>
    <t>01/16/2020 14:10:40</t>
  </si>
  <si>
    <t>01/16/2020 14:13:36</t>
  </si>
  <si>
    <t>01/16/2020 14:12:24</t>
  </si>
  <si>
    <t>.~lock.TV ANA E VITOR ATUALIZADO.ppt#</t>
  </si>
  <si>
    <t>\\acsfs\Deptos\Operacao\Banco_Votorantim\Supervisao\SUPERS BV CARTÕES\LAYOUT TV´S\.~lock.TV ANA E VITOR ATUALIZADO.ppt#</t>
  </si>
  <si>
    <t>01/16/2020 14:08:19</t>
  </si>
  <si>
    <t>lu10556ftq3.tmp</t>
  </si>
  <si>
    <t>\\acsfs\profiles$\VIVIANALDS\My Documents\lu10556ftq3.tmp</t>
  </si>
  <si>
    <t>\\acsfs\profiles$\VIVIANALDS\My Documents\lu10556ftq3.tmp\</t>
  </si>
  <si>
    <t>\\acsfs\profiles$\VIVIANALDS\My Documents\lu10556ftq3.tmp\META-INF\</t>
  </si>
  <si>
    <t>\\acsfs\profiles$\VIVIANALDS\My Documents\lu10556ftq3.tmp\Thumbnails\</t>
  </si>
  <si>
    <t>01/16/2020 14:08:22</t>
  </si>
  <si>
    <t>lu10556ftq7.tmp</t>
  </si>
  <si>
    <t>\\acsfs\profiles$\VIVIANALDS\My Documents\lu10556ftq7.tmp</t>
  </si>
  <si>
    <t>\\acsfs\profiles$\VIVIANALDS\My Documents\lu10556ftq7.tmp\</t>
  </si>
  <si>
    <t>\\acsfs\profiles$\VIVIANALDS\My Documents\lu10556ftq7.tmp\META-INF\</t>
  </si>
  <si>
    <t>\\acsfs\profiles$\VIVIANALDS\My Documents\lu10556ftq7.tmp\Thumbnails\</t>
  </si>
  <si>
    <t>01/16/2020 14:08:26</t>
  </si>
  <si>
    <t>01/16/2020 14:08:27</t>
  </si>
  <si>
    <t>lu10556ftqb.tmp</t>
  </si>
  <si>
    <t>\\acsfs\profiles$\VIVIANALDS\My Documents\lu10556ftqb.tmp</t>
  </si>
  <si>
    <t>\\acsfs\profiles$\VIVIANALDS\My Documents\lu10556ftqb.tmp\</t>
  </si>
  <si>
    <t>\\acsfs\profiles$\VIVIANALDS\My Documents\lu10556ftqb.tmp\META-INF\</t>
  </si>
  <si>
    <t>\\acsfs\profiles$\VIVIANALDS\My Documents\lu10556ftqb.tmp\Thumbnails\</t>
  </si>
  <si>
    <t>01/16/2020 14:09:26</t>
  </si>
  <si>
    <t>01/16/2020 14:09:38</t>
  </si>
  <si>
    <t>01/16/2020 14:09:39</t>
  </si>
  <si>
    <t>01/16/2020 14:09:41</t>
  </si>
  <si>
    <t>01/16/2020 14:09:46</t>
  </si>
  <si>
    <t>01/16/2020 14:09:48</t>
  </si>
  <si>
    <t>01/16/2020 14:09:49</t>
  </si>
  <si>
    <t>01/16/2020 14:09:51</t>
  </si>
  <si>
    <t>01/16/2020 14:09:54</t>
  </si>
  <si>
    <t>01/16/2020 14:09:57</t>
  </si>
  <si>
    <t>01/16/2020 14:09:59</t>
  </si>
  <si>
    <t>01/16/2020 14:10:10</t>
  </si>
  <si>
    <t>01/16/2020 14:10:13</t>
  </si>
  <si>
    <t>01/16/2020 14:10:22</t>
  </si>
  <si>
    <t>01/16/2020 14:10:23</t>
  </si>
  <si>
    <t>01/16/2020 14:10:24</t>
  </si>
  <si>
    <t>01/16/2020 14:10:30</t>
  </si>
  <si>
    <t>01/16/2020 14:10:32</t>
  </si>
  <si>
    <t>01/16/2020 14:10:35</t>
  </si>
  <si>
    <t>01/16/2020 14:10:36</t>
  </si>
  <si>
    <t>01/16/2020 14:10:38</t>
  </si>
  <si>
    <t>01/16/2020 14:10:42</t>
  </si>
  <si>
    <t>01/16/2020 14:10:43</t>
  </si>
  <si>
    <t>01/16/2020 14:10:44</t>
  </si>
  <si>
    <t>01/16/2020 14:10:47</t>
  </si>
  <si>
    <t>01/16/2020 14:10:49</t>
  </si>
  <si>
    <t>01/16/2020 14:10:50</t>
  </si>
  <si>
    <t>01/16/2020 14:10:51</t>
  </si>
  <si>
    <t>01/16/2020 14:10:52</t>
  </si>
  <si>
    <t>01/16/2020 14:10:53</t>
  </si>
  <si>
    <t>01/16/2020 14:10:54</t>
  </si>
  <si>
    <t>01/16/2020 14:10:55</t>
  </si>
  <si>
    <t>01/16/2020 14:10:56</t>
  </si>
  <si>
    <t>01/16/2020 14:10:57</t>
  </si>
  <si>
    <t>01/16/2020 14:10:58</t>
  </si>
  <si>
    <t>01/16/2020 14:11:00</t>
  </si>
  <si>
    <t>01/16/2020 14:11:02</t>
  </si>
  <si>
    <t>01/16/2020 14:11:03</t>
  </si>
  <si>
    <t>01/16/2020 14:11:32</t>
  </si>
  <si>
    <t>01/16/2020 14:12:20</t>
  </si>
  <si>
    <t>\\acsfs\Deptos\EDUCACAO EMPRESARIAL\KÉSIA\LOG CHAMADAS DETALHADO - BV CARTÕES DEZ_JAN (2).xlsx\</t>
  </si>
  <si>
    <t>\\acsfs\Deptos\EDUCACAO EMPRESARIAL\KÉSIA\LOG CHAMADAS DETALHADO - BV CARTÕES DEZ_JAN (2).xlsx\:Zone.Identifier:$DATA</t>
  </si>
  <si>
    <t>01/16/2020 14:12:44</t>
  </si>
  <si>
    <t>LOG CHAMADAS DETALHADO - BV CARTÕES DEZ_JAN (2).xlsx</t>
  </si>
  <si>
    <t>\\acsfs\Deptos\EDUCACAO EMPRESARIAL\KÉSIA\LOG CHAMADAS DETALHADO - BV CARTÕES DEZ_JAN (2).xlsx</t>
  </si>
  <si>
    <t>01/16/2020 14:11:33</t>
  </si>
  <si>
    <t>01/16/2020 14:11:35</t>
  </si>
  <si>
    <t>01/16/2020 14:11:37</t>
  </si>
  <si>
    <t>01/16/2020 14:11:51</t>
  </si>
  <si>
    <t>01/16/2020 14:11:58</t>
  </si>
  <si>
    <t>01/16/2020 14:12:01</t>
  </si>
  <si>
    <t>01/16/2020 14:12:14</t>
  </si>
  <si>
    <t>01/16/2020 14:14:37</t>
  </si>
  <si>
    <t>01/16/2020 14:12:15</t>
  </si>
  <si>
    <t>01/16/2020 14:11:40</t>
  </si>
  <si>
    <t>8d592c54-2c9b-4782-ba46-e79348bfba56.tmp</t>
  </si>
  <si>
    <t>\\acsfs\profiles$\larissaad\Downloads\8d592c54-2c9b-4782-ba46-e79348bfba56.tmp</t>
  </si>
  <si>
    <t>01/16/2020 14:10:06</t>
  </si>
  <si>
    <t>01/16/2020 14:12:40</t>
  </si>
  <si>
    <t>ef8ffff6-8256-4354-ab6c-84716a4b57cd.tmp</t>
  </si>
  <si>
    <t>\\acsfs\profiles$\PEDROHAB\Downloads\ef8ffff6-8256-4354-ab6c-84716a4b57cd.tmp</t>
  </si>
  <si>
    <t>01/16/2020 14:14:00</t>
  </si>
  <si>
    <t>01/16/2020 14:15:36</t>
  </si>
  <si>
    <t>4bce854c-51dc-4ec8-a10b-a6708c037c97.tmp</t>
  </si>
  <si>
    <t>\\acsfs\profiles$\brendadsl\Downloads\4bce854c-51dc-4ec8-a10b-a6708c037c97.tmp</t>
  </si>
  <si>
    <t>01/16/2020 14:11:42</t>
  </si>
  <si>
    <t>\\acsfs\Deptos\EDUCACAO EMPRESARIAL\4 - Gestão de Educação\</t>
  </si>
  <si>
    <t>\\acsfs\Deptos\EDUCACAO EMPRESARIAL\4 - Gestão de Educação\Thumbs.db</t>
  </si>
  <si>
    <t>01/16/2020 14:13:27</t>
  </si>
  <si>
    <t>\\acsfs\Deptos\EDUCACAO EMPRESARIAL\FERNANDA MONIT\LOG CHAMADAS DETALHADO - BV CARTÕES DEZ_JAN (2).xlsx</t>
  </si>
  <si>
    <t>\\acsfs\Deptos\EDUCACAO EMPRESARIAL\FERNANDA MONIT\LOG CHAMADAS DETALHADO - BV CARTÕES DEZ_JAN (2).xlsx\</t>
  </si>
  <si>
    <t>\\acsfs\Deptos\EDUCACAO EMPRESARIAL\FERNANDA MONIT\LOG CHAMADAS DETALHADO - BV CARTÕES DEZ_JAN (2).xlsx\:Zone.Identifier:$DATA</t>
  </si>
  <si>
    <t>01/16/2020 14:11:31</t>
  </si>
  <si>
    <t>01/16/2020 14:11:43</t>
  </si>
  <si>
    <t>01/16/2020 14:11:47</t>
  </si>
  <si>
    <t>01/16/2020 14:11:50</t>
  </si>
  <si>
    <t>01/16/2020 14:11:52</t>
  </si>
  <si>
    <t>01/16/2020 14:12:22</t>
  </si>
  <si>
    <t>100014082285011;100014122394468;catianalv@algartech.com;cpc-controldeskavon@algartech.com;joseasn@algartech.com;lucianarsantos@algartech.com;marianadjc@algartech.com;senildapdo@algartecnologia.com.br;</t>
  </si>
  <si>
    <t>100014082285011,100014122394468,catianalv@algartech.com,cpc-controldeskavon@algartech.com,joseasn@algartech.com,lucianarsantos@algartech.com,marianadjc@algartech.com,senildapdo@algartecnologia.com.br</t>
  </si>
  <si>
    <t>01/16/2020 14:13:03</t>
  </si>
  <si>
    <t>mail.google.com/sync/u/0/i/s?hl=pt-BR&amp;c=837</t>
  </si>
  <si>
    <t>01/16/2020 14:13:31</t>
  </si>
  <si>
    <t>01/16/2020 14:13:41</t>
  </si>
  <si>
    <t>01/16/2020 14:13:47</t>
  </si>
  <si>
    <t>mail.google.com/sync/u/0/i/s?hl=pt-BR&amp;c=844</t>
  </si>
  <si>
    <t>01/16/2020 14:14:04</t>
  </si>
  <si>
    <t>01/16/2020 14:14:05</t>
  </si>
  <si>
    <t>01/16/2020 14:14:10</t>
  </si>
  <si>
    <t>01/16/2020 14:14:16</t>
  </si>
  <si>
    <t>01/16/2020 14:12:23</t>
  </si>
  <si>
    <t>01/16/2020 14:11:11</t>
  </si>
  <si>
    <t>01/16/2020 14:16:37</t>
  </si>
  <si>
    <t>758a8726-df34-4971-89d0-91f208f9a270.tmp</t>
  </si>
  <si>
    <t>\\acsfs\profiles$\DALVADFB\Downloads\758a8726-df34-4971-89d0-91f208f9a270.tmp</t>
  </si>
  <si>
    <t>01/16/2020 14:11:46</t>
  </si>
  <si>
    <t>da89c4ff-c9fd-4885-a6c6-20f8194273d4.tmp</t>
  </si>
  <si>
    <t>\\acsfs\profiles$\DALVADFB\Downloads\da89c4ff-c9fd-4885-a6c6-20f8194273d4.tmp</t>
  </si>
  <si>
    <t>01/16/2020 14:12:00</t>
  </si>
  <si>
    <t>425496de-caf7-45f6-b4a8-a136b904765b.tmp</t>
  </si>
  <si>
    <t>\\acsfs\profiles$\DALVADFB\Downloads\425496de-caf7-45f6-b4a8-a136b904765b.tmp</t>
  </si>
  <si>
    <t>01/16/2020 14:12:47</t>
  </si>
  <si>
    <t>2e681940-cc82-4629-8597-fd304030952c.tmp</t>
  </si>
  <si>
    <t>\\acsfs\profiles$\DALVADFB\Downloads\2e681940-cc82-4629-8597-fd304030952c.tmp</t>
  </si>
  <si>
    <t>01/16/2020 14:14:13</t>
  </si>
  <si>
    <t>6b0a286c-44cd-4fdf-b010-fcccf4d2188f.tmp</t>
  </si>
  <si>
    <t>\\acsfs\profiles$\DALVADFB\Downloads\6b0a286c-44cd-4fdf-b010-fcccf4d2188f.tmp</t>
  </si>
  <si>
    <t>01/16/2020 14:12:49</t>
  </si>
  <si>
    <t>65395c60-49be-4056-9995-9b7be825af04.tmp</t>
  </si>
  <si>
    <t>\\acsfs\profiles$\joselrb\Downloads\65395c60-49be-4056-9995-9b7be825af04.tmp</t>
  </si>
  <si>
    <t>01/16/2020 14:12:05</t>
  </si>
  <si>
    <t>01/16/2020 14:17:36</t>
  </si>
  <si>
    <t>lu8412ilbd.tmp</t>
  </si>
  <si>
    <t>\\acsfs\profiles$\VICTORIAKSR\Downloads\lu8412ilbd.tmp</t>
  </si>
  <si>
    <t>323ff193-dfd1-41c6-8bc6-b8425ee3115f.tmp</t>
  </si>
  <si>
    <t>\\acsfs\profiles$\victorgl\Downloads\323ff193-dfd1-41c6-8bc6-b8425ee3115f.tmp</t>
  </si>
  <si>
    <t>01/16/2020 14:13:43</t>
  </si>
  <si>
    <t>e48284cc-137c-41f6-8d2a-7f14af7ed04b.tmp</t>
  </si>
  <si>
    <t>\\acsfs\profiles$\victorgl\Downloads\e48284cc-137c-41f6-8d2a-7f14af7ed04b.tmp</t>
  </si>
  <si>
    <t>01/16/2020 14:12:52</t>
  </si>
  <si>
    <t>2deb8485-4b81-46a1-a4a8-8c7aac1a4bce.tmp</t>
  </si>
  <si>
    <t>\\acsfs\profiles$\lucasgpe\Downloads\2deb8485-4b81-46a1-a4a8-8c7aac1a4bce.tmp</t>
  </si>
  <si>
    <t>01/16/2020 14:18:36</t>
  </si>
  <si>
    <t>01/16/2020 14:13:49</t>
  </si>
  <si>
    <t>01/16/2020 14:13:50</t>
  </si>
  <si>
    <t>lu10556ftqf.tmp</t>
  </si>
  <si>
    <t>\\acsfs\profiles$\VIVIANALDS\My Documents\lu10556ftqf.tmp</t>
  </si>
  <si>
    <t>\\acsfs\profiles$\VIVIANALDS\My Documents\lu10556ftqf.tmp\</t>
  </si>
  <si>
    <t>\\acsfs\profiles$\VIVIANALDS\My Documents\lu10556ftqf.tmp\META-INF\</t>
  </si>
  <si>
    <t>\\acsfs\profiles$\VIVIANALDS\My Documents\lu10556ftqf.tmp\Thumbnails\</t>
  </si>
  <si>
    <t>01/16/2020 14:14:46</t>
  </si>
  <si>
    <t>36e4b745-febe-46a0-90ae-fe4ec4220662.tmp</t>
  </si>
  <si>
    <t>\\acsfs\profiles$\edicarlosdl\Downloads\36e4b745-febe-46a0-90ae-fe4ec4220662.tmp</t>
  </si>
  <si>
    <t>01/16/2020 14:15:49</t>
  </si>
  <si>
    <t>40c9ed5c-954b-4b56-8f89-08ac2693d8cf.tmp</t>
  </si>
  <si>
    <t>\\acsfs\profiles$\edicarlosdl\Downloads\40c9ed5c-954b-4b56-8f89-08ac2693d8cf.tmp</t>
  </si>
  <si>
    <t>01/16/2020 14:16:17</t>
  </si>
  <si>
    <t>01/16/2020 14:16:13</t>
  </si>
  <si>
    <t>01/16/2020 14:19:36</t>
  </si>
  <si>
    <t>01/16/2020 14:16:16</t>
  </si>
  <si>
    <t>01/16/2020 14:17:22</t>
  </si>
  <si>
    <t>01/16/2020 14:17:23</t>
  </si>
  <si>
    <t>lu1263611eup.tmp</t>
  </si>
  <si>
    <t>\\acsfs\profiles$\luanarda\lu1263611eup.tmp</t>
  </si>
  <si>
    <t>\\acsfs\profiles$\luanarda\lu1263611eup.tmp\</t>
  </si>
  <si>
    <t>\\acsfs\profiles$\luanarda\lu1263611eup.tmp\META-INF\</t>
  </si>
  <si>
    <t>\\acsfs\profiles$\luanarda\lu1263611eup.tmp\Thumbnails\</t>
  </si>
  <si>
    <t>01/16/2020 14:14:59</t>
  </si>
  <si>
    <t>01/16/2020 14:20:36</t>
  </si>
  <si>
    <t>01/16/2020 14:18:14</t>
  </si>
  <si>
    <t>ffcd0c82-8aaa-4e09-a1b6-0c9b866ce32a.tmp</t>
  </si>
  <si>
    <t>\\acsfs\profiles$\lorenabmc\Downloads\ffcd0c82-8aaa-4e09-a1b6-0c9b866ce32a.tmp</t>
  </si>
  <si>
    <t>01/16/2020 14:18:25</t>
  </si>
  <si>
    <t>be0e4f38-aa3e-4a32-bed9-ae095e22f2f6.tmp</t>
  </si>
  <si>
    <t>\\acsfs\profiles$\lorenabmc\Downloads\be0e4f38-aa3e-4a32-bed9-ae095e22f2f6.tmp</t>
  </si>
  <si>
    <t>01/16/2020 14:18:33</t>
  </si>
  <si>
    <t>c30377bd-3f06-4c05-9dcd-981ee5b0bc4e.tmp</t>
  </si>
  <si>
    <t>\\acsfs\profiles$\milenaas\Downloads\c30377bd-3f06-4c05-9dcd-981ee5b0bc4e.tmp</t>
  </si>
  <si>
    <t>01/16/2020 14:19:07</t>
  </si>
  <si>
    <t>443cfd09-341e-4064-8ced-e55257537ea1.tmp</t>
  </si>
  <si>
    <t>\\acsfs\profiles$\milenaas\Downloads\443cfd09-341e-4064-8ced-e55257537ea1.tmp</t>
  </si>
  <si>
    <t>01/16/2020 14:19:08</t>
  </si>
  <si>
    <t>01/16/2020 14:21:37</t>
  </si>
  <si>
    <t>01/16/2020 14:19:24</t>
  </si>
  <si>
    <t>01/16/2020 14:19:55</t>
  </si>
  <si>
    <t>01/16/2020 14:20:25</t>
  </si>
  <si>
    <t>01/16/2020 14:20:55</t>
  </si>
  <si>
    <t>01/16/2020 14:17:51</t>
  </si>
  <si>
    <t>01/16/2020 14:22:36</t>
  </si>
  <si>
    <t>872cef0f-f25d-482e-b370-0e3bcb771aab.tmp</t>
  </si>
  <si>
    <t>\\acsfs\profiles$\gustavoab\Downloads\872cef0f-f25d-482e-b370-0e3bcb771aab.tmp</t>
  </si>
  <si>
    <t>01/16/2020 14:19:59</t>
  </si>
  <si>
    <t>resultadosMarcileia.xlsx</t>
  </si>
  <si>
    <t>\\acsfs\ACS\Gabriel da Silva\Contemporânea\Gen\resultadosMarcileia.xlsx</t>
  </si>
  <si>
    <t>01/16/2020 14:21:23</t>
  </si>
  <si>
    <t>9d65c39a-0eec-4b35-b099-e7a7f19115bf.tmp</t>
  </si>
  <si>
    <t>Algar_Encrypted Files</t>
  </si>
  <si>
    <t>\\acsfs\profiles$\gabrielsma\Downloads\9d65c39a-0eec-4b35-b099-e7a7f19115bf.tmp</t>
  </si>
  <si>
    <t>01/16/2020 14:21:35</t>
  </si>
  <si>
    <t>Não confirmado 129272.crdownload</t>
  </si>
  <si>
    <t>\\acsfs\ACS\Gabriel da Silva\Contemporânea\Acessos\Não confirmado 129272.crdownload</t>
  </si>
  <si>
    <t>01/16/2020 14:23:36</t>
  </si>
  <si>
    <t>01/16/2020 14:22:46</t>
  </si>
  <si>
    <t>01/16/2020 14:22:47</t>
  </si>
  <si>
    <t>lu10556ftqj.tmp</t>
  </si>
  <si>
    <t>\\acsfs\profiles$\VIVIANALDS\My Documents\lu10556ftqj.tmp</t>
  </si>
  <si>
    <t>\\acsfs\profiles$\VIVIANALDS\My Documents\lu10556ftqj.tmp\</t>
  </si>
  <si>
    <t>\\acsfs\profiles$\VIVIANALDS\My Documents\lu10556ftqj.tmp\META-INF\</t>
  </si>
  <si>
    <t>\\acsfs\profiles$\VIVIANALDS\My Documents\lu10556ftqj.tmp\Thumbnails\</t>
  </si>
  <si>
    <t>01/16/2020 14:21:09</t>
  </si>
  <si>
    <t>5755dd62-15b5-476b-9b98-77fd2f0998f1.tmp</t>
  </si>
  <si>
    <t>\\acsfs\profiles$\KARENJSS\Downloads\5755dd62-15b5-476b-9b98-77fd2f0998f1.tmp</t>
  </si>
  <si>
    <t>01/16/2020 14:23:41</t>
  </si>
  <si>
    <t>01/16/2020 14:24:37</t>
  </si>
  <si>
    <t>06b1740d-bd85-427d-b97d-01afd0b901ff.tmp</t>
  </si>
  <si>
    <t>\\acsfs\profiles$\ingridsm\Downloads\06b1740d-bd85-427d-b97d-01afd0b901ff.tmp</t>
  </si>
  <si>
    <t>01/16/2020 14:21:52</t>
  </si>
  <si>
    <t>01/16/2020 14:25:36</t>
  </si>
  <si>
    <t>Lais Lima Gonçalves_1_6778049346311109298_1_32.wav</t>
  </si>
  <si>
    <t>\\acsfs\Deptos\EDUCACAO EMPRESARIAL\FERNANDA MONIT\Fernanda\MONITORIA JANEIRO\Ligação para MUTANT segundo ciclo janeiro\Lais Lima Gonçalves_1_6778049346311109298_1_32.wav</t>
  </si>
  <si>
    <t>01/16/2020 14:22:42</t>
  </si>
  <si>
    <t>01/16/2020 14:23:35</t>
  </si>
  <si>
    <t>01/16/2020 14:22:04</t>
  </si>
  <si>
    <t>4ae6d763-62b2-412e-a392-e86f6a4e25fb.tmp</t>
  </si>
  <si>
    <t>\\acsfs\profiles$\regisadsa\Downloads\4ae6d763-62b2-412e-a392-e86f6a4e25fb.tmp</t>
  </si>
  <si>
    <t>01/16/2020 14:22:38</t>
  </si>
  <si>
    <t>4f0eb56a-efbe-43b4-b45a-aa83376cbfdc.tmp</t>
  </si>
  <si>
    <t>\\acsfs\profiles$\regisadsa\Downloads\4f0eb56a-efbe-43b4-b45a-aa83376cbfdc.tmp</t>
  </si>
  <si>
    <t>01/16/2020 14:21:57</t>
  </si>
  <si>
    <t>01/16/2020 14:26:37</t>
  </si>
  <si>
    <t>01/16/2020 14:22:03</t>
  </si>
  <si>
    <t>lu232362w233e.tmp</t>
  </si>
  <si>
    <t>\\acsfs\profiles$\LUCASBS\RENEG BV\Consolidado\lu232362w233e.tmp</t>
  </si>
  <si>
    <t>\\acsfs\profiles$\LUCASBS\RENEG BV\Consolidado\lu232362w233e.tmp\</t>
  </si>
  <si>
    <t>\\acsfs\profiles$\LUCASBS\RENEG BV\Consolidado\lu232362w233e.tmp\META-INF\</t>
  </si>
  <si>
    <t>\\acsfs\profiles$\LUCASBS\RENEG BV\Consolidado\lu232362w233e.tmp\Thumbnails\</t>
  </si>
  <si>
    <t>01/16/2020 14:24:00</t>
  </si>
  <si>
    <t>1fa2b9b3-83c1-4fdf-b651-6fbf82941001.tmp</t>
  </si>
  <si>
    <t>\\acsfs\profiles$\THYAGOSP\Downloads\1fa2b9b3-83c1-4fdf-b651-6fbf82941001.tmp</t>
  </si>
  <si>
    <t>01/16/2020 14:21:25</t>
  </si>
  <si>
    <t>01/16/2020 14:22:23</t>
  </si>
  <si>
    <t>4c8b8367-1972-4312-b65b-b08922727246.tmp</t>
  </si>
  <si>
    <t>\\acsfs\profiles$\joselrb\Downloads\4c8b8367-1972-4312-b65b-b08922727246.tmp</t>
  </si>
  <si>
    <t>01/16/2020 14:24:39</t>
  </si>
  <si>
    <t>6377f6d1-6787-4af9-8598-aa6435db4d4f.tmp</t>
  </si>
  <si>
    <t>\\acsfs\profiles$\joselrb\Downloads\6377f6d1-6787-4af9-8598-aa6435db4d4f.tmp</t>
  </si>
  <si>
    <t>01/16/2020 14:25:13</t>
  </si>
  <si>
    <t>01/16/2020 14:27:36</t>
  </si>
  <si>
    <t>.~lock.Revisão PF_Dir_Clientes_eliane.martins.xlsx#</t>
  </si>
  <si>
    <t>\\acsfs\ACS\Gabriel da Silva\Contemporânea\Acessos\.~lock.Revisão PF_Dir_Clientes_eliane.martins.xlsx#</t>
  </si>
  <si>
    <t>01/16/2020 14:26:33</t>
  </si>
  <si>
    <t>081612db-81bf-463d-878c-12aa3eeb398a.tmp</t>
  </si>
  <si>
    <t>\\acsfs\profiles$\gabrielsma\Downloads\081612db-81bf-463d-878c-12aa3eeb398a.tmp</t>
  </si>
  <si>
    <t>01/16/2020 14:26:36</t>
  </si>
  <si>
    <t>01/16/2020 14:25:08</t>
  </si>
  <si>
    <t>01/16/2020 14:28:37</t>
  </si>
  <si>
    <t>01/16/2020 14:25:04</t>
  </si>
  <si>
    <t>\\acsfs\profiles$\philipegsf\My Documents\My Pictures\</t>
  </si>
  <si>
    <t>\\acsfs\profiles$\philipegsf\My Documents\My Videos\desktop.ini</t>
  </si>
  <si>
    <t>01/16/2020 14:25:06</t>
  </si>
  <si>
    <t>\\acsfs\profiles$\philipegsf\My Documents\My Videos\</t>
  </si>
  <si>
    <t>01/16/2020 14:25:09</t>
  </si>
  <si>
    <t>01/16/2020 14:25:11</t>
  </si>
  <si>
    <t>\\acsfs\profiles$\philipegsf\My Documents\My Music\</t>
  </si>
  <si>
    <t>\\acsfs\profiles$\philipegsf\My Documents\My Pictures\desktop.ini</t>
  </si>
  <si>
    <t>01/16/2020 14:25:12</t>
  </si>
  <si>
    <t>01/16/2020 14:25:14</t>
  </si>
  <si>
    <t>01/16/2020 14:25:15</t>
  </si>
  <si>
    <t>\\acsfs\profiles$\philipegsf\Contacts\</t>
  </si>
  <si>
    <t>\\acsfs\profiles$\philipegsf\Contacts\desktop.ini</t>
  </si>
  <si>
    <t>01/16/2020 14:25:16</t>
  </si>
  <si>
    <t>01/16/2020 14:25:17</t>
  </si>
  <si>
    <t>01/16/2020 14:25:18</t>
  </si>
  <si>
    <t>01/16/2020 14:25:20</t>
  </si>
  <si>
    <t>\\acsfs\profiles$\philipegsf\My Documents\</t>
  </si>
  <si>
    <t>\\acsfs\profiles$\philipegsf\Favorites\desktop.ini</t>
  </si>
  <si>
    <t>01/16/2020 14:25:21</t>
  </si>
  <si>
    <t>01/16/2020 14:25:22</t>
  </si>
  <si>
    <t>01/16/2020 14:25:23</t>
  </si>
  <si>
    <t>01/16/2020 14:25:24</t>
  </si>
  <si>
    <t>01/16/2020 14:25:25</t>
  </si>
  <si>
    <t>01/16/2020 14:25:27</t>
  </si>
  <si>
    <t>01/16/2020 14:25:28</t>
  </si>
  <si>
    <t>\\acsfs\profiles$\philipegsf\My Documents\My Music\desktop.ini</t>
  </si>
  <si>
    <t>01/16/2020 14:25:30</t>
  </si>
  <si>
    <t>01/16/2020 14:25:31</t>
  </si>
  <si>
    <t>01/16/2020 14:25:32</t>
  </si>
  <si>
    <t>01/16/2020 14:25:34</t>
  </si>
  <si>
    <t>\\acsfs\profiles$\philipegsf\Searches\</t>
  </si>
  <si>
    <t>\\acsfs\profiles$\philipegsf\Searches\desktop.ini</t>
  </si>
  <si>
    <t>01/16/2020 14:25:35</t>
  </si>
  <si>
    <t>01/16/2020 14:25:37</t>
  </si>
  <si>
    <t>01/16/2020 14:25:38</t>
  </si>
  <si>
    <t>01/16/2020 14:25:39</t>
  </si>
  <si>
    <t>01/16/2020 14:25:41</t>
  </si>
  <si>
    <t>\\acsfs\profiles$\philipegsf\Downloads\desktop.ini</t>
  </si>
  <si>
    <t>01/16/2020 14:25:43</t>
  </si>
  <si>
    <t>\\acsfs\profiles$\philipegsf\Favorites\</t>
  </si>
  <si>
    <t>\\acsfs\profiles$\philipegsf\My Documents\desktop.ini</t>
  </si>
  <si>
    <t>01/16/2020 14:25:45</t>
  </si>
  <si>
    <t>01/16/2020 14:25:46</t>
  </si>
  <si>
    <t>01/16/2020 14:25:48</t>
  </si>
  <si>
    <t>01/16/2020 14:25:49</t>
  </si>
  <si>
    <t>01/16/2020 14:25:50</t>
  </si>
  <si>
    <t>01/16/2020 14:25:52</t>
  </si>
  <si>
    <t>\\acsfs\profiles$\philipegsf\Saved Games\desktop.ini</t>
  </si>
  <si>
    <t>01/16/2020 14:25:53</t>
  </si>
  <si>
    <t>01/16/2020 14:23:37</t>
  </si>
  <si>
    <t>74-86-7A-FB-17-2C</t>
  </si>
  <si>
    <t>VOTORANT-RB005</t>
  </si>
  <si>
    <t>karolinelb</t>
  </si>
  <si>
    <t>https://udpwfmniceap02/web/guest/home?p_auth=ubkt32os&amp;p_p_id=58&amp;p_p_lifecycle=1&amp;p_p_state=maximized&amp;p_p_mode=view&amp;savelastpath=0&amp;_58_struts_action=/login/forgot_password</t>
  </si>
  <si>
    <t>01/16/2020 14:29:36</t>
  </si>
  <si>
    <t>22a88505-c5ad-4720-b488-9c7bf7b76979.tmp</t>
  </si>
  <si>
    <t>\\acsfs\profiles$\ingridsm\Downloads\22a88505-c5ad-4720-b488-9c7bf7b76979.tmp</t>
  </si>
  <si>
    <t>01/16/2020 14:29:08</t>
  </si>
  <si>
    <t>01/16/2020 14:30:36</t>
  </si>
  <si>
    <t>01/16/2020 14:29:28</t>
  </si>
  <si>
    <t>01/16/2020 14:27:28</t>
  </si>
  <si>
    <t>01/16/2020 14:27:33</t>
  </si>
  <si>
    <t>lu156202imcee.tmp</t>
  </si>
  <si>
    <t>\\acsfs\profiles$\Flaviojmm\My Documents\lu156202imcee.tmp</t>
  </si>
  <si>
    <t>\\acsfs\profiles$\Flaviojmm\My Documents\lu156202imcee.tmp\</t>
  </si>
  <si>
    <t>\\acsfs\profiles$\Flaviojmm\My Documents\lu156202imcee.tmp\META-INF\</t>
  </si>
  <si>
    <t>\\acsfs\profiles$\Flaviojmm\My Documents\lu156202imcee.tmp\Thumbnails\</t>
  </si>
  <si>
    <t>01/16/2020 14:28:32</t>
  </si>
  <si>
    <t>01/16/2020 14:31:37</t>
  </si>
  <si>
    <t>marianacgs@algartech.com;</t>
  </si>
  <si>
    <t>01/16/2020 14:29:22</t>
  </si>
  <si>
    <t>01/16/2020 14:29:39</t>
  </si>
  <si>
    <t>01/16/2020 14:30:10</t>
  </si>
  <si>
    <t>01/16/2020 14:30:25</t>
  </si>
  <si>
    <t>01/16/2020 14:29:35</t>
  </si>
  <si>
    <t>4ec48236-3abc-42ff-995c-2dd58cd98c32.tmp</t>
  </si>
  <si>
    <t>\\acsfs\profiles$\regisadsa\Downloads\4ec48236-3abc-42ff-995c-2dd58cd98c32.tmp</t>
  </si>
  <si>
    <t>01/16/2020 14:30:22</t>
  </si>
  <si>
    <t>fa1f4235-519e-413d-b3b2-849e4058b39f.tmp</t>
  </si>
  <si>
    <t>\\acsfs\profiles$\regisadsa\Downloads\fa1f4235-519e-413d-b3b2-849e4058b39f.tmp</t>
  </si>
  <si>
    <t>01/16/2020 14:29:27</t>
  </si>
  <si>
    <t>01/16/2020 14:26:29</t>
  </si>
  <si>
    <t>01/16/2020 14:26:59</t>
  </si>
  <si>
    <t>01/16/2020 14:28:20</t>
  </si>
  <si>
    <t>01/16/2020 14:32:36</t>
  </si>
  <si>
    <t>outlook.office.com/owa/service.svc?action=createitem&amp;app=mail&amp;n=137</t>
  </si>
  <si>
    <t>andrelpsa@algartech.com;eliane.martins@bv.com.br;robsonams@algartech.com;</t>
  </si>
  <si>
    <t>andrelpsa@algartech.com,eliane.martins@bv.com.br,robsonams@algartech.com</t>
  </si>
  <si>
    <t>01/16/2020 14:28:23</t>
  </si>
  <si>
    <t>outlook.office.com/owa/service.svc?action=createitem&amp;app=mail&amp;n=143</t>
  </si>
  <si>
    <t>01/16/2020 14:28:41</t>
  </si>
  <si>
    <t>outlook.office.com/owa/service.svc?action=createitem&amp;app=mail&amp;n=170</t>
  </si>
  <si>
    <t>01/16/2020 14:29:11</t>
  </si>
  <si>
    <t>outlook.office.com/owa/service.svc?action=CreateItem&amp;app=Mail&amp;n=176</t>
  </si>
  <si>
    <t>01/16/2020 14:29:41</t>
  </si>
  <si>
    <t>outlook.office.com/owa/service.svc?action=CreateItem&amp;app=Mail&amp;n=202</t>
  </si>
  <si>
    <t>01/16/2020 14:30:11</t>
  </si>
  <si>
    <t>outlook.office.com/owa/service.svc?action=CreateItem&amp;app=Mail&amp;n=206</t>
  </si>
  <si>
    <t>01/16/2020 14:30:41</t>
  </si>
  <si>
    <t>outlook.office.com/owa/service.svc?action=CreateItem&amp;app=Mail&amp;n=213</t>
  </si>
  <si>
    <t>01/16/2020 14:31:17</t>
  </si>
  <si>
    <t>01/16/2020 14:29:25</t>
  </si>
  <si>
    <t>780c12c0-16fa-4019-b4c0-52c409aab9a1.tmp</t>
  </si>
  <si>
    <t>\\acsfs\profiles$\victorgl\Downloads\780c12c0-16fa-4019-b4c0-52c409aab9a1.tmp</t>
  </si>
  <si>
    <t>f920b80c-0c98-440d-9e1e-fe9b114f895e.tmp</t>
  </si>
  <si>
    <t>\\acsfs\profiles$\LUCASNS\Downloads\f920b80c-0c98-440d-9e1e-fe9b114f895e.tmp</t>
  </si>
  <si>
    <t>01/16/2020 14:32:11</t>
  </si>
  <si>
    <t>01/16/2020 14:31:36</t>
  </si>
  <si>
    <t>d3959845-c2be-464f-be20-d882850c8fd4.tmp</t>
  </si>
  <si>
    <t>\\acsfs\profiles$\fabianobmf\Downloads\d3959845-c2be-464f-be20-d882850c8fd4.tmp</t>
  </si>
  <si>
    <t>01/16/2020 14:31:05</t>
  </si>
  <si>
    <t>01/16/2020 14:33:37</t>
  </si>
  <si>
    <t>01/16/2020 14:31:06</t>
  </si>
  <si>
    <t>lu10556ftqn.tmp</t>
  </si>
  <si>
    <t>\\acsfs\profiles$\VIVIANALDS\My Documents\lu10556ftqn.tmp</t>
  </si>
  <si>
    <t>\\acsfs\profiles$\VIVIANALDS\My Documents\lu10556ftqn.tmp\</t>
  </si>
  <si>
    <t>\\acsfs\profiles$\VIVIANALDS\My Documents\lu10556ftqn.tmp\META-INF\</t>
  </si>
  <si>
    <t>\\acsfs\profiles$\VIVIANALDS\My Documents\lu10556ftqn.tmp\Thumbnails\</t>
  </si>
  <si>
    <t>01/16/2020 14:32:07</t>
  </si>
  <si>
    <t>01/16/2020 14:32:08</t>
  </si>
  <si>
    <t>lu10556ftqr.tmp</t>
  </si>
  <si>
    <t>\\acsfs\profiles$\VIVIANALDS\My Documents\lu10556ftqr.tmp</t>
  </si>
  <si>
    <t>\\acsfs\profiles$\VIVIANALDS\My Documents\lu10556ftqr.tmp\</t>
  </si>
  <si>
    <t>\\acsfs\profiles$\VIVIANALDS\My Documents\lu10556ftqr.tmp\META-INF\</t>
  </si>
  <si>
    <t>\\acsfs\profiles$\VIVIANALDS\My Documents\lu10556ftqr.tmp\Thumbnails\</t>
  </si>
  <si>
    <t>01/16/2020 14:29:54</t>
  </si>
  <si>
    <t>aa9d4156-4655-447d-aced-2dbd7a2425ab.tmp</t>
  </si>
  <si>
    <t>\\acsfs\profiles$\inarajst\Downloads\aa9d4156-4655-447d-aced-2dbd7a2425ab.tmp</t>
  </si>
  <si>
    <t>01/16/2020 14:29:12</t>
  </si>
  <si>
    <t>8d26d080-3011-4b47-bd5b-a03c098a7678.tmp</t>
  </si>
  <si>
    <t>\\acsfs\profiles$\philipegsf\Downloads\8d26d080-3011-4b47-bd5b-a03c098a7678.tmp</t>
  </si>
  <si>
    <t>01/16/2020 14:31:38</t>
  </si>
  <si>
    <t>01/16/2020 14:34:36</t>
  </si>
  <si>
    <t>01/16/2020 14:32:19</t>
  </si>
  <si>
    <t>01/16/2020 14:32:22</t>
  </si>
  <si>
    <t>01/16/2020 14:32:29</t>
  </si>
  <si>
    <t>01/16/2020 14:30:06</t>
  </si>
  <si>
    <t>01/16/2020 14:35:36</t>
  </si>
  <si>
    <t>01/16/2020 14:30:12</t>
  </si>
  <si>
    <t>01/16/2020 14:30:15</t>
  </si>
  <si>
    <t>01/16/2020 14:30:20</t>
  </si>
  <si>
    <t>01/16/2020 14:30:39</t>
  </si>
  <si>
    <t>01/16/2020 14:31:04</t>
  </si>
  <si>
    <t>01/16/2020 14:31:07</t>
  </si>
  <si>
    <t>01/16/2020 14:31:26</t>
  </si>
  <si>
    <t>01/16/2020 14:31:49</t>
  </si>
  <si>
    <t>01/16/2020 14:31:59</t>
  </si>
  <si>
    <t>01/16/2020 14:33:22</t>
  </si>
  <si>
    <t>01/16/2020 14:33:47</t>
  </si>
  <si>
    <t>01/16/2020 14:33:58</t>
  </si>
  <si>
    <t>01/16/2020 14:34:28</t>
  </si>
  <si>
    <t>01/16/2020 14:32:06</t>
  </si>
  <si>
    <t>01/16/2020 14:36:36</t>
  </si>
  <si>
    <t>01/16/2020 14:32:09</t>
  </si>
  <si>
    <t>01/16/2020 14:32:10</t>
  </si>
  <si>
    <t>01/16/2020 14:32:12</t>
  </si>
  <si>
    <t>01/16/2020 14:32:13</t>
  </si>
  <si>
    <t>01/16/2020 14:32:14</t>
  </si>
  <si>
    <t>01/16/2020 14:32:15</t>
  </si>
  <si>
    <t>01/16/2020 14:32:16</t>
  </si>
  <si>
    <t>01/16/2020 14:32:17</t>
  </si>
  <si>
    <t>01/16/2020 14:32:18</t>
  </si>
  <si>
    <t>01/16/2020 14:32:20</t>
  </si>
  <si>
    <t>01/16/2020 14:32:21</t>
  </si>
  <si>
    <t>01/16/2020 14:32:23</t>
  </si>
  <si>
    <t>01/16/2020 14:32:24</t>
  </si>
  <si>
    <t>01/16/2020 14:32:25</t>
  </si>
  <si>
    <t>01/16/2020 14:32:26</t>
  </si>
  <si>
    <t>01/16/2020 14:32:27</t>
  </si>
  <si>
    <t>01/16/2020 14:32:28</t>
  </si>
  <si>
    <t>01/16/2020 14:32:30</t>
  </si>
  <si>
    <t>01/16/2020 14:30:48</t>
  </si>
  <si>
    <t>01/16/2020 14:30:51</t>
  </si>
  <si>
    <t>01/16/2020 14:31:23</t>
  </si>
  <si>
    <t>01/16/2020 14:31:30</t>
  </si>
  <si>
    <t>81787d39-ce2b-465c-80f7-96683a22a134.tmp</t>
  </si>
  <si>
    <t>\\acsfs\profiles$\regisadsa\Downloads\81787d39-ce2b-465c-80f7-96683a22a134.tmp</t>
  </si>
  <si>
    <t>01/16/2020 14:35:34</t>
  </si>
  <si>
    <t>01/16/2020 14:36:05</t>
  </si>
  <si>
    <t>01/16/2020 14:37:36</t>
  </si>
  <si>
    <t>outlook.office.com/owa/service.svc?action=CreateItem&amp;app=Mail&amp;n=219</t>
  </si>
  <si>
    <t>01/16/2020 14:34:25</t>
  </si>
  <si>
    <t>8516B825.tmp</t>
  </si>
  <si>
    <t>\\acsfs\ACS\Gabriel da Silva\Contemporânea\Gen\8516B825.tmp</t>
  </si>
  <si>
    <t>01/16/2020 14:34:43</t>
  </si>
  <si>
    <t>~$Agent_Utilization_Report_Dez.xlsx</t>
  </si>
  <si>
    <t>\\acsfs\ACS\Gabriel da Silva\Contemporânea\Gen\~$Agent_Utilization_Report_Dez.xlsx</t>
  </si>
  <si>
    <t>01/16/2020 14:35:30</t>
  </si>
  <si>
    <t>01/16/2020 14:33:32</t>
  </si>
  <si>
    <t>601250e0-c550-4d54-96ff-3e5c6338dde0.tmp</t>
  </si>
  <si>
    <t>\\acsfs\profiles$\fabianobmf\Downloads\601250e0-c550-4d54-96ff-3e5c6338dde0.tmp</t>
  </si>
  <si>
    <t>01/16/2020 14:38:37</t>
  </si>
  <si>
    <t>01/16/2020 14:38:04</t>
  </si>
  <si>
    <t>0e077827-a1c9-4cbf-860f-21be3ebd748e.tmp</t>
  </si>
  <si>
    <t>\\acsfs\profiles$\quindaizaagds\Downloads\0e077827-a1c9-4cbf-860f-21be3ebd748e.tmp</t>
  </si>
  <si>
    <t>01/16/2020 14:34:46</t>
  </si>
  <si>
    <t>01/16/2020 14:40:36</t>
  </si>
  <si>
    <t>01/16/2020 14:34:56</t>
  </si>
  <si>
    <t>01/16/2020 14:35:06</t>
  </si>
  <si>
    <t>01/16/2020 14:35:08</t>
  </si>
  <si>
    <t>01/16/2020 14:35:22</t>
  </si>
  <si>
    <t>01/16/2020 14:35:33</t>
  </si>
  <si>
    <t>01/16/2020 14:35:43</t>
  </si>
  <si>
    <t>01/16/2020 14:35:50</t>
  </si>
  <si>
    <t>01/16/2020 14:36:01</t>
  </si>
  <si>
    <t>01/16/2020 14:36:11</t>
  </si>
  <si>
    <t>01/16/2020 14:36:14</t>
  </si>
  <si>
    <t>01/16/2020 14:36:28</t>
  </si>
  <si>
    <t>01/16/2020 14:36:40</t>
  </si>
  <si>
    <t>01/16/2020 14:36:46</t>
  </si>
  <si>
    <t>01/16/2020 14:36:56</t>
  </si>
  <si>
    <t>01/16/2020 14:37:14</t>
  </si>
  <si>
    <t>01/16/2020 14:37:30</t>
  </si>
  <si>
    <t>01/16/2020 14:37:45</t>
  </si>
  <si>
    <t>01/16/2020 14:37:50</t>
  </si>
  <si>
    <t>01/16/2020 14:37:53</t>
  </si>
  <si>
    <t>01/16/2020 14:38:00</t>
  </si>
  <si>
    <t>01/16/2020 14:38:25</t>
  </si>
  <si>
    <t>01/16/2020 14:36:25</t>
  </si>
  <si>
    <t>01/16/2020 14:41:36</t>
  </si>
  <si>
    <t>\\acsfs\profiles$\talitafdc\My Documents\</t>
  </si>
  <si>
    <t>retenção.txt</t>
  </si>
  <si>
    <t>\\acsfs\profiles$\talitafdc\My Documents\retenção.txt</t>
  </si>
  <si>
    <t>01/16/2020 14:36:31</t>
  </si>
  <si>
    <t>01/16/2020 14:36:32</t>
  </si>
  <si>
    <t>01/16/2020 14:36:35</t>
  </si>
  <si>
    <t>01/16/2020 14:37:05</t>
  </si>
  <si>
    <t>01/16/2020 14:38:36</t>
  </si>
  <si>
    <t>01/16/2020 14:39:07</t>
  </si>
  <si>
    <t>01/16/2020 14:37:57</t>
  </si>
  <si>
    <t>01/16/2020 14:42:36</t>
  </si>
  <si>
    <t>.~lock.Agent_Utilization_Report_Dez.xlsx#</t>
  </si>
  <si>
    <t>\\acsfs\ACS\Gabriel da Silva\Contemporânea\Gen\.~lock.Agent_Utilization_Report_Dez.xlsx#</t>
  </si>
  <si>
    <t>01/16/2020 14:41:51</t>
  </si>
  <si>
    <t>.~lock.TMO_Dez.ods#</t>
  </si>
  <si>
    <t>\\acsfs\ACS\Gabriel da Silva\Contemporânea\.~lock.TMO_Dez.ods#</t>
  </si>
  <si>
    <t>01/16/2020 14:41:54</t>
  </si>
  <si>
    <t>lu9936ble4d.tmp</t>
  </si>
  <si>
    <t>\\acsfs\ACS\Gabriel da Silva\Contemporânea\lu9936ble4d.tmp</t>
  </si>
  <si>
    <t>\\acsfs\ACS\Gabriel da Silva\Contemporânea\lu9936ble4d.tmp\Basic\</t>
  </si>
  <si>
    <t>\\acsfs\ACS\Gabriel da Silva\Contemporânea\lu9936ble4d.tmp\Basic\Standard\</t>
  </si>
  <si>
    <t>\\acsfs\ACS\Gabriel da Silva\Contemporânea\lu9936ble4d.tmp\Basic\VBAProject\</t>
  </si>
  <si>
    <t>\\acsfs\ACS\Gabriel da Silva\Contemporânea\lu9936ble4d.tmp\</t>
  </si>
  <si>
    <t>\\acsfs\ACS\Gabriel da Silva\Contemporânea\lu9936ble4d.tmp\META-INF\</t>
  </si>
  <si>
    <t>\\acsfs\ACS\Gabriel da Silva\Contemporânea\lu9936ble4d.tmp\Thumbnails\</t>
  </si>
  <si>
    <t>01/16/2020 14:40:16</t>
  </si>
  <si>
    <t>01/16/2020 14:43:36</t>
  </si>
  <si>
    <t>9ac82809-9530-4809-aa8b-25f9996f52e0.tmp</t>
  </si>
  <si>
    <t>\\acsfs\profiles$\quindaizaagds\Downloads\9ac82809-9530-4809-aa8b-25f9996f52e0.tmp</t>
  </si>
  <si>
    <t>01/16/2020 14:39:57</t>
  </si>
  <si>
    <t>01/16/2020 14:44:36</t>
  </si>
  <si>
    <t>01/16/2020 14:40:02</t>
  </si>
  <si>
    <t>01/16/2020 14:45:36</t>
  </si>
  <si>
    <t>01/16/2020 14:44:13</t>
  </si>
  <si>
    <t>fd2f128c-cff9-4318-9984-5b128abbb230.tmp</t>
  </si>
  <si>
    <t>\\acsfs\profiles$\milenaas\Downloads\fd2f128c-cff9-4318-9984-5b128abbb230.tmp</t>
  </si>
  <si>
    <t>01/16/2020 14:39:46</t>
  </si>
  <si>
    <t>01/16/2020 14:40:08</t>
  </si>
  <si>
    <t>01/16/2020 14:40:14</t>
  </si>
  <si>
    <t>01/16/2020 14:40:18</t>
  </si>
  <si>
    <t>01/16/2020 14:40:43</t>
  </si>
  <si>
    <t>01/16/2020 14:40:44</t>
  </si>
  <si>
    <t>01/16/2020 14:40:50</t>
  </si>
  <si>
    <t>01/16/2020 14:41:16</t>
  </si>
  <si>
    <t>01/16/2020 14:41:23</t>
  </si>
  <si>
    <t>01/16/2020 14:43:40</t>
  </si>
  <si>
    <t>01/16/2020 14:46:36</t>
  </si>
  <si>
    <t>01/16/2020 14:44:10</t>
  </si>
  <si>
    <t>01/16/2020 14:44:17</t>
  </si>
  <si>
    <t>01/16/2020 14:47:36</t>
  </si>
  <si>
    <t>lu8412ilbh.tmp</t>
  </si>
  <si>
    <t>\\acsfs\profiles$\VICTORIAKSR\Downloads\lu8412ilbh.tmp</t>
  </si>
  <si>
    <t>01/16/2020 14:42:48</t>
  </si>
  <si>
    <t>01/16/2020 14:42:51</t>
  </si>
  <si>
    <t>lu9936ble4i.tmp</t>
  </si>
  <si>
    <t>\\acsfs\ACS\Gabriel da Silva\Contemporânea\lu9936ble4i.tmp</t>
  </si>
  <si>
    <t>\\acsfs\ACS\Gabriel da Silva\Contemporânea\lu9936ble4i.tmp\Basic\</t>
  </si>
  <si>
    <t>\\acsfs\ACS\Gabriel da Silva\Contemporânea\lu9936ble4i.tmp\Basic\Standard\</t>
  </si>
  <si>
    <t>\\acsfs\ACS\Gabriel da Silva\Contemporânea\lu9936ble4i.tmp\Basic\VBAProject\</t>
  </si>
  <si>
    <t>\\acsfs\ACS\Gabriel da Silva\Contemporânea\lu9936ble4i.tmp\</t>
  </si>
  <si>
    <t>\\acsfs\ACS\Gabriel da Silva\Contemporânea\lu9936ble4i.tmp\META-INF\</t>
  </si>
  <si>
    <t>\\acsfs\ACS\Gabriel da Silva\Contemporânea\lu9936ble4i.tmp\Thumbnails\</t>
  </si>
  <si>
    <t>01/16/2020 14:44:56</t>
  </si>
  <si>
    <t>01/16/2020 14:48:36</t>
  </si>
  <si>
    <t>01/16/2020 14:44:26</t>
  </si>
  <si>
    <t>99226628-ec06-4d05-8e9b-5e522181f77c.tmp</t>
  </si>
  <si>
    <t>\\acsfs\profiles$\quindaizaagds\Downloads\99226628-ec06-4d05-8e9b-5e522181f77c.tmp</t>
  </si>
  <si>
    <t>01/16/2020 14:49:37</t>
  </si>
  <si>
    <t>01/16/2020 14:44:22</t>
  </si>
  <si>
    <t>b96fff68-5159-4661-afd7-3efa9774a0a5.tmp</t>
  </si>
  <si>
    <t>\\acsfs\profiles$\philipegsf\Downloads\b96fff68-5159-4661-afd7-3efa9774a0a5.tmp</t>
  </si>
  <si>
    <t>01/16/2020 14:45:20</t>
  </si>
  <si>
    <t>9a7c72fd-11f9-4f59-a7cd-f340beb7bf80.tmp</t>
  </si>
  <si>
    <t>\\acsfs\profiles$\philipegsf\Downloads\9a7c72fd-11f9-4f59-a7cd-f340beb7bf80.tmp</t>
  </si>
  <si>
    <t>01/16/2020 14:45:45</t>
  </si>
  <si>
    <t>45dfe676-8b29-4015-8f0a-dc04bb0c2bc3.tmp</t>
  </si>
  <si>
    <t>\\acsfs\profiles$\henriqueco\Downloads\45dfe676-8b29-4015-8f0a-dc04bb0c2bc3.tmp</t>
  </si>
  <si>
    <t>01/16/2020 14:47:07</t>
  </si>
  <si>
    <t>24721d3f-9090-4e45-830a-13c6f32ba627.tmp</t>
  </si>
  <si>
    <t>\\acsfs\profiles$\henriqueco\Downloads\24721d3f-9090-4e45-830a-13c6f32ba627.tmp</t>
  </si>
  <si>
    <t>01/16/2020 14:50:36</t>
  </si>
  <si>
    <t>01/16/2020 14:45:40</t>
  </si>
  <si>
    <t>7d8f661c-5c84-4f81-9e41-7cd77f485cac.tmp</t>
  </si>
  <si>
    <t>\\acsfs\profiles$\milenaas\Downloads\7d8f661c-5c84-4f81-9e41-7cd77f485cac.tmp</t>
  </si>
  <si>
    <t>01/16/2020 14:47:37</t>
  </si>
  <si>
    <t>e6901c6c-9d4d-4734-aa0b-cfe0be8118bb.tmp</t>
  </si>
  <si>
    <t>\\acsfs\profiles$\milenaas\Downloads\e6901c6c-9d4d-4734-aa0b-cfe0be8118bb.tmp</t>
  </si>
  <si>
    <t>01/16/2020 14:48:20</t>
  </si>
  <si>
    <t>ADEVILSON GABRIEL LINDEMBERG EVANGELISTA_1_6777420361235512858_1_32.wav</t>
  </si>
  <si>
    <t>\\acsfs\Deptos\EDUCACAO EMPRESARIAL\FERNANDA MONIT\Fernanda\MONITORIA JANEIRO\Ligação para MUTANT segundo ciclo janeiro\ADEVILSON GABRIEL LINDEMBERG EVANGELISTA_1_6777420361235512858_1_32.wav</t>
  </si>
  <si>
    <t>01/16/2020 14:48:37</t>
  </si>
  <si>
    <t>01/16/2020 14:48:44</t>
  </si>
  <si>
    <t>01/16/2020 14:48:58</t>
  </si>
  <si>
    <t>01/16/2020 14:49:09</t>
  </si>
  <si>
    <t>01/16/2020 14:49:13</t>
  </si>
  <si>
    <t>01/16/2020 14:49:19</t>
  </si>
  <si>
    <t>01/16/2020 14:49:26</t>
  </si>
  <si>
    <t>01/16/2020 14:49:40</t>
  </si>
  <si>
    <t>01/16/2020 14:50:42</t>
  </si>
  <si>
    <t>01/16/2020 14:52:36</t>
  </si>
  <si>
    <t>51df4d14-a63c-4cfa-99df-cbf08a67aec6.tmp</t>
  </si>
  <si>
    <t>\\acsfs\profiles$\antoniosva\Downloads\51df4d14-a63c-4cfa-99df-cbf08a67aec6.tmp</t>
  </si>
  <si>
    <t>01/16/2020 14:51:06</t>
  </si>
  <si>
    <t>c6ecaf9a-967e-495d-bc29-632e0cad2e02.tmp</t>
  </si>
  <si>
    <t>\\acsfs\profiles$\antoniosva\Downloads\c6ecaf9a-967e-495d-bc29-632e0cad2e02.tmp</t>
  </si>
  <si>
    <t>01/16/2020 14:47:31</t>
  </si>
  <si>
    <t>bde20806-0949-40f6-9ca4-ca488a13ccb2.tmp</t>
  </si>
  <si>
    <t>\\acsfs\profiles$\gabrielsma\Downloads\bde20806-0949-40f6-9ca4-ca488a13ccb2.tmp</t>
  </si>
  <si>
    <t>01/16/2020 14:47:38</t>
  </si>
  <si>
    <t>Não confirmado 455353.crdownload</t>
  </si>
  <si>
    <t>\\acsfs\ACS\Gabriel da Silva\Contemporânea\Acessos\Não confirmado 455353.crdownload</t>
  </si>
  <si>
    <t>01/16/2020 14:47:47</t>
  </si>
  <si>
    <t>01/16/2020 14:47:23</t>
  </si>
  <si>
    <t>01/16/2020 14:47:27</t>
  </si>
  <si>
    <t>01/16/2020 14:47:28</t>
  </si>
  <si>
    <t>01/16/2020 14:47:29</t>
  </si>
  <si>
    <t>01/16/2020 14:47:30</t>
  </si>
  <si>
    <t>01/16/2020 14:47:33</t>
  </si>
  <si>
    <t>01/16/2020 14:47:35</t>
  </si>
  <si>
    <t>01/16/2020 14:47:39</t>
  </si>
  <si>
    <t>01/16/2020 14:47:40</t>
  </si>
  <si>
    <t>01/16/2020 14:47:42</t>
  </si>
  <si>
    <t>01/16/2020 14:47:43</t>
  </si>
  <si>
    <t>01/16/2020 14:47:44</t>
  </si>
  <si>
    <t>01/16/2020 14:47:45</t>
  </si>
  <si>
    <t>01/16/2020 14:47:46</t>
  </si>
  <si>
    <t>01/16/2020 14:47:49</t>
  </si>
  <si>
    <t>01/16/2020 14:47:50</t>
  </si>
  <si>
    <t>01/16/2020 14:47:54</t>
  </si>
  <si>
    <t>01/16/2020 14:47:55</t>
  </si>
  <si>
    <t>01/16/2020 14:47:57</t>
  </si>
  <si>
    <t>01/16/2020 14:47:58</t>
  </si>
  <si>
    <t>01/16/2020 14:47:59</t>
  </si>
  <si>
    <t>01/16/2020 14:48:00</t>
  </si>
  <si>
    <t>01/16/2020 14:48:03</t>
  </si>
  <si>
    <t>01/16/2020 14:48:04</t>
  </si>
  <si>
    <t>01/16/2020 14:48:05</t>
  </si>
  <si>
    <t>01/16/2020 14:48:06</t>
  </si>
  <si>
    <t>01/16/2020 14:48:08</t>
  </si>
  <si>
    <t>01/16/2020 14:48:09</t>
  </si>
  <si>
    <t>01/16/2020 14:48:10</t>
  </si>
  <si>
    <t>01/16/2020 14:48:11</t>
  </si>
  <si>
    <t>01/16/2020 14:48:12</t>
  </si>
  <si>
    <t>01/16/2020 14:48:13</t>
  </si>
  <si>
    <t>01/16/2020 14:48:15</t>
  </si>
  <si>
    <t>01/16/2020 14:48:16</t>
  </si>
  <si>
    <t>01/16/2020 14:48:17</t>
  </si>
  <si>
    <t>01/16/2020 14:48:19</t>
  </si>
  <si>
    <t>01/16/2020 14:48:23</t>
  </si>
  <si>
    <t>01/16/2020 14:48:25</t>
  </si>
  <si>
    <t>01/16/2020 14:48:49</t>
  </si>
  <si>
    <t>01/16/2020 14:51:59</t>
  </si>
  <si>
    <t>01/16/2020 14:54:36</t>
  </si>
  <si>
    <t>\\acsfs\Deptos\Operacao\Banco_Votorantim\Supervisao\Maristela\CRBV vendas\Desligamento\Não confirmado 617833.crdownload\</t>
  </si>
  <si>
    <t>\\acsfs\Deptos\Operacao\Banco_Votorantim\Supervisao\Maristela\CRBV vendas\Desligamento\Não confirmado 617833.crdownload</t>
  </si>
  <si>
    <t>Não confirmado 617833.crdownload</t>
  </si>
  <si>
    <t>01/16/2020 14:52:02</t>
  </si>
  <si>
    <t>0d547f49-d3a7-4c7a-a6c1-d515f4ab26dc.tmp</t>
  </si>
  <si>
    <t>\\acsfs\profiles$\wedersonbadr\My Documents\My Music\0d547f49-d3a7-4c7a-a6c1-d515f4ab26dc.tmp</t>
  </si>
  <si>
    <t>01/16/2020 14:55:36</t>
  </si>
  <si>
    <t>01/15/2020 21:27:47</t>
  </si>
  <si>
    <t>01/15/2020 21:27:48</t>
  </si>
  <si>
    <t>lu166643qs47z.tmp</t>
  </si>
  <si>
    <t>\\acsfs\profiles$\rafaelacdoc\lu166643qs47z.tmp</t>
  </si>
  <si>
    <t>\\acsfs\profiles$\rafaelacdoc\lu166643qs47z.tmp\</t>
  </si>
  <si>
    <t>\\acsfs\profiles$\rafaelacdoc\lu166643qs47z.tmp\META-INF\</t>
  </si>
  <si>
    <t>01/16/2020 14:51:45</t>
  </si>
  <si>
    <t>01/16/2020 14:51:50</t>
  </si>
  <si>
    <t>01/16/2020 14:53:25</t>
  </si>
  <si>
    <t>\\acsfs\profiles$\rafaelacdoc\lu166643qs47z.tmp\Thumbnails\</t>
  </si>
  <si>
    <t>01/16/2020 14:53:29</t>
  </si>
  <si>
    <t>01/15/2020 15:53:42</t>
  </si>
  <si>
    <t>01/16/2020 14:56:36</t>
  </si>
  <si>
    <t>2a47189c-6c62-4be7-a205-1aa268b87f04.tmp</t>
  </si>
  <si>
    <t>\\acsfs\profiles$\cintiadjl\Downloads\2a47189c-6c62-4be7-a205-1aa268b87f04.tmp</t>
  </si>
  <si>
    <t>01/16/2020 14:54:43</t>
  </si>
  <si>
    <t>34b70468-468a-4008-bbd1-3445858b4935.tmp</t>
  </si>
  <si>
    <t>\\acsfs\profiles$\cintiadjl\Downloads\34b70468-468a-4008-bbd1-3445858b4935.tmp</t>
  </si>
  <si>
    <t>01/16/2020 14:57:36</t>
  </si>
  <si>
    <t>01/16/2020 14:55:14</t>
  </si>
  <si>
    <t>lu2733221pjx9.tmp</t>
  </si>
  <si>
    <t>\\acsfs\profiles$\RAFAELRF\meu\lu2733221pjx9.tmp</t>
  </si>
  <si>
    <t>\\acsfs\profiles$\RAFAELRF\meu\lu2733221pjx9.tmp\</t>
  </si>
  <si>
    <t>\\acsfs\profiles$\RAFAELRF\meu\lu2733221pjx9.tmp\META-INF\</t>
  </si>
  <si>
    <t>\\acsfs\profiles$\RAFAELRF\meu\lu2733221pjx9.tmp\Thumbnails\</t>
  </si>
  <si>
    <t>01/16/2020 14:53:04</t>
  </si>
  <si>
    <t>97790bbb-ce51-4521-9b5e-316c6d93f675.tmp</t>
  </si>
  <si>
    <t>\\acsfs\profiles$\fernandofs\Downloads\97790bbb-ce51-4521-9b5e-316c6d93f675.tmp</t>
  </si>
  <si>
    <t>01/16/2020 14:53:10</t>
  </si>
  <si>
    <t>58e8b57a-f4ed-44ab-813a-37b4fba223f1.tmp</t>
  </si>
  <si>
    <t>\\acsfs\profiles$\fernandofs\Downloads\58e8b57a-f4ed-44ab-813a-37b4fba223f1.tmp</t>
  </si>
  <si>
    <t>01/16/2020 14:56:35</t>
  </si>
  <si>
    <t>01/16/2020 14:56:37</t>
  </si>
  <si>
    <t>01/16/2020 14:56:38</t>
  </si>
  <si>
    <t>01/16/2020 14:56:40</t>
  </si>
  <si>
    <t>01/16/2020 14:56:41</t>
  </si>
  <si>
    <t>01/16/2020 14:56:42</t>
  </si>
  <si>
    <t>01/16/2020 14:56:43</t>
  </si>
  <si>
    <t>01/16/2020 14:56:44</t>
  </si>
  <si>
    <t>01/16/2020 14:56:45</t>
  </si>
  <si>
    <t>01/16/2020 14:56:46</t>
  </si>
  <si>
    <t>01/16/2020 14:56:47</t>
  </si>
  <si>
    <t>01/16/2020 14:56:48</t>
  </si>
  <si>
    <t>01/16/2020 14:56:49</t>
  </si>
  <si>
    <t>01/16/2020 14:56:51</t>
  </si>
  <si>
    <t>01/16/2020 14:56:52</t>
  </si>
  <si>
    <t>01/16/2020 14:56:54</t>
  </si>
  <si>
    <t>01/16/2020 14:56:57</t>
  </si>
  <si>
    <t>01/16/2020 14:56:59</t>
  </si>
  <si>
    <t>01/16/2020 14:57:00</t>
  </si>
  <si>
    <t>01/16/2020 14:57:02</t>
  </si>
  <si>
    <t>01/16/2020 14:57:03</t>
  </si>
  <si>
    <t>01/16/2020 14:57:04</t>
  </si>
  <si>
    <t>01/16/2020 14:57:06</t>
  </si>
  <si>
    <t>01/16/2020 14:57:08</t>
  </si>
  <si>
    <t>01/16/2020 14:57:09</t>
  </si>
  <si>
    <t>01/16/2020 14:57:10</t>
  </si>
  <si>
    <t>01/16/2020 14:57:11</t>
  </si>
  <si>
    <t>01/16/2020 14:57:13</t>
  </si>
  <si>
    <t>01/16/2020 14:57:15</t>
  </si>
  <si>
    <t>01/16/2020 14:57:16</t>
  </si>
  <si>
    <t>01/16/2020 14:57:18</t>
  </si>
  <si>
    <t>01/16/2020 14:57:21</t>
  </si>
  <si>
    <t>01/16/2020 14:57:23</t>
  </si>
  <si>
    <t>01/16/2020 14:57:24</t>
  </si>
  <si>
    <t>01/16/2020 14:57:38</t>
  </si>
  <si>
    <t>01/16/2020 14:58:36</t>
  </si>
  <si>
    <t>1220 - ENVIO DE LIGAÇÃO - 1174819 MASTER - QUISLANE EDNA DA SILVA ZADRA.pdf</t>
  </si>
  <si>
    <t>\\acsfs\Deptos\EDUCACAO EMPRESARIAL\KÉSIA\LIGAÇÕES 1220\1220 - ENVIO DE LIGAÇÃO - 1174819 MASTER - QUISLANE EDNA DA SILVA ZADRA.pdf</t>
  </si>
  <si>
    <t>01/16/2020 15:00:36</t>
  </si>
  <si>
    <t>01/16/2020 14:55:52</t>
  </si>
  <si>
    <t>8957010e-321c-4e40-a236-b3c91822a531.tmp</t>
  </si>
  <si>
    <t>\\acsfs\profiles$\rafaelacdoc\Downloads\8957010e-321c-4e40-a236-b3c91822a531.tmp</t>
  </si>
  <si>
    <t>mail.google.com/sync/u/0/i/s?hl=pt-BR&amp;c=353</t>
  </si>
  <si>
    <t>01/16/2020 14:56:25</t>
  </si>
  <si>
    <t>42138f5c-c500-490a-8537-a60b96798da2.tmp</t>
  </si>
  <si>
    <t>\\acsfs\profiles$\rafaelacdoc\Downloads\42138f5c-c500-490a-8537-a60b96798da2.tmp</t>
  </si>
  <si>
    <t>01/16/2020 14:56:53</t>
  </si>
  <si>
    <t>6146905d-cda1-4ccd-aab7-5eaba23d2613.tmp</t>
  </si>
  <si>
    <t>\\acsfs\profiles$\rafaelacdoc\Downloads\6146905d-cda1-4ccd-aab7-5eaba23d2613.tmp</t>
  </si>
  <si>
    <t>01/16/2020 14:57:54</t>
  </si>
  <si>
    <t>31b98530-f897-4e63-8764-f404ffcbe2a3.tmp</t>
  </si>
  <si>
    <t>\\acsfs\profiles$\rafaelacdoc\Downloads\31b98530-f897-4e63-8764-f404ffcbe2a3.tmp</t>
  </si>
  <si>
    <t>01/16/2020 15:01:36</t>
  </si>
  <si>
    <t>5ea56b7a-e378-49e3-8f5b-75f49a39c82f.tmp</t>
  </si>
  <si>
    <t>\\acsfs\profiles$\milenaas\Downloads\5ea56b7a-e378-49e3-8f5b-75f49a39c82f.tmp</t>
  </si>
  <si>
    <t>01/16/2020 14:58:49</t>
  </si>
  <si>
    <t>63e7f38c-ab12-4f02-b741-bbed1754d470.tmp</t>
  </si>
  <si>
    <t>\\acsfs\profiles$\milenaas\Downloads\63e7f38c-ab12-4f02-b741-bbed1754d470.tmp</t>
  </si>
  <si>
    <t>01/16/2020 15:00:29</t>
  </si>
  <si>
    <t>b64f94e2-31a7-40c5-b63c-693782d4e6b1.tmp</t>
  </si>
  <si>
    <t>\\acsfs\profiles$\milenaas\Downloads\b64f94e2-31a7-40c5-b63c-693782d4e6b1.tmp</t>
  </si>
  <si>
    <t>01/16/2020 14:57:50</t>
  </si>
  <si>
    <t>01/16/2020 15:00:52</t>
  </si>
  <si>
    <t>01/16/2020 15:02:36</t>
  </si>
  <si>
    <t>01/16/2020 14:58:44</t>
  </si>
  <si>
    <t>bvcartes-supervisores@algarnet.onmicrosoft.com;bvs-centralcartoes@bv.com.br;leonardoao@algartech.com;ricardodfm@algartech.com;</t>
  </si>
  <si>
    <t>bvcartes-supervisores@algarnet.onmicrosoft.com,bvs-centralcartoes@bv.com.br,leonardoao@algartech.com,ricardodfm@algartech.com</t>
  </si>
  <si>
    <t>01/16/2020 14:58:51</t>
  </si>
  <si>
    <t>mail.google.com/sync/u/0/i/s?hl=pt-BR&amp;c=1002</t>
  </si>
  <si>
    <t>01/16/2020 14:59:04</t>
  </si>
  <si>
    <t>bvcartes-supervisores@algarnet.onmicrosoft.com;bvs-centralcartoes@bv.com.br;leonardoao@algartech.com;ricardodfm@algartech.com;thiagordu@algartech.com;</t>
  </si>
  <si>
    <t>bvcartes-supervisores@algarnet.onmicrosoft.com,bvs-centralcartoes@bv.com.br,leonardoao@algartech.com,ricardodfm@algartech.com,thiagordu@algartech.com</t>
  </si>
  <si>
    <t>01/16/2020 15:01:25</t>
  </si>
  <si>
    <t>7bf6444e-06af-4939-81d5-890cb76f016f.tmp</t>
  </si>
  <si>
    <t>\\acsfs\profiles$\vivianealda\Downloads\7bf6444e-06af-4939-81d5-890cb76f016f.tmp</t>
  </si>
  <si>
    <t>01/16/2020 14:58:15</t>
  </si>
  <si>
    <t>cb8c0bc9-6fd7-4264-a603-6cee635be44d.tmp</t>
  </si>
  <si>
    <t>\\acsfs\profiles$\LUISPLS\Downloads\cb8c0bc9-6fd7-4264-a603-6cee635be44d.tmp</t>
  </si>
  <si>
    <t>01/16/2020 15:02:01</t>
  </si>
  <si>
    <t>501edd36-60bb-43ac-bdb8-f293e87cc469.tmp</t>
  </si>
  <si>
    <t>\\acsfs\profiles$\brunalas\Downloads\501edd36-60bb-43ac-bdb8-f293e87cc469.tmp</t>
  </si>
  <si>
    <t>01/16/2020 15:02:29</t>
  </si>
  <si>
    <t>01/16/2020 14:58:28</t>
  </si>
  <si>
    <t>01/16/2020 15:03:36</t>
  </si>
  <si>
    <t>01/16/2020 14:59:03</t>
  </si>
  <si>
    <t>backofficebv@dxc.com;jean.loiola@bv.com.br;jose.ric.dos-santos@dxc.com;larissa.alcantara@bv.com.br;talmaiardo@algartech.com;thiagordu@algartech.com;</t>
  </si>
  <si>
    <t>backofficebv@dxc.com,jean.loiola@bv.com.br,jose.ric.dos-santos@dxc.com,larissa.alcantara@bv.com.br,talmaiardo@algartech.com,thiagordu@algartech.com</t>
  </si>
  <si>
    <t>01/16/2020 14:59:07</t>
  </si>
  <si>
    <t>01/16/2020 14:59:26</t>
  </si>
  <si>
    <t>01/16/2020 14:59:40</t>
  </si>
  <si>
    <t>01/16/2020 14:59:42</t>
  </si>
  <si>
    <t>01/16/2020 15:00:05</t>
  </si>
  <si>
    <t>01/16/2020 15:00:11</t>
  </si>
  <si>
    <t>01/16/2020 15:01:11</t>
  </si>
  <si>
    <t>01/16/2020 15:02:51</t>
  </si>
  <si>
    <t>01/16/2020 15:04:36</t>
  </si>
  <si>
    <t>01/16/2020 15:03:42</t>
  </si>
  <si>
    <t>cfc39650-5200-4432-97d7-17457e642584.tmp</t>
  </si>
  <si>
    <t>\\acsfs\profiles$\nathaliarmr\Downloads\cfc39650-5200-4432-97d7-17457e642584.tmp</t>
  </si>
  <si>
    <t>01/16/2020 15:01:44</t>
  </si>
  <si>
    <t>\\acsfs\profiles$\laurandos\My Documents\My Pictures\</t>
  </si>
  <si>
    <t>\\acsfs\profiles$\laurandos\My Documents\My Videos\desktop.ini</t>
  </si>
  <si>
    <t>01/16/2020 15:01:46</t>
  </si>
  <si>
    <t>\\acsfs\profiles$\laurandos\My Documents\My Videos\</t>
  </si>
  <si>
    <t>01/16/2020 15:01:47</t>
  </si>
  <si>
    <t>01/16/2020 15:01:48</t>
  </si>
  <si>
    <t>01/16/2020 15:01:49</t>
  </si>
  <si>
    <t>01/16/2020 15:01:50</t>
  </si>
  <si>
    <t>\\acsfs\profiles$\laurandos\My Documents\My Music\</t>
  </si>
  <si>
    <t>\\acsfs\profiles$\laurandos\My Documents\My Pictures\desktop.ini</t>
  </si>
  <si>
    <t>01/16/2020 15:01:51</t>
  </si>
  <si>
    <t>01/16/2020 15:01:52</t>
  </si>
  <si>
    <t>01/16/2020 15:01:53</t>
  </si>
  <si>
    <t>01/16/2020 15:01:55</t>
  </si>
  <si>
    <t>\\acsfs\profiles$\laurandos\Contacts\</t>
  </si>
  <si>
    <t>\\acsfs\profiles$\laurandos\Contacts\desktop.ini</t>
  </si>
  <si>
    <t>01/16/2020 15:01:56</t>
  </si>
  <si>
    <t>01/16/2020 15:01:57</t>
  </si>
  <si>
    <t>01/16/2020 15:01:58</t>
  </si>
  <si>
    <t>01/16/2020 15:01:59</t>
  </si>
  <si>
    <t>01/16/2020 15:02:00</t>
  </si>
  <si>
    <t>\\acsfs\profiles$\laurandos\My Documents\</t>
  </si>
  <si>
    <t>\\acsfs\profiles$\laurandos\Favorites\desktop.ini</t>
  </si>
  <si>
    <t>01/16/2020 15:02:02</t>
  </si>
  <si>
    <t>01/16/2020 15:02:03</t>
  </si>
  <si>
    <t>01/16/2020 15:02:05</t>
  </si>
  <si>
    <t>01/16/2020 15:02:06</t>
  </si>
  <si>
    <t>01/16/2020 15:02:07</t>
  </si>
  <si>
    <t>\\acsfs\profiles$\laurandos\My Documents\My Music\desktop.ini</t>
  </si>
  <si>
    <t>01/16/2020 15:02:08</t>
  </si>
  <si>
    <t>01/16/2020 15:02:09</t>
  </si>
  <si>
    <t>01/16/2020 15:02:10</t>
  </si>
  <si>
    <t>01/16/2020 15:02:11</t>
  </si>
  <si>
    <t>01/16/2020 15:02:12</t>
  </si>
  <si>
    <t>\\acsfs\profiles$\laurandos\Searches\</t>
  </si>
  <si>
    <t>\\acsfs\profiles$\laurandos\Searches\desktop.ini</t>
  </si>
  <si>
    <t>01/16/2020 15:02:13</t>
  </si>
  <si>
    <t>01/16/2020 15:02:15</t>
  </si>
  <si>
    <t>01/16/2020 15:02:16</t>
  </si>
  <si>
    <t>01/16/2020 15:02:17</t>
  </si>
  <si>
    <t>\\acsfs\profiles$\laurandos\Downloads\desktop.ini</t>
  </si>
  <si>
    <t>01/16/2020 15:02:18</t>
  </si>
  <si>
    <t>01/16/2020 15:02:19</t>
  </si>
  <si>
    <t>\\acsfs\profiles$\laurandos\Favorites\</t>
  </si>
  <si>
    <t>\\acsfs\profiles$\laurandos\My Documents\desktop.ini</t>
  </si>
  <si>
    <t>01/16/2020 15:02:22</t>
  </si>
  <si>
    <t>01/16/2020 15:02:23</t>
  </si>
  <si>
    <t>01/16/2020 15:02:24</t>
  </si>
  <si>
    <t>01/16/2020 15:02:25</t>
  </si>
  <si>
    <t>01/16/2020 15:02:27</t>
  </si>
  <si>
    <t>\\acsfs\profiles$\laurandos\Saved Games\desktop.ini</t>
  </si>
  <si>
    <t>01/16/2020 15:02:30</t>
  </si>
  <si>
    <t>01/16/2020 15:02:47</t>
  </si>
  <si>
    <t>winrt--{S-1-5-21-602162358-764733703-839522115-358570}-.searchconnector-ms</t>
  </si>
  <si>
    <t>\\acsfs\profiles$\laurandos\Searches\winrt--{S-1-5-21-602162358-764733703-839522115-358570}-.searchconnector-ms</t>
  </si>
  <si>
    <t>01/16/2020 15:04:01</t>
  </si>
  <si>
    <t>1408812f-9292-44c4-8b8e-da72874bab5e.tmp</t>
  </si>
  <si>
    <t>\\acsfs\profiles$\laurandos\Downloads\1408812f-9292-44c4-8b8e-da72874bab5e.tmp</t>
  </si>
  <si>
    <t>01/16/2020 15:05:36</t>
  </si>
  <si>
    <t>01/16/2020 15:04:41</t>
  </si>
  <si>
    <t>01/16/2020 15:04:49</t>
  </si>
  <si>
    <t>01/16/2020 15:00:37</t>
  </si>
  <si>
    <t>01/16/2020 15:04:29</t>
  </si>
  <si>
    <t>01/16/2020 15:04:34</t>
  </si>
  <si>
    <t>lu156202imcen.tmp</t>
  </si>
  <si>
    <t>\\acsfs\profiles$\Flaviojmm\My Documents\lu156202imcen.tmp</t>
  </si>
  <si>
    <t>\\acsfs\profiles$\Flaviojmm\My Documents\lu156202imcen.tmp\</t>
  </si>
  <si>
    <t>\\acsfs\profiles$\Flaviojmm\My Documents\lu156202imcen.tmp\META-INF\</t>
  </si>
  <si>
    <t>\\acsfs\profiles$\Flaviojmm\My Documents\lu156202imcen.tmp\Thumbnails\</t>
  </si>
  <si>
    <t>01/16/2020 15:03:21</t>
  </si>
  <si>
    <t>01/16/2020 15:06:36</t>
  </si>
  <si>
    <t>d4c6d1bc-6cd2-4460-a2c3-dcda717b2a39.tmp</t>
  </si>
  <si>
    <t>\\acsfs\profiles$\milenaas\Downloads\d4c6d1bc-6cd2-4460-a2c3-dcda717b2a39.tmp</t>
  </si>
  <si>
    <t>01/16/2020 15:01:22</t>
  </si>
  <si>
    <t>01/16/2020 15:04:40</t>
  </si>
  <si>
    <t>01/16/2020 15:07:36</t>
  </si>
  <si>
    <t>01/16/2020 15:04:42</t>
  </si>
  <si>
    <t>01/16/2020 15:04:44</t>
  </si>
  <si>
    <t>01/16/2020 15:04:45</t>
  </si>
  <si>
    <t>01/16/2020 15:04:53</t>
  </si>
  <si>
    <t>01/16/2020 15:04:06</t>
  </si>
  <si>
    <t>3da587d3-4378-4f96-a6a4-52e6825943fc.tmp</t>
  </si>
  <si>
    <t>\\acsfs\profiles$\brunalas\Downloads\3da587d3-4378-4f96-a6a4-52e6825943fc.tmp</t>
  </si>
  <si>
    <t>01/16/2020 15:05:05</t>
  </si>
  <si>
    <t>01/16/2020 15:08:36</t>
  </si>
  <si>
    <t>lu10556ftqy.tmp</t>
  </si>
  <si>
    <t>\\acsfs\profiles$\VIVIANALDS\My Documents\lu10556ftqy.tmp</t>
  </si>
  <si>
    <t>\\acsfs\profiles$\VIVIANALDS\My Documents\lu10556ftqy.tmp\</t>
  </si>
  <si>
    <t>\\acsfs\profiles$\VIVIANALDS\My Documents\lu10556ftqy.tmp\META-INF\</t>
  </si>
  <si>
    <t>\\acsfs\profiles$\VIVIANALDS\My Documents\lu10556ftqy.tmp\Thumbnails\</t>
  </si>
  <si>
    <t>01/16/2020 15:05:43</t>
  </si>
  <si>
    <t>01/16/2020 15:05:44</t>
  </si>
  <si>
    <t>lu10556ftr2.tmp</t>
  </si>
  <si>
    <t>\\acsfs\profiles$\VIVIANALDS\My Documents\lu10556ftr2.tmp</t>
  </si>
  <si>
    <t>\\acsfs\profiles$\VIVIANALDS\My Documents\lu10556ftr2.tmp\</t>
  </si>
  <si>
    <t>\\acsfs\profiles$\VIVIANALDS\My Documents\lu10556ftr2.tmp\META-INF\</t>
  </si>
  <si>
    <t>\\acsfs\profiles$\VIVIANALDS\My Documents\lu10556ftr2.tmp\Thumbnails\</t>
  </si>
  <si>
    <t>01/16/2020 15:03:56</t>
  </si>
  <si>
    <t>01/16/2020 15:09:36</t>
  </si>
  <si>
    <t>01/16/2020 15:05:02</t>
  </si>
  <si>
    <t>22b33149-3f8f-41c0-937b-87f572a40cc2.tmp</t>
  </si>
  <si>
    <t>\\acsfs\profiles$\laurandos\Downloads\22b33149-3f8f-41c0-937b-87f572a40cc2.tmp</t>
  </si>
  <si>
    <t>01/16/2020 15:10:36</t>
  </si>
  <si>
    <t>01/16/2020 15:06:21</t>
  </si>
  <si>
    <t>01/16/2020 15:06:26</t>
  </si>
  <si>
    <t>01/16/2020 15:06:49</t>
  </si>
  <si>
    <t>01/16/2020 15:07:10</t>
  </si>
  <si>
    <t>01/16/2020 15:07:29</t>
  </si>
  <si>
    <t>01/16/2020 15:07:48</t>
  </si>
  <si>
    <t>01/16/2020 15:07:06</t>
  </si>
  <si>
    <t>01/16/2020 15:07:12</t>
  </si>
  <si>
    <t>01/16/2020 15:08:17</t>
  </si>
  <si>
    <t>Welidi Cristina De Jesus_1_6777402330962797545_1_32.wav</t>
  </si>
  <si>
    <t>\\acsfs\Deptos\EDUCACAO EMPRESARIAL\FERNANDA MONIT\Fernanda\MONITORIA JANEIRO\Ligação para MUTANT segundo ciclo janeiro\Welidi Cristina De Jesus_1_6777402330962797545_1_32.wav</t>
  </si>
  <si>
    <t>01/16/2020 15:08:43</t>
  </si>
  <si>
    <t>01/16/2020 15:09:13</t>
  </si>
  <si>
    <t>01/16/2020 15:09:33</t>
  </si>
  <si>
    <t>01/16/2020 15:09:44</t>
  </si>
  <si>
    <t>01/16/2020 15:09:47</t>
  </si>
  <si>
    <t>mail.google.com/sync/u/0/i/s?hl=pt-BR&amp;c=384</t>
  </si>
  <si>
    <t>01/16/2020 15:06:06</t>
  </si>
  <si>
    <t>01/16/2020 15:06:33</t>
  </si>
  <si>
    <t>01/16/2020 15:06:51</t>
  </si>
  <si>
    <t>01/16/2020 15:10:31</t>
  </si>
  <si>
    <t>01/16/2020 15:11:36</t>
  </si>
  <si>
    <t>01/16/2020 15:10:37</t>
  </si>
  <si>
    <t>lu232362w233r.tmp</t>
  </si>
  <si>
    <t>\\acsfs\profiles$\LUCASBS\RENEG BV\Consolidado\lu232362w233r.tmp</t>
  </si>
  <si>
    <t>\\acsfs\profiles$\LUCASBS\RENEG BV\Consolidado\lu232362w233r.tmp\</t>
  </si>
  <si>
    <t>\\acsfs\profiles$\LUCASBS\RENEG BV\Consolidado\lu232362w233r.tmp\META-INF\</t>
  </si>
  <si>
    <t>\\acsfs\profiles$\LUCASBS\RENEG BV\Consolidado\lu232362w233r.tmp\Thumbnails\</t>
  </si>
  <si>
    <t>01/16/2020 15:07:35</t>
  </si>
  <si>
    <t>6bbe224a-d27d-43f2-a624-edeed45fba19.tmp</t>
  </si>
  <si>
    <t>\\acsfs\profiles$\milenaas\Downloads\6bbe224a-d27d-43f2-a624-edeed45fba19.tmp</t>
  </si>
  <si>
    <t>01/16/2020 15:08:33</t>
  </si>
  <si>
    <t>afc070da-10b8-48d5-a4d0-a673215b1933.tmp</t>
  </si>
  <si>
    <t>\\acsfs\profiles$\milenaas\Downloads\afc070da-10b8-48d5-a4d0-a673215b1933.tmp</t>
  </si>
  <si>
    <t>01/16/2020 15:08:55</t>
  </si>
  <si>
    <t>810f8b9f-8314-425d-896b-480856ae2a9e.tmp</t>
  </si>
  <si>
    <t>\\acsfs\profiles$\milenaas\Downloads\810f8b9f-8314-425d-896b-480856ae2a9e.tmp</t>
  </si>
  <si>
    <t>01/16/2020 15:09:59</t>
  </si>
  <si>
    <t>650e80fd-b269-4a6c-81a3-1442af49e617.tmp</t>
  </si>
  <si>
    <t>\\acsfs\profiles$\milenaas\Downloads\650e80fd-b269-4a6c-81a3-1442af49e617.tmp</t>
  </si>
  <si>
    <t>01/16/2020 15:10:56</t>
  </si>
  <si>
    <t>.~lock.isabelle 16.01.2020.ods#</t>
  </si>
  <si>
    <t>\\acsfs\profiles$\ISABELLEGTDS\Nova pasta\.~lock.isabelle 16.01.2020.ods#</t>
  </si>
  <si>
    <t>01/16/2020 15:11:01</t>
  </si>
  <si>
    <t>lu1367612p2dl.tmp</t>
  </si>
  <si>
    <t>\\acsfs\profiles$\ISABELLEGTDS\Nova pasta\lu1367612p2dl.tmp</t>
  </si>
  <si>
    <t>\\acsfs\profiles$\ISABELLEGTDS\Nova pasta\lu1367612p2dl.tmp\</t>
  </si>
  <si>
    <t>\\acsfs\profiles$\ISABELLEGTDS\Nova pasta\lu1367612p2dl.tmp\META-INF\</t>
  </si>
  <si>
    <t>\\acsfs\profiles$\ISABELLEGTDS\Nova pasta\lu1367612p2dl.tmp\Thumbnails\</t>
  </si>
  <si>
    <t>01/16/2020 15:12:37</t>
  </si>
  <si>
    <t>01/16/2020 15:11:56</t>
  </si>
  <si>
    <t>XLOG_tiagosno_16012020_071317.log</t>
  </si>
  <si>
    <t>\\acsfs\profiles$\tiagosno\My Documents\xworkcenter\logs\XLOG_tiagosno_16012020_071317.log</t>
  </si>
  <si>
    <t>01/16/2020 15:09:38</t>
  </si>
  <si>
    <t>be23c1b8-9415-4c67-96cf-e9ce522a8be6;</t>
  </si>
  <si>
    <t>outlook.office.com/owa/service.svc?action=CreateItem&amp;app=Mail&amp;n=306</t>
  </si>
  <si>
    <t>andrelpsa@algartech.com;eliane.martins@bv.com.br;robsonams@algartech.com;yuriifd@algartech.com;</t>
  </si>
  <si>
    <t>andrelpsa@algartech.com,eliane.martins@bv.com.br,robsonams@algartech.com,yuriifd@algartech.com</t>
  </si>
  <si>
    <t>01/16/2020 15:09:57</t>
  </si>
  <si>
    <t>outlook.office.com/owa/service.svc?action=CreateItem&amp;app=Mail&amp;n=318</t>
  </si>
  <si>
    <t>01/16/2020 15:09:28</t>
  </si>
  <si>
    <t>01/16/2020 15:12:54</t>
  </si>
  <si>
    <t>01/16/2020 15:13:36</t>
  </si>
  <si>
    <t>bf2e6228-30d7-4f6f-b535-8ae5b8632ded.tmp</t>
  </si>
  <si>
    <t>\\acsfs\profiles$\inarajst\Downloads\bf2e6228-30d7-4f6f-b535-8ae5b8632ded.tmp</t>
  </si>
  <si>
    <t>01/16/2020 15:09:58</t>
  </si>
  <si>
    <t>01/16/2020 15:15:36</t>
  </si>
  <si>
    <t>01/16/2020 15:13:10</t>
  </si>
  <si>
    <t>39e9f26a-5f51-4b71-a26c-8364957d66c2.tmp</t>
  </si>
  <si>
    <t>\\acsfs\profiles$\rafaelacdoc\Downloads\39e9f26a-5f51-4b71-a26c-8364957d66c2.tmp</t>
  </si>
  <si>
    <t>01/16/2020 15:10:00</t>
  </si>
  <si>
    <t>01/16/2020 15:10:11</t>
  </si>
  <si>
    <t>01/16/2020 15:10:14</t>
  </si>
  <si>
    <t>mail.google.com/sync/u/0/i/s?hl=pt-BR&amp;c=393</t>
  </si>
  <si>
    <t>01/16/2020 15:11:04</t>
  </si>
  <si>
    <t>01/16/2020 15:16:36</t>
  </si>
  <si>
    <t>01/16/2020 15:15:01</t>
  </si>
  <si>
    <t>01/16/2020 15:11:12</t>
  </si>
  <si>
    <t>01/16/2020 15:11:18</t>
  </si>
  <si>
    <t>lu232362w233w.tmp</t>
  </si>
  <si>
    <t>\\acsfs\profiles$\LUCASBS\RENEG BV\Consolidado\lu232362w233w.tmp</t>
  </si>
  <si>
    <t>\\acsfs\profiles$\LUCASBS\RENEG BV\Consolidado\lu232362w233w.tmp\</t>
  </si>
  <si>
    <t>\\acsfs\profiles$\LUCASBS\RENEG BV\Consolidado\lu232362w233w.tmp\META-INF\</t>
  </si>
  <si>
    <t>\\acsfs\profiles$\LUCASBS\RENEG BV\Consolidado\lu232362w233w.tmp\Thumbnails\</t>
  </si>
  <si>
    <t>01/16/2020 15:15:10</t>
  </si>
  <si>
    <t>01/16/2020 15:14:37</t>
  </si>
  <si>
    <t>01/16/2020 15:16:37</t>
  </si>
  <si>
    <t>juceliaoda</t>
  </si>
  <si>
    <t>\\acsfs\profiles$\juceliaoda\My Documents\My Pictures\</t>
  </si>
  <si>
    <t>\\acsfs\profiles$\juceliaoda\My Documents\My Videos\desktop.ini</t>
  </si>
  <si>
    <t>01/16/2020 15:14:38</t>
  </si>
  <si>
    <t>\\acsfs\profiles$\juceliaoda\My Documents\My Videos\</t>
  </si>
  <si>
    <t>01/16/2020 15:14:57</t>
  </si>
  <si>
    <t>01/16/2020 15:15:05</t>
  </si>
  <si>
    <t>01/16/2020 15:15:06</t>
  </si>
  <si>
    <t>\\acsfs\profiles$\juceliaoda\My Documents\My Music\</t>
  </si>
  <si>
    <t>\\acsfs\profiles$\juceliaoda\My Documents\My Pictures\desktop.ini</t>
  </si>
  <si>
    <t>01/16/2020 15:15:11</t>
  </si>
  <si>
    <t>01/16/2020 15:15:17</t>
  </si>
  <si>
    <t>01/16/2020 15:15:21</t>
  </si>
  <si>
    <t>01/16/2020 15:15:22</t>
  </si>
  <si>
    <t>\\acsfs\profiles$\juceliaoda\Contacts\</t>
  </si>
  <si>
    <t>\\acsfs\profiles$\juceliaoda\Contacts\desktop.ini</t>
  </si>
  <si>
    <t>01/16/2020 15:15:23</t>
  </si>
  <si>
    <t>01/16/2020 15:15:25</t>
  </si>
  <si>
    <t>01/16/2020 15:15:26</t>
  </si>
  <si>
    <t>01/16/2020 15:15:28</t>
  </si>
  <si>
    <t>01/16/2020 15:15:30</t>
  </si>
  <si>
    <t>01/16/2020 15:15:39</t>
  </si>
  <si>
    <t>\\acsfs\profiles$\juceliaoda\My Documents\</t>
  </si>
  <si>
    <t>\\acsfs\profiles$\juceliaoda\Favorites\desktop.ini</t>
  </si>
  <si>
    <t>01/16/2020 15:15:41</t>
  </si>
  <si>
    <t>01/16/2020 15:15:42</t>
  </si>
  <si>
    <t>01/16/2020 15:15:44</t>
  </si>
  <si>
    <t>01/16/2020 15:15:46</t>
  </si>
  <si>
    <t>01/16/2020 15:15:47</t>
  </si>
  <si>
    <t>01/16/2020 15:15:48</t>
  </si>
  <si>
    <t>\\acsfs\profiles$\juceliaoda\My Documents\My Music\desktop.ini</t>
  </si>
  <si>
    <t>01/16/2020 15:15:51</t>
  </si>
  <si>
    <t>01/16/2020 15:15:53</t>
  </si>
  <si>
    <t>01/16/2020 15:15:56</t>
  </si>
  <si>
    <t>\\acsfs\profiles$\juceliaoda\Searches\</t>
  </si>
  <si>
    <t>\\acsfs\profiles$\juceliaoda\Searches\desktop.ini</t>
  </si>
  <si>
    <t>01/16/2020 15:15:57</t>
  </si>
  <si>
    <t>01/16/2020 15:15:58</t>
  </si>
  <si>
    <t>01/16/2020 15:15:59</t>
  </si>
  <si>
    <t>01/16/2020 15:16:00</t>
  </si>
  <si>
    <t>\\acsfs\profiles$\juceliaoda\Downloads\</t>
  </si>
  <si>
    <t>\\acsfs\profiles$\juceliaoda\Downloads\desktop.ini</t>
  </si>
  <si>
    <t>01/16/2020 15:16:01</t>
  </si>
  <si>
    <t>01/16/2020 15:16:02</t>
  </si>
  <si>
    <t>\\acsfs\profiles$\juceliaoda\Favorites\</t>
  </si>
  <si>
    <t>\\acsfs\profiles$\juceliaoda\My Documents\desktop.ini</t>
  </si>
  <si>
    <t>01/16/2020 15:16:04</t>
  </si>
  <si>
    <t>01/16/2020 15:16:05</t>
  </si>
  <si>
    <t>01/16/2020 15:16:06</t>
  </si>
  <si>
    <t>01/16/2020 15:16:08</t>
  </si>
  <si>
    <t>\\acsfs\profiles$\juceliaoda\Saved Games\desktop.ini</t>
  </si>
  <si>
    <t>01/16/2020 15:12:47</t>
  </si>
  <si>
    <t>01/16/2020 15:13:59</t>
  </si>
  <si>
    <t>01/16/2020 15:17:36</t>
  </si>
  <si>
    <t>XLOG_anacdos_16012020_071014.log</t>
  </si>
  <si>
    <t>\\acsfs\profiles$\anacdos\My Documents\xworkcenter\logs\XLOG_anacdos_16012020_071014.log</t>
  </si>
  <si>
    <t>01/16/2020 15:13:22</t>
  </si>
  <si>
    <t>01/16/2020 15:17:06</t>
  </si>
  <si>
    <t>01/16/2020 15:18:36</t>
  </si>
  <si>
    <t>1f44c446-edaf-4f33-83d4-18478569b4bf.tmp</t>
  </si>
  <si>
    <t>\\acsfs\profiles$\vivianalds\Downloads\1f44c446-edaf-4f33-83d4-18478569b4bf.tmp</t>
  </si>
  <si>
    <t>01/16/2020 15:17:37</t>
  </si>
  <si>
    <t>e1b8e906-0f07-4267-b7e0-f668ccea2868.tmp</t>
  </si>
  <si>
    <t>\\acsfs\profiles$\vivianalds\Downloads\e1b8e906-0f07-4267-b7e0-f668ccea2868.tmp</t>
  </si>
  <si>
    <t>01/16/2020 15:16:28</t>
  </si>
  <si>
    <t>01/16/2020 15:19:36</t>
  </si>
  <si>
    <t>978cc568-19e9-4c78-9f9d-59d3fe06ba26.tmp</t>
  </si>
  <si>
    <t>\\acsfs\profiles$\larissaad\Downloads\978cc568-19e9-4c78-9f9d-59d3fe06ba26.tmp</t>
  </si>
  <si>
    <t>01/16/2020 15:14:15</t>
  </si>
  <si>
    <t>9086d74f-5c75-42ac-9420-703d05104361.tmp</t>
  </si>
  <si>
    <t>\\acsfs\profiles$\leticiala\Downloads\9086d74f-5c75-42ac-9420-703d05104361.tmp</t>
  </si>
  <si>
    <t>01/16/2020 15:20:36</t>
  </si>
  <si>
    <t>01/16/2020 15:18:42</t>
  </si>
  <si>
    <t>NATHALIA RIOS MODESTO RODRIGUES_1_6777386272080072716_1_32.wav</t>
  </si>
  <si>
    <t>\\acsfs\Deptos\EDUCACAO EMPRESARIAL\FERNANDA MONIT\Fernanda\MONITORIA JANEIRO\Ligação para MUTANT segundo ciclo janeiro\NATHALIA RIOS MODESTO RODRIGUES_1_6777386272080072716_1_32.wav</t>
  </si>
  <si>
    <t>01/16/2020 15:19:04</t>
  </si>
  <si>
    <t>01/16/2020 15:19:11</t>
  </si>
  <si>
    <t>01/16/2020 15:19:55</t>
  </si>
  <si>
    <t>01/16/2020 15:21:36</t>
  </si>
  <si>
    <t>01/16/2020 15:22:08</t>
  </si>
  <si>
    <t>01/16/2020 15:22:37</t>
  </si>
  <si>
    <t>01/16/2020 15:22:09</t>
  </si>
  <si>
    <t>lu2733221pjxp.tmp</t>
  </si>
  <si>
    <t>\\acsfs\profiles$\RAFAELRF\meu\lu2733221pjxp.tmp</t>
  </si>
  <si>
    <t>01/16/2020 15:25:36</t>
  </si>
  <si>
    <t>01/16/2020 15:21:19</t>
  </si>
  <si>
    <t>\\acsfs\profiles$\taylaedoa\My Documents\My Pictures\</t>
  </si>
  <si>
    <t>\\acsfs\profiles$\taylaedoa\My Documents\My Videos\desktop.ini</t>
  </si>
  <si>
    <t>01/16/2020 15:21:23</t>
  </si>
  <si>
    <t>\\acsfs\profiles$\taylaedoa\My Documents\My Videos\</t>
  </si>
  <si>
    <t>01/16/2020 15:21:24</t>
  </si>
  <si>
    <t>01/16/2020 15:21:26</t>
  </si>
  <si>
    <t>01/16/2020 15:21:30</t>
  </si>
  <si>
    <t>01/16/2020 15:21:32</t>
  </si>
  <si>
    <t>\\acsfs\profiles$\taylaedoa\My Documents\My Music\</t>
  </si>
  <si>
    <t>\\acsfs\profiles$\taylaedoa\My Documents\My Pictures\desktop.ini</t>
  </si>
  <si>
    <t>01/16/2020 15:21:33</t>
  </si>
  <si>
    <t>01/16/2020 15:21:37</t>
  </si>
  <si>
    <t>01/16/2020 15:21:38</t>
  </si>
  <si>
    <t>01/16/2020 15:21:45</t>
  </si>
  <si>
    <t>\\acsfs\profiles$\taylaedoa\Contacts\</t>
  </si>
  <si>
    <t>\\acsfs\profiles$\taylaedoa\Contacts\desktop.ini</t>
  </si>
  <si>
    <t>01/16/2020 15:22:01</t>
  </si>
  <si>
    <t>01/16/2020 15:22:02</t>
  </si>
  <si>
    <t>01/16/2020 15:22:03</t>
  </si>
  <si>
    <t>01/16/2020 15:22:04</t>
  </si>
  <si>
    <t>01/16/2020 15:22:06</t>
  </si>
  <si>
    <t>01/16/2020 15:22:17</t>
  </si>
  <si>
    <t>\\acsfs\profiles$\taylaedoa\My Documents\</t>
  </si>
  <si>
    <t>\\acsfs\profiles$\taylaedoa\Favorites\desktop.ini</t>
  </si>
  <si>
    <t>01/16/2020 15:22:18</t>
  </si>
  <si>
    <t>01/16/2020 15:22:20</t>
  </si>
  <si>
    <t>01/16/2020 15:22:31</t>
  </si>
  <si>
    <t>01/16/2020 15:22:32</t>
  </si>
  <si>
    <t>01/16/2020 15:22:34</t>
  </si>
  <si>
    <t>01/16/2020 15:22:35</t>
  </si>
  <si>
    <t>\\acsfs\profiles$\taylaedoa\My Documents\My Music\desktop.ini</t>
  </si>
  <si>
    <t>01/16/2020 15:22:38</t>
  </si>
  <si>
    <t>01/16/2020 15:22:40</t>
  </si>
  <si>
    <t>01/16/2020 15:22:42</t>
  </si>
  <si>
    <t>\\acsfs\profiles$\taylaedoa\Searches\</t>
  </si>
  <si>
    <t>\\acsfs\profiles$\taylaedoa\Searches\desktop.ini</t>
  </si>
  <si>
    <t>01/16/2020 15:22:44</t>
  </si>
  <si>
    <t>01/16/2020 15:20:30</t>
  </si>
  <si>
    <t>01/16/2020 15:22:45</t>
  </si>
  <si>
    <t>01/16/2020 15:22:46</t>
  </si>
  <si>
    <t>01/16/2020 15:22:47</t>
  </si>
  <si>
    <t>01/16/2020 15:22:48</t>
  </si>
  <si>
    <t>\\acsfs\profiles$\taylaedoa\Downloads\desktop.ini</t>
  </si>
  <si>
    <t>01/16/2020 15:22:49</t>
  </si>
  <si>
    <t>01/16/2020 15:22:50</t>
  </si>
  <si>
    <t>\\acsfs\profiles$\taylaedoa\Favorites\</t>
  </si>
  <si>
    <t>\\acsfs\profiles$\taylaedoa\My Documents\desktop.ini</t>
  </si>
  <si>
    <t>01/16/2020 15:22:51</t>
  </si>
  <si>
    <t>01/16/2020 15:22:52</t>
  </si>
  <si>
    <t>01/16/2020 15:22:53</t>
  </si>
  <si>
    <t>01/16/2020 15:22:54</t>
  </si>
  <si>
    <t>01/16/2020 15:22:55</t>
  </si>
  <si>
    <t>\\acsfs\profiles$\taylaedoa\Saved Games\desktop.ini</t>
  </si>
  <si>
    <t>01/16/2020 15:22:57</t>
  </si>
  <si>
    <t>01/16/2020 15:23:21</t>
  </si>
  <si>
    <t>winrt--{S-1-5-21-602162358-764733703-839522115-358552}-.searchconnector-ms</t>
  </si>
  <si>
    <t>\\acsfs\profiles$\taylaedoa\Searches\winrt--{S-1-5-21-602162358-764733703-839522115-358552}-.searchconnector-ms</t>
  </si>
  <si>
    <t>01/16/2020 15:20:10</t>
  </si>
  <si>
    <t>01/16/2020 15:20:19</t>
  </si>
  <si>
    <t>01/16/2020 15:20:25</t>
  </si>
  <si>
    <t>01/16/2020 15:20:43</t>
  </si>
  <si>
    <t>01/16/2020 15:26:36</t>
  </si>
  <si>
    <t>01/16/2020 15:21:12</t>
  </si>
  <si>
    <t>d049a788-4bb6-4724-928b-4a5adc25843a.tmp</t>
  </si>
  <si>
    <t>\\acsfs\profiles$\milenaas\Downloads\d049a788-4bb6-4724-928b-4a5adc25843a.tmp</t>
  </si>
  <si>
    <t>274d245c-3e1d-4218-ab9e-1b2623efac5c.tmp</t>
  </si>
  <si>
    <t>\\acsfs\profiles$\milenaas\Downloads\274d245c-3e1d-4218-ab9e-1b2623efac5c.tmp</t>
  </si>
  <si>
    <t>01/16/2020 15:23:31</t>
  </si>
  <si>
    <t>d18e279c-aae4-46ac-b858-a6ddd92e41cd.tmp</t>
  </si>
  <si>
    <t>\\acsfs\profiles$\milenaas\Downloads\d18e279c-aae4-46ac-b858-a6ddd92e41cd.tmp</t>
  </si>
  <si>
    <t>01/16/2020 15:23:39</t>
  </si>
  <si>
    <t>45bd71c6-01f2-4a39-be7e-73b6dfd7c086.tmp</t>
  </si>
  <si>
    <t>\\acsfs\profiles$\milenaas\Downloads\45bd71c6-01f2-4a39-be7e-73b6dfd7c086.tmp</t>
  </si>
  <si>
    <t>01/16/2020 15:27:36</t>
  </si>
  <si>
    <t>\\acsfs\profiles$\RAFAELRF\meu\lu2733221pjxp.tmp\</t>
  </si>
  <si>
    <t>\\acsfs\profiles$\RAFAELRF\meu\lu2733221pjxp.tmp\META-INF\</t>
  </si>
  <si>
    <t>\\acsfs\profiles$\RAFAELRF\meu\lu2733221pjxp.tmp\Thumbnails\</t>
  </si>
  <si>
    <t>01/16/2020 15:25:56</t>
  </si>
  <si>
    <t>01/16/2020 15:28:37</t>
  </si>
  <si>
    <t>976969a7-7544-4f4f-a644-893b9477f6b4.tmp</t>
  </si>
  <si>
    <t>\\acsfs\profiles$\inarajst\Downloads\976969a7-7544-4f4f-a644-893b9477f6b4.tmp</t>
  </si>
  <si>
    <t>01/16/2020 15:28:13</t>
  </si>
  <si>
    <t>44075f2f-9543-431c-830b-7228e927a347.tmp</t>
  </si>
  <si>
    <t>\\acsfs\profiles$\andreapdsg\Downloads\44075f2f-9543-431c-830b-7228e927a347.tmp</t>
  </si>
  <si>
    <t>01/16/2020 15:27:22</t>
  </si>
  <si>
    <t>01/16/2020 15:29:36</t>
  </si>
  <si>
    <t>8b2861a7-4b4c-4d5d-a2a2-b95d4669401c.tmp</t>
  </si>
  <si>
    <t>\\acsfs\profiles$\larissaad\Downloads\8b2861a7-4b4c-4d5d-a2a2-b95d4669401c.tmp</t>
  </si>
  <si>
    <t>01/16/2020 15:29:16</t>
  </si>
  <si>
    <t>01/16/2020 15:30:36</t>
  </si>
  <si>
    <t>57e8728b-b44a-4430-9f9f-0ec05f0bcf6b.tmp</t>
  </si>
  <si>
    <t>\\acsfs\profiles$\brendadsl\Downloads\57e8728b-b44a-4430-9f9f-0ec05f0bcf6b.tmp</t>
  </si>
  <si>
    <t>01/16/2020 15:28:21</t>
  </si>
  <si>
    <t>01/16/2020 15:25:07</t>
  </si>
  <si>
    <t>2ea108ee-e86f-4591-bd79-cf31f5eeea9f.tmp</t>
  </si>
  <si>
    <t>\\acsfs\profiles$\taylaedoa\Downloads\2ea108ee-e86f-4591-bd79-cf31f5eeea9f.tmp</t>
  </si>
  <si>
    <t>01/16/2020 15:26:15</t>
  </si>
  <si>
    <t>f796d0d2-4cd5-48ef-a118-d5e4f79ad129.tmp</t>
  </si>
  <si>
    <t>\\acsfs\profiles$\taylaedoa\Downloads\f796d0d2-4cd5-48ef-a118-d5e4f79ad129.tmp</t>
  </si>
  <si>
    <t>01/16/2020 15:26:49</t>
  </si>
  <si>
    <t>e4357c24-bd60-4d77-9632-8f0e65ba75c4.tmp</t>
  </si>
  <si>
    <t>\\acsfs\profiles$\taylaedoa\Downloads\e4357c24-bd60-4d77-9632-8f0e65ba75c4.tmp</t>
  </si>
  <si>
    <t>01/16/2020 15:26:18</t>
  </si>
  <si>
    <t>01/16/2020 15:31:36</t>
  </si>
  <si>
    <t>01/16/2020 15:26:50</t>
  </si>
  <si>
    <t>01/16/2020 15:28:26</t>
  </si>
  <si>
    <t>01/16/2020 15:28:32</t>
  </si>
  <si>
    <t>01/16/2020 15:28:35</t>
  </si>
  <si>
    <t>01/16/2020 15:28:38</t>
  </si>
  <si>
    <t>01/16/2020 15:31:10</t>
  </si>
  <si>
    <t>47ef1c84-67f4-48a5-9d02-0d17b6dc458a.tmp</t>
  </si>
  <si>
    <t>\\acsfs\profiles$\joselrb\Downloads\47ef1c84-67f4-48a5-9d02-0d17b6dc458a.tmp</t>
  </si>
  <si>
    <t>01/16/2020 15:33:36</t>
  </si>
  <si>
    <t>01/16/2020 15:29:44</t>
  </si>
  <si>
    <t>4dffde34-097a-4c2a-b4a5-feb8fe374de9.tmp</t>
  </si>
  <si>
    <t>\\acsfs\profiles$\andreapdsg\Downloads\4dffde34-097a-4c2a-b4a5-feb8fe374de9.tmp</t>
  </si>
  <si>
    <t>01/16/2020 15:30:52</t>
  </si>
  <si>
    <t>01/16/2020 15:34:36</t>
  </si>
  <si>
    <t>6c8bcb51-961d-44e9-8d7e-c96799b65ed9.tmp</t>
  </si>
  <si>
    <t>\\acsfs\profiles$\nycolleemdj\Downloads\6c8bcb51-961d-44e9-8d7e-c96799b65ed9.tmp</t>
  </si>
  <si>
    <t>01/16/2020 15:31:53</t>
  </si>
  <si>
    <t>07c6431a-1d13-4b5f-823d-f50f0a871771.tmp</t>
  </si>
  <si>
    <t>\\acsfs\profiles$\nycolleemdj\Downloads\07c6431a-1d13-4b5f-823d-f50f0a871771.tmp</t>
  </si>
  <si>
    <t>01/16/2020 15:31:17</t>
  </si>
  <si>
    <t>9b2a7244-f2bc-4603-be27-cf011eb6a1a9.tmp</t>
  </si>
  <si>
    <t>\\acsfs\profiles$\lorraynevam\Downloads\9b2a7244-f2bc-4603-be27-cf011eb6a1a9.tmp</t>
  </si>
  <si>
    <t>01/16/2020 15:31:56</t>
  </si>
  <si>
    <t>a9c11320-d60a-4c58-b0a1-b2c7e06247d2.tmp</t>
  </si>
  <si>
    <t>\\acsfs\profiles$\lorraynevam\Downloads\a9c11320-d60a-4c58-b0a1-b2c7e06247d2.tmp</t>
  </si>
  <si>
    <t>01/16/2020 15:32:43</t>
  </si>
  <si>
    <t>be51fe76-6a39-484f-a0ab-266fc2c4ecb5.tmp</t>
  </si>
  <si>
    <t>\\acsfs\profiles$\laurandos\Downloads\be51fe76-6a39-484f-a0ab-266fc2c4ecb5.tmp</t>
  </si>
  <si>
    <t>01/16/2020 15:32:46</t>
  </si>
  <si>
    <t>c5ad973c-a3f8-4504-8829-fe86d805afff.tmp</t>
  </si>
  <si>
    <t>\\acsfs\profiles$\laurandos\Downloads\c5ad973c-a3f8-4504-8829-fe86d805afff.tmp</t>
  </si>
  <si>
    <t>01/16/2020 15:35:36</t>
  </si>
  <si>
    <t>01/16/2020 15:32:31</t>
  </si>
  <si>
    <t>01/16/2020 15:32:56</t>
  </si>
  <si>
    <t>mail.google.com/sync/u/0/i/s?hl=pt-BR&amp;c=431</t>
  </si>
  <si>
    <t>01/16/2020 15:33:02</t>
  </si>
  <si>
    <t>01/16/2020 15:33:12</t>
  </si>
  <si>
    <t>01/16/2020 15:33:24</t>
  </si>
  <si>
    <t>01/16/2020 15:33:28</t>
  </si>
  <si>
    <t>01/16/2020 15:33:41</t>
  </si>
  <si>
    <t>01/16/2020 15:33:49</t>
  </si>
  <si>
    <t>01/16/2020 15:33:50</t>
  </si>
  <si>
    <t>01/16/2020 15:33:52</t>
  </si>
  <si>
    <t>mail.google.com/sync/u/0/i/s?hl=pt-BR&amp;c=446</t>
  </si>
  <si>
    <t>01/16/2020 15:34:28</t>
  </si>
  <si>
    <t>01/16/2020 15:34:50</t>
  </si>
  <si>
    <t>01/16/2020 15:34:33</t>
  </si>
  <si>
    <t>01/16/2020 15:36:36</t>
  </si>
  <si>
    <t>XLOG_ellencds_16012020_073036.log</t>
  </si>
  <si>
    <t>\\acsfs\profiles$\ellencds\My Documents\xworkcenter\logs\XLOG_ellencds_16012020_073036.log</t>
  </si>
  <si>
    <t>01/16/2020 15:32:17</t>
  </si>
  <si>
    <t>01/16/2020 15:33:48</t>
  </si>
  <si>
    <t>01/16/2020 15:37:36</t>
  </si>
  <si>
    <t>ef231106-9168-472b-9b1c-b86cbb4bcbf2.tmp</t>
  </si>
  <si>
    <t>\\acsfs\profiles$\victoriaksr\Downloads\ef231106-9168-472b-9b1c-b86cbb4bcbf2.tmp</t>
  </si>
  <si>
    <t>01/16/2020 15:34:34</t>
  </si>
  <si>
    <t>\\acsfs\profiles$\VICTORIAKSR\Downloads\.~lock.Status Filas.xlsx#</t>
  </si>
  <si>
    <t>ea1df7eb-b8d9-4cb4-8117-3c0085ed613d.tmp</t>
  </si>
  <si>
    <t>\\acsfs\profiles$\fabianobmf\Downloads\ea1df7eb-b8d9-4cb4-8117-3c0085ed613d.tmp</t>
  </si>
  <si>
    <t>01/16/2020 15:36:40</t>
  </si>
  <si>
    <t>01/16/2020 15:38:36</t>
  </si>
  <si>
    <t>01/16/2020 15:36:35</t>
  </si>
  <si>
    <t>01/16/2020 15:39:36</t>
  </si>
  <si>
    <t>01/16/2020 15:31:34</t>
  </si>
  <si>
    <t>c8cde732-907f-4783-b8a9-34307022d2e9.tmp</t>
  </si>
  <si>
    <t>\\acsfs\profiles$\marcosvnds\Downloads\c8cde732-907f-4783-b8a9-34307022d2e9.tmp</t>
  </si>
  <si>
    <t>01/16/2020 15:40:36</t>
  </si>
  <si>
    <t>01/16/2020 15:35:18</t>
  </si>
  <si>
    <t>01/16/2020 15:35:51</t>
  </si>
  <si>
    <t>01/16/2020 15:36:21</t>
  </si>
  <si>
    <t>01/16/2020 15:36:28</t>
  </si>
  <si>
    <t>01/16/2020 15:36:41</t>
  </si>
  <si>
    <t>01/16/2020 15:37:16</t>
  </si>
  <si>
    <t>01/16/2020 15:37:18</t>
  </si>
  <si>
    <t>01/16/2020 15:37:19</t>
  </si>
  <si>
    <t>01/16/2020 15:37:56</t>
  </si>
  <si>
    <t>01/16/2020 15:38:08</t>
  </si>
  <si>
    <t>01/16/2020 15:38:15</t>
  </si>
  <si>
    <t>01/16/2020 15:38:18</t>
  </si>
  <si>
    <t>01/16/2020 15:38:25</t>
  </si>
  <si>
    <t>01/16/2020 15:38:58</t>
  </si>
  <si>
    <t>01/16/2020 15:39:18</t>
  </si>
  <si>
    <t>mail.google.com/sync/u/0/i/s?hl=pt-BR&amp;c=493</t>
  </si>
  <si>
    <t>01/16/2020 15:39:46</t>
  </si>
  <si>
    <t>01/16/2020 15:39:54</t>
  </si>
  <si>
    <t>01/16/2020 15:36:17</t>
  </si>
  <si>
    <t>01/16/2020 15:41:36</t>
  </si>
  <si>
    <t>0130f021-a14a-437c-a1f1-51f4cbf1f2f0.tmp</t>
  </si>
  <si>
    <t>\\acsfs\profiles$\welidicdj\Downloads\0130f021-a14a-437c-a1f1-51f4cbf1f2f0.tmp</t>
  </si>
  <si>
    <t>01/16/2020 15:36:22</t>
  </si>
  <si>
    <t>01/16/2020 15:36:47</t>
  </si>
  <si>
    <t>01/16/2020 15:37:06</t>
  </si>
  <si>
    <t>fd597324-2eb8-4261-9fb6-b2d52c2b47df.tmp</t>
  </si>
  <si>
    <t>\\acsfs\profiles$\welidicdj\Downloads\fd597324-2eb8-4261-9fb6-b2d52c2b47df.tmp</t>
  </si>
  <si>
    <t>32cc1416-3d0c-4fa1-83c7-3860d6739837.tmp</t>
  </si>
  <si>
    <t>\\acsfs\profiles$\welidicdj\Downloads\32cc1416-3d0c-4fa1-83c7-3860d6739837.tmp</t>
  </si>
  <si>
    <t>01/16/2020 15:43:36</t>
  </si>
  <si>
    <t>3fb5ecc6-7388-4c5b-8266-10210f22e164.tmp</t>
  </si>
  <si>
    <t>\\acsfs\profiles$\inarajst\Downloads\3fb5ecc6-7388-4c5b-8266-10210f22e164.tmp</t>
  </si>
  <si>
    <t>01/16/2020 15:44:36</t>
  </si>
  <si>
    <t>01/16/2020 15:41:34</t>
  </si>
  <si>
    <t>63a0a547-6c0d-469a-846d-1529be2bcac7.tmp</t>
  </si>
  <si>
    <t>\\acsfs\profiles$\myllenardl\Downloads\63a0a547-6c0d-469a-846d-1529be2bcac7.tmp</t>
  </si>
  <si>
    <t>01/16/2020 15:43:02</t>
  </si>
  <si>
    <t>179ef61b-93f3-480c-a971-7c40acdc9e59.tmp</t>
  </si>
  <si>
    <t>\\acsfs\profiles$\marcosvnds\Downloads\179ef61b-93f3-480c-a971-7c40acdc9e59.tmp</t>
  </si>
  <si>
    <t>01/16/2020 15:45:36</t>
  </si>
  <si>
    <t>01/16/2020 15:41:11</t>
  </si>
  <si>
    <t>01/16/2020 15:41:13</t>
  </si>
  <si>
    <t>01/16/2020 15:41:23</t>
  </si>
  <si>
    <t>01/16/2020 15:44:45</t>
  </si>
  <si>
    <t>01/16/2020 15:45:13</t>
  </si>
  <si>
    <t>01/16/2020 15:46:25</t>
  </si>
  <si>
    <t>01/16/2020 15:47:36</t>
  </si>
  <si>
    <t>01/16/2020 15:43:26</t>
  </si>
  <si>
    <t>220c9db2-f44e-4dee-8198-51a767d013a3.tmp</t>
  </si>
  <si>
    <t>\\acsfs\profiles$\paulohaf\Downloads\220c9db2-f44e-4dee-8198-51a767d013a3.tmp</t>
  </si>
  <si>
    <t>01/16/2020 15:45:16</t>
  </si>
  <si>
    <t>1226296b-f5e5-4503-b891-4bb7eea3cf87.tmp</t>
  </si>
  <si>
    <t>\\acsfs\profiles$\paulohaf\Downloads\1226296b-f5e5-4503-b891-4bb7eea3cf87.tmp</t>
  </si>
  <si>
    <t>01/16/2020 15:47:23</t>
  </si>
  <si>
    <t>493fdc00-ec06-4c95-8fbc-09226e4ccf03.tmp</t>
  </si>
  <si>
    <t>\\acsfs\profiles$\paulohaf\Downloads\493fdc00-ec06-4c95-8fbc-09226e4ccf03.tmp</t>
  </si>
  <si>
    <t>01/16/2020 15:45:27</t>
  </si>
  <si>
    <t>0ac1b889-6491-41a5-8a47-9f69694b2fae.tmp</t>
  </si>
  <si>
    <t>\\acsfs\profiles$\LUISPLS\Downloads\0ac1b889-6491-41a5-8a47-9f69694b2fae.tmp</t>
  </si>
  <si>
    <t>01/16/2020 15:43:45</t>
  </si>
  <si>
    <t>01/16/2020 15:48:36</t>
  </si>
  <si>
    <t>78460165-5d14-4d74-98f7-b724ed847926.tmp</t>
  </si>
  <si>
    <t>\\acsfs\profiles$\inarajst\Downloads\78460165-5d14-4d74-98f7-b724ed847926.tmp</t>
  </si>
  <si>
    <t>01/16/2020 15:46:57</t>
  </si>
  <si>
    <t>01/16/2020 15:49:37</t>
  </si>
  <si>
    <t>01/16/2020 15:48:21</t>
  </si>
  <si>
    <t>87ec1bf5-37a8-437f-9fd3-6faafe79439e.tmp</t>
  </si>
  <si>
    <t>\\acsfs\profiles$\myllenardl\Downloads\87ec1bf5-37a8-437f-9fd3-6faafe79439e.tmp</t>
  </si>
  <si>
    <t>01/16/2020 15:48:40</t>
  </si>
  <si>
    <t>d1535001-63ab-4ab9-9037-a7c2e1f771c2.tmp</t>
  </si>
  <si>
    <t>\\acsfs\profiles$\myllenardl\Downloads\d1535001-63ab-4ab9-9037-a7c2e1f771c2.tmp</t>
  </si>
  <si>
    <t>01/16/2020 15:45:25</t>
  </si>
  <si>
    <t>83dd3ee0-cc3b-4963-8b9f-c4f48068b248.tmp</t>
  </si>
  <si>
    <t>\\acsfs\profiles$\laurandos\Downloads\83dd3ee0-cc3b-4963-8b9f-c4f48068b248.tmp</t>
  </si>
  <si>
    <t>01/16/2020 15:50:36</t>
  </si>
  <si>
    <t>01/16/2020 15:46:30</t>
  </si>
  <si>
    <t>01/16/2020 15:51:36</t>
  </si>
  <si>
    <t>01/16/2020 15:50:40</t>
  </si>
  <si>
    <t>01/16/2020 15:53:36</t>
  </si>
  <si>
    <t>Relatorio de Vendas - Auditoria BV Cartoes (Janeiro)...50 -CLIENTE.xlsx</t>
  </si>
  <si>
    <t>\\acsfs\DEPTOS\Operacao\Banco_Votorantim\Qualidade\Anderson\Jose\Atualizado\Relatorio de Vendas - Auditoria BV Cartoes (Janeiro)...50 -CLIENTE.xlsx</t>
  </si>
  <si>
    <t>01/16/2020 15:54:37</t>
  </si>
  <si>
    <t>01/16/2020 15:50:02</t>
  </si>
  <si>
    <t>Dimensionamento_Janeiro Financeira (1).xlsx</t>
  </si>
  <si>
    <t>\\acsfs\ACS\001 - Qualidade Lilian\PAULO\Pasta Tainara\Dimensionamento_Janeiro Financeira (1).xlsx</t>
  </si>
  <si>
    <t>01/16/2020 15:53:31</t>
  </si>
  <si>
    <t>13a61860-36a5-4955-9d05-6194923859f6.tmp</t>
  </si>
  <si>
    <t>\\acsfs\profiles$\henriqueco\Downloads\13a61860-36a5-4955-9d05-6194923859f6.tmp</t>
  </si>
  <si>
    <t>01/16/2020 15:50:54</t>
  </si>
  <si>
    <t>01/16/2020 15:55:36</t>
  </si>
  <si>
    <t>01/16/2020 15:50:55</t>
  </si>
  <si>
    <t>01/16/2020 15:50:56</t>
  </si>
  <si>
    <t>01/16/2020 15:50:57</t>
  </si>
  <si>
    <t>01/16/2020 15:50:58</t>
  </si>
  <si>
    <t>01/16/2020 15:51:00</t>
  </si>
  <si>
    <t>01/16/2020 15:51:01</t>
  </si>
  <si>
    <t>01/16/2020 15:51:02</t>
  </si>
  <si>
    <t>01/16/2020 15:51:03</t>
  </si>
  <si>
    <t>01/16/2020 15:51:04</t>
  </si>
  <si>
    <t>01/16/2020 15:51:07</t>
  </si>
  <si>
    <t>01/16/2020 15:51:08</t>
  </si>
  <si>
    <t>01/16/2020 15:51:09</t>
  </si>
  <si>
    <t>01/16/2020 15:51:11</t>
  </si>
  <si>
    <t>01/16/2020 15:51:13</t>
  </si>
  <si>
    <t>01/16/2020 15:51:14</t>
  </si>
  <si>
    <t>01/16/2020 15:51:15</t>
  </si>
  <si>
    <t>01/16/2020 15:51:16</t>
  </si>
  <si>
    <t>01/16/2020 15:51:17</t>
  </si>
  <si>
    <t>01/16/2020 15:51:18</t>
  </si>
  <si>
    <t>01/16/2020 15:51:20</t>
  </si>
  <si>
    <t>01/16/2020 15:51:22</t>
  </si>
  <si>
    <t>01/16/2020 15:51:23</t>
  </si>
  <si>
    <t>01/16/2020 15:51:26</t>
  </si>
  <si>
    <t>01/16/2020 15:51:28</t>
  </si>
  <si>
    <t>01/16/2020 15:51:29</t>
  </si>
  <si>
    <t>01/16/2020 15:51:30</t>
  </si>
  <si>
    <t>01/16/2020 15:51:33</t>
  </si>
  <si>
    <t>01/16/2020 15:51:34</t>
  </si>
  <si>
    <t>01/16/2020 15:51:37</t>
  </si>
  <si>
    <t>01/16/2020 15:51:38</t>
  </si>
  <si>
    <t>01/16/2020 15:51:39</t>
  </si>
  <si>
    <t>01/16/2020 15:51:41</t>
  </si>
  <si>
    <t>01/16/2020 15:51:42</t>
  </si>
  <si>
    <t>01/16/2020 15:51:44</t>
  </si>
  <si>
    <t>01/16/2020 15:51:45</t>
  </si>
  <si>
    <t>01/16/2020 15:51:47</t>
  </si>
  <si>
    <t>01/16/2020 15:51:49</t>
  </si>
  <si>
    <t>01/16/2020 15:51:50</t>
  </si>
  <si>
    <t>01/16/2020 15:51:53</t>
  </si>
  <si>
    <t>01/16/2020 15:51:54</t>
  </si>
  <si>
    <t>01/16/2020 15:52:10</t>
  </si>
  <si>
    <t>01/16/2020 15:54:16</t>
  </si>
  <si>
    <t>5d52d480-aedc-4145-8f45-2684f9600e47.tmp</t>
  </si>
  <si>
    <t>\\acsfs\profiles$\brunalas\Downloads\5d52d480-aedc-4145-8f45-2684f9600e47.tmp</t>
  </si>
  <si>
    <t>01/16/2020 15:54:07</t>
  </si>
  <si>
    <t>2556d844-9c48-48a8-82ca-f651ece5f69a.tmp</t>
  </si>
  <si>
    <t>\\acsfs\profiles$\taylaedoa\Downloads\2556d844-9c48-48a8-82ca-f651ece5f69a.tmp</t>
  </si>
  <si>
    <t>01/16/2020 15:56:36</t>
  </si>
  <si>
    <t>01/16/2020 15:53:37</t>
  </si>
  <si>
    <t>ccc2c64e-b624-40de-b068-25ddb6ed359b.tmp</t>
  </si>
  <si>
    <t>\\acsfs\profiles$\joselrb\Downloads\ccc2c64e-b624-40de-b068-25ddb6ed359b.tmp</t>
  </si>
  <si>
    <t>01/16/2020 15:57:36</t>
  </si>
  <si>
    <t>01/16/2020 15:56:15</t>
  </si>
  <si>
    <t>01/16/2020 15:59:37</t>
  </si>
  <si>
    <t>1d8616ef-22c3-4dd8-bb45-7862721191f1.tmp</t>
  </si>
  <si>
    <t>\\acsfs\profiles$\larissaad\Downloads\1d8616ef-22c3-4dd8-bb45-7862721191f1.tmp</t>
  </si>
  <si>
    <t>01/16/2020 15:55:01</t>
  </si>
  <si>
    <t>2e4d0e13-a611-40fd-a0e9-5453c49d65a6.tmp</t>
  </si>
  <si>
    <t>\\acsfs\profiles$\fabianafv\Downloads\2e4d0e13-a611-40fd-a0e9-5453c49d65a6.tmp</t>
  </si>
  <si>
    <t>01/16/2020 15:58:28</t>
  </si>
  <si>
    <t>3322bae4-6947-4434-8c02-259c21c467ff.tmp</t>
  </si>
  <si>
    <t>\\acsfs\profiles$\andreapdsg\Downloads\3322bae4-6947-4434-8c02-259c21c467ff.tmp</t>
  </si>
  <si>
    <t>01/16/2020 15:58:31</t>
  </si>
  <si>
    <t>Q29udHJvbGxlci5QYXl3YXJl (26).ica</t>
  </si>
  <si>
    <t>\\acsfs\profiles$\andreapdsg\Downloads\Q29udHJvbGxlci5QYXl3YXJl (26).ica</t>
  </si>
  <si>
    <t>01/16/2020 15:59:33</t>
  </si>
  <si>
    <t>3a16bcb3-3abd-435c-8f07-99eaef426ae3.tmp</t>
  </si>
  <si>
    <t>\\acsfs\profiles$\andreapdsg\Downloads\3a16bcb3-3abd-435c-8f07-99eaef426ae3.tmp</t>
  </si>
  <si>
    <t>01/16/2020 15:55:30</t>
  </si>
  <si>
    <t>01/16/2020 16:00:36</t>
  </si>
  <si>
    <t>eb65a21e-eb09-494a-b5d6-102dc0551076.tmp</t>
  </si>
  <si>
    <t>\\acsfs\profiles$\brunalas\Downloads\eb65a21e-eb09-494a-b5d6-102dc0551076.tmp</t>
  </si>
  <si>
    <t>01/16/2020 15:55:14</t>
  </si>
  <si>
    <t>5a588c14-ccfa-4658-944a-d49aad1ea84c.tmp</t>
  </si>
  <si>
    <t>\\acsfs\profiles$\taylaedoa\Downloads\5a588c14-ccfa-4658-944a-d49aad1ea84c.tmp</t>
  </si>
  <si>
    <t>01/16/2020 15:56:52</t>
  </si>
  <si>
    <t>34ce6bde-dc6c-481a-b98d-644c9b1e5cd7.tmp</t>
  </si>
  <si>
    <t>\\acsfs\profiles$\taylaedoa\Downloads\34ce6bde-dc6c-481a-b98d-644c9b1e5cd7.tmp</t>
  </si>
  <si>
    <t>01/16/2020 15:56:07</t>
  </si>
  <si>
    <t>01/16/2020 15:56:40</t>
  </si>
  <si>
    <t>01/16/2020 15:56:43</t>
  </si>
  <si>
    <t>01/16/2020 15:57:04</t>
  </si>
  <si>
    <t>100014082285011;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viniciussg@algartech.com;</t>
  </si>
  <si>
    <t>100014082285011,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viniciussg@algartech.com</t>
  </si>
  <si>
    <t>01/16/2020 15:57:07</t>
  </si>
  <si>
    <t>01/16/2020 15:57:39</t>
  </si>
  <si>
    <t>01/16/2020 15:57:43</t>
  </si>
  <si>
    <t>01/16/2020 15:58:07</t>
  </si>
  <si>
    <t>mail.google.com/sync/u/0/i/s?hl=pt-BR&amp;c=894</t>
  </si>
  <si>
    <t>01/16/2020 15:58:27</t>
  </si>
  <si>
    <t>01/16/2020 15:58:34</t>
  </si>
  <si>
    <t>100014082285011;100014122394468;andrelpsa@algartech.com;catianalv@algartech.com;cpc-controldeskavon@algartech.com;joaogvc@algartech.com;joseasn@algartech.com;josiascdsj@algartech.com;leonardoao@algartech.com;lucianarsantos@algartech.com;marianadjc@algartech.com;maristelavodq@bv.algartech.com;paulacn@algartech.com;qualidadealgarbv@algartech.com;senildapdo@algartecnologia.com.br;supervisaobancovotorantim@algartech.com;taysdss@algartech.com;thiagolrc@bv.algartech.com;</t>
  </si>
  <si>
    <t>100014082285011,100014122394468,andrelpsa@algartech.com,catianalv@algartech.com,cpc-controldeskavon@algartech.com,joaogvc@algartech.com,joseasn@algartech.com,josiascdsj@algartech.com,leonardoao@algartech.com,lucianarsantos@algartech.com,marianadjc@algartech.com,maristelavodq@bv.algartech.com,paulacn@algartech.com,qualidadealgarbv@algartech.com,senildapdo@algartecnologia.com.br,supervisaobancovotorantim@algartech.com,taysdss@algartech.com,thiagolrc@bv.algartech.com</t>
  </si>
  <si>
    <t>01/16/2020 15:59:12</t>
  </si>
  <si>
    <t>mail.google.com/sync/u/0/i/s?hl=pt-BR&amp;c=901</t>
  </si>
  <si>
    <t>01/16/2020 15:59:18</t>
  </si>
  <si>
    <t>01/16/2020 15:59:22</t>
  </si>
  <si>
    <t>01/16/2020 15:59:27</t>
  </si>
  <si>
    <t>01/16/2020 15:59:31</t>
  </si>
  <si>
    <t>01/16/2020 15:59:49</t>
  </si>
  <si>
    <t>01/16/2020 15:58:17</t>
  </si>
  <si>
    <t>01/16/2020 15:58:44</t>
  </si>
  <si>
    <t>01/16/2020 16:01:22</t>
  </si>
  <si>
    <t>01/16/2020 16:02:36</t>
  </si>
  <si>
    <t>37bc5d8e-47fb-45f6-bc0b-65722467937b.tmp</t>
  </si>
  <si>
    <t>\\acsfs\profiles$\gabrielamdp\Downloads\37bc5d8e-47fb-45f6-bc0b-65722467937b.tmp</t>
  </si>
  <si>
    <t>01/16/2020 16:01:23</t>
  </si>
  <si>
    <t>7cbd0aeb-6e63-411e-909e-4bb28b0e005c.tmp</t>
  </si>
  <si>
    <t>\\acsfs\profiles$\gabrielamdp\Downloads\7cbd0aeb-6e63-411e-909e-4bb28b0e005c.tmp</t>
  </si>
  <si>
    <t>006a60fd-561d-4512-90cb-7a4702cbd2ea.tmp</t>
  </si>
  <si>
    <t>\\acsfs\profiles$\gabrielamdp\Downloads\006a60fd-561d-4512-90cb-7a4702cbd2ea.tmp</t>
  </si>
  <si>
    <t>01/16/2020 16:01:48</t>
  </si>
  <si>
    <t>https://www.youtube.com/error_204?a=logerror&amp;t=jserror&amp;type=error&amp;msg=unexpected token &lt; in json at position 0&amp;line=not available&amp;level=error&amp;client.name=1</t>
  </si>
  <si>
    <t>01/16/2020 16:00:00</t>
  </si>
  <si>
    <t>01/16/2020 16:04:35</t>
  </si>
  <si>
    <t>10482df2-86a2-48de-870f-67a9ac6b6d69.tmp</t>
  </si>
  <si>
    <t>\\acsfs\profiles$\fabianafv\Downloads\10482df2-86a2-48de-870f-67a9ac6b6d69.tmp</t>
  </si>
  <si>
    <t>01/16/2020 15:59:58</t>
  </si>
  <si>
    <t>01/16/2020 16:05:36</t>
  </si>
  <si>
    <t>110e3d0b-85a5-4a98-860c-5db73b973ae4.tmp</t>
  </si>
  <si>
    <t>\\acsfs\profiles$\andreapdsg\Downloads\110e3d0b-85a5-4a98-860c-5db73b973ae4.tmp</t>
  </si>
  <si>
    <t>01/16/2020 16:03:05</t>
  </si>
  <si>
    <t>c404d68e-3f8d-4dcc-a8d3-22aff69f32c6.tmp</t>
  </si>
  <si>
    <t>\\acsfs\profiles$\andreapdsg\Downloads\c404d68e-3f8d-4dcc-a8d3-22aff69f32c6.tmp</t>
  </si>
  <si>
    <t>01/16/2020 16:02:29</t>
  </si>
  <si>
    <t>10.200.66.131</t>
  </si>
  <si>
    <t>01/16/2020 16:00:33</t>
  </si>
  <si>
    <t>01/16/2020 16:00:35</t>
  </si>
  <si>
    <t>01/16/2020 16:00:47</t>
  </si>
  <si>
    <t>01/16/2020 16:05:26</t>
  </si>
  <si>
    <t>01/16/2020 16:08:36</t>
  </si>
  <si>
    <t>7e9c2ecd-7a97-433a-999b-5b1cf20d2dd8.tmp</t>
  </si>
  <si>
    <t>\\acsfs\profiles$\erichds\Downloads\7e9c2ecd-7a97-433a-999b-5b1cf20d2dd8.tmp</t>
  </si>
  <si>
    <t>01/16/2020 16:03:34</t>
  </si>
  <si>
    <t>c9bbf90d-bfa2-40d3-b974-77c2c87e1dbf.tmp</t>
  </si>
  <si>
    <t>\\acsfs\profiles$\quindaizaagds\Downloads\c9bbf90d-bfa2-40d3-b974-77c2c87e1dbf.tmp</t>
  </si>
  <si>
    <t>01/16/2020 16:08:33</t>
  </si>
  <si>
    <t>01/16/2020 16:09:36</t>
  </si>
  <si>
    <t>d78989fb-6f23-4de1-9324-da7755a08eb2.tmp</t>
  </si>
  <si>
    <t>\\acsfs\profiles$\KARENDSR\Downloads\d78989fb-6f23-4de1-9324-da7755a08eb2.tmp</t>
  </si>
  <si>
    <t>01/16/2020 16:11:36</t>
  </si>
  <si>
    <t>01/16/2020 16:06:43</t>
  </si>
  <si>
    <t>01/16/2020 16:06:44</t>
  </si>
  <si>
    <t>01/16/2020 16:12:36</t>
  </si>
  <si>
    <t>01/16/2020 16:13:36</t>
  </si>
  <si>
    <t>01/16/2020 16:10:23</t>
  </si>
  <si>
    <t>lu10556ftr6.tmp</t>
  </si>
  <si>
    <t>\\acsfs\profiles$\VIVIANALDS\My Documents\lu10556ftr6.tmp</t>
  </si>
  <si>
    <t>\\acsfs\profiles$\VIVIANALDS\My Documents\lu10556ftr6.tmp\</t>
  </si>
  <si>
    <t>01/16/2020 16:14:35</t>
  </si>
  <si>
    <t>\\acsfs\profiles$\VIVIANALDS\My Documents\lu10556ftr6.tmp\META-INF\</t>
  </si>
  <si>
    <t>01/16/2020 16:10:34</t>
  </si>
  <si>
    <t>\\acsfs\profiles$\andressamf\My Documents\My Pictures\</t>
  </si>
  <si>
    <t>\\acsfs\profiles$\andressamf\My Documents\My Videos\desktop.ini</t>
  </si>
  <si>
    <t>01/16/2020 16:10:35</t>
  </si>
  <si>
    <t>\\acsfs\profiles$\andressamf\My Documents\My Videos\</t>
  </si>
  <si>
    <t>01/16/2020 16:10:36</t>
  </si>
  <si>
    <t>01/16/2020 16:10:37</t>
  </si>
  <si>
    <t>01/16/2020 16:10:42</t>
  </si>
  <si>
    <t>01/16/2020 16:10:44</t>
  </si>
  <si>
    <t>\\acsfs\profiles$\andressamf\My Documents\My Music\</t>
  </si>
  <si>
    <t>\\acsfs\profiles$\andressamf\My Documents\My Pictures\desktop.ini</t>
  </si>
  <si>
    <t>\\acsfs\profiles$\VIVIANALDS\My Documents\lu10556ftr6.tmp\Thumbnails\</t>
  </si>
  <si>
    <t>01/16/2020 16:10:46</t>
  </si>
  <si>
    <t>01/16/2020 16:11:15</t>
  </si>
  <si>
    <t>01/16/2020 16:10:47</t>
  </si>
  <si>
    <t>01/16/2020 16:11:16</t>
  </si>
  <si>
    <t>lu10556ftra.tmp</t>
  </si>
  <si>
    <t>\\acsfs\profiles$\VIVIANALDS\My Documents\lu10556ftra.tmp</t>
  </si>
  <si>
    <t>01/16/2020 16:09:16</t>
  </si>
  <si>
    <t>01/16/2020 16:15:36</t>
  </si>
  <si>
    <t>01/16/2020 16:10:48</t>
  </si>
  <si>
    <t>01/16/2020 16:09:17</t>
  </si>
  <si>
    <t>\\acsfs\profiles$\VIVIANALDS\My Documents\lu10556ftra.tmp\</t>
  </si>
  <si>
    <t>01/16/2020 16:10:50</t>
  </si>
  <si>
    <t>01/16/2020 16:13:00</t>
  </si>
  <si>
    <t>86d26bf9-4aa2-4521-a30a-6fed01d94f7b.tmp</t>
  </si>
  <si>
    <t>\\acsfs\profiles$\brendadsl\Downloads\86d26bf9-4aa2-4521-a30a-6fed01d94f7b.tmp</t>
  </si>
  <si>
    <t>01/16/2020 16:10:51</t>
  </si>
  <si>
    <t>\\acsfs\profiles$\andressamf\Contacts\</t>
  </si>
  <si>
    <t>\\acsfs\profiles$\andressamf\Contacts\desktop.ini</t>
  </si>
  <si>
    <t>\\acsfs\profiles$\VIVIANALDS\My Documents\lu10556ftra.tmp\META-INF\</t>
  </si>
  <si>
    <t>01/16/2020 16:15:37</t>
  </si>
  <si>
    <t>01/16/2020 16:10:53</t>
  </si>
  <si>
    <t>01/16/2020 16:10:54</t>
  </si>
  <si>
    <t>01/16/2020 16:10:55</t>
  </si>
  <si>
    <t>01/16/2020 16:10:57</t>
  </si>
  <si>
    <t>\\acsfs\profiles$\VIVIANALDS\My Documents\lu10556ftra.tmp\Thumbnails\</t>
  </si>
  <si>
    <t>01/16/2020 16:10:58</t>
  </si>
  <si>
    <t>01/16/2020 16:11:30</t>
  </si>
  <si>
    <t>01/16/2020 16:11:00</t>
  </si>
  <si>
    <t>\\acsfs\profiles$\andressamf\My Documents\</t>
  </si>
  <si>
    <t>\\acsfs\profiles$\andressamf\Favorites\desktop.ini</t>
  </si>
  <si>
    <t>lu10556ftre.tmp</t>
  </si>
  <si>
    <t>\\acsfs\profiles$\VIVIANALDS\My Documents\lu10556ftre.tmp</t>
  </si>
  <si>
    <t>01/16/2020 16:11:01</t>
  </si>
  <si>
    <t>\\acsfs\profiles$\VIVIANALDS\My Documents\lu10556ftre.tmp\</t>
  </si>
  <si>
    <t>01/16/2020 16:11:02</t>
  </si>
  <si>
    <t>\\acsfs\profiles$\VIVIANALDS\My Documents\lu10556ftre.tmp\META-INF\</t>
  </si>
  <si>
    <t>01/16/2020 16:11:03</t>
  </si>
  <si>
    <t>01/16/2020 16:11:05</t>
  </si>
  <si>
    <t>01/16/2020 16:11:06</t>
  </si>
  <si>
    <t>\\acsfs\profiles$\VIVIANALDS\My Documents\lu10556ftre.tmp\Thumbnails\</t>
  </si>
  <si>
    <t>01/16/2020 16:11:07</t>
  </si>
  <si>
    <t>01/16/2020 16:11:09</t>
  </si>
  <si>
    <t>\\acsfs\profiles$\andressamf\My Documents\My Music\desktop.ini</t>
  </si>
  <si>
    <t>01/16/2020 16:11:12</t>
  </si>
  <si>
    <t>01/16/2020 16:11:13</t>
  </si>
  <si>
    <t>01/16/2020 16:11:17</t>
  </si>
  <si>
    <t>01/16/2020 16:11:19</t>
  </si>
  <si>
    <t>\\acsfs\profiles$\andressamf\Searches\</t>
  </si>
  <si>
    <t>\\acsfs\profiles$\andressamf\Searches\desktop.ini</t>
  </si>
  <si>
    <t>01/16/2020 16:11:20</t>
  </si>
  <si>
    <t>01/16/2020 16:11:22</t>
  </si>
  <si>
    <t>01/16/2020 16:11:23</t>
  </si>
  <si>
    <t>01/16/2020 16:11:26</t>
  </si>
  <si>
    <t>01/16/2020 16:11:29</t>
  </si>
  <si>
    <t>\\acsfs\profiles$\andressamf\Downloads\desktop.ini</t>
  </si>
  <si>
    <t>01/16/2020 16:11:32</t>
  </si>
  <si>
    <t>\\acsfs\profiles$\andressamf\Favorites\</t>
  </si>
  <si>
    <t>\\acsfs\profiles$\andressamf\My Documents\desktop.ini</t>
  </si>
  <si>
    <t>01/16/2020 16:11:34</t>
  </si>
  <si>
    <t>01/16/2020 16:11:37</t>
  </si>
  <si>
    <t>01/16/2020 16:11:40</t>
  </si>
  <si>
    <t>01/16/2020 16:11:41</t>
  </si>
  <si>
    <t>01/16/2020 16:11:44</t>
  </si>
  <si>
    <t>\\acsfs\profiles$\andressamf\Saved Games\desktop.ini</t>
  </si>
  <si>
    <t>01/16/2020 16:11:45</t>
  </si>
  <si>
    <t>01/16/2020 16:12:13</t>
  </si>
  <si>
    <t>winrt--{S-1-5-21-602162358-764733703-839522115-334915}-.searchconnector-ms</t>
  </si>
  <si>
    <t>\\acsfs\profiles$\andressamf\Searches\winrt--{S-1-5-21-602162358-764733703-839522115-334915}-.searchconnector-ms</t>
  </si>
  <si>
    <t>01/16/2020 16:13:06</t>
  </si>
  <si>
    <t>01/16/2020 16:16:36</t>
  </si>
  <si>
    <t>42a92d3e-b24a-46bb-af4c-a63e84d7fc99.tmp</t>
  </si>
  <si>
    <t>\\acsfs\profiles$\milenaas\Downloads\42a92d3e-b24a-46bb-af4c-a63e84d7fc99.tmp</t>
  </si>
  <si>
    <t>01/16/2020 16:11:28</t>
  </si>
  <si>
    <t>01/16/2020 16:15:24</t>
  </si>
  <si>
    <t>01/16/2020 16:17:36</t>
  </si>
  <si>
    <t>1461eefd-792f-4f8d-8694-e4f06491f629.tmp</t>
  </si>
  <si>
    <t>\\acsfs\profiles$\gabrielamdp\Downloads\1461eefd-792f-4f8d-8694-e4f06491f629.tmp</t>
  </si>
  <si>
    <t>01/16/2020 16:20:36</t>
  </si>
  <si>
    <t>01/16/2020 16:16:01</t>
  </si>
  <si>
    <t>15-01 RELATORIO DE LOGIN AVON - Cópia.xlsm</t>
  </si>
  <si>
    <t>\\acsfs\deptos\Operacao\PCP\5 - Comum\CONTROL DESK\2 - DAC2\Control Desk AVON\Relatorios\Status de login\2020\15-01 RELATORIO DE LOGIN AVON - Cópia.xlsm</t>
  </si>
  <si>
    <t>01/16/2020 16:16:47</t>
  </si>
  <si>
    <t>4763a587-10b1-4813-b85a-69b3a3ea4e5c.tmp</t>
  </si>
  <si>
    <t>\\acsfs\profiles$\andressamf\Downloads\4763a587-10b1-4813-b85a-69b3a3ea4e5c.tmp</t>
  </si>
  <si>
    <t>01/16/2020 16:16:55</t>
  </si>
  <si>
    <t>Unconfirmed 467605.crdownload</t>
  </si>
  <si>
    <t>\\acsfs\profiles$\andressamf\Downloads\Unconfirmed 467605.crdownload</t>
  </si>
  <si>
    <t>01/16/2020 16:17:09</t>
  </si>
  <si>
    <t>cf14a88b-b8b3-49fa-a81e-2072d8cf60e0.tmp</t>
  </si>
  <si>
    <t>\\acsfs\profiles$\andressamf\Downloads\cf14a88b-b8b3-49fa-a81e-2072d8cf60e0.tmp</t>
  </si>
  <si>
    <t>01/16/2020 16:19:28</t>
  </si>
  <si>
    <t>067e4efc-1a27-4f54-93b7-8bf6eb4b555e.tmp</t>
  </si>
  <si>
    <t>\\acsfs\profiles$\andressamf\Downloads\067e4efc-1a27-4f54-93b7-8bf6eb4b555e.tmp</t>
  </si>
  <si>
    <t>01/16/2020 16:17:31</t>
  </si>
  <si>
    <t>01/16/2020 16:17:43</t>
  </si>
  <si>
    <t>01/16/2020 16:19:43</t>
  </si>
  <si>
    <t>01/16/2020 16:21:36</t>
  </si>
  <si>
    <t>01/16/2020 16:20:04</t>
  </si>
  <si>
    <t>01/16/2020 16:22:36</t>
  </si>
  <si>
    <t>lu8412ilcy.tmp</t>
  </si>
  <si>
    <t>\\acsfs\profiles$\VICTORIAKSR\Downloads\lu8412ilcy.tmp</t>
  </si>
  <si>
    <t>01/16/2020 16:21:45</t>
  </si>
  <si>
    <t>26d4db97-45e1-4f9e-9172-303942ffb40e.tmp</t>
  </si>
  <si>
    <t>\\acsfs\profiles$\Angelicacldr\Downloads\26d4db97-45e1-4f9e-9172-303942ffb40e.tmp</t>
  </si>
  <si>
    <t>01/16/2020 16:21:22</t>
  </si>
  <si>
    <t>7f4dee4f-1fa2-4eec-a230-afca218d9686.tmp</t>
  </si>
  <si>
    <t>\\acsfs\profiles$\gabrielamdp\Downloads\7f4dee4f-1fa2-4eec-a230-afca218d9686.tmp</t>
  </si>
  <si>
    <t>01/16/2020 16:20:47</t>
  </si>
  <si>
    <t>01/16/2020 16:21:08</t>
  </si>
  <si>
    <t>01/16/2020 16:23:35</t>
  </si>
  <si>
    <t>larissapdr</t>
  </si>
  <si>
    <t>mail.google.com/mail/u/0/jserror?script=https://apis.google.com/_/scs/abc-static/_/js/k=gapi.gapi.en.sj5lkyeukoe.o/m=cloudsearch/exm=card,client,config,gapi_iframes,gapi_iframes_style_slide_menu,googleapis_client,plusone/rt=j/sv=1/d=1/ed=1/rs=ahpooo9toctoaz0mr9ikxaop6eq9aipslw/cb=gapi.loaded_5&amp;error=script error&amp;line=not available&amp;txz=p</t>
  </si>
  <si>
    <t>01/16/2020 16:25:36</t>
  </si>
  <si>
    <t>01/16/2020 16:21:06</t>
  </si>
  <si>
    <t>01/16/2020 16:26:36</t>
  </si>
  <si>
    <t>ulog_Acrobat12_Reader_3b8210f9-3618-47e4-b9cc-5aaaba62831a_af96eb42-d0b5-4f11-8adf-657e7fa78103_0.log</t>
  </si>
  <si>
    <t>C:\Users\flaviacno\AppData\Roaming\Adobe\LogTransport2\Logs\ulog_Acrobat12_Reader_3b8210f9-3618-47e4-b9cc-5aaaba62831a_af96eb42-d0b5-4f11-8adf-657e7fa78103_0.log\</t>
  </si>
  <si>
    <t>01/16/2020 16:25:35</t>
  </si>
  <si>
    <t>http:///drive/jserror?script=https%3A%2F%2Fdrive.google.com%2Fdrive%2Fmy-drive&amp;error=Unknown%20Error%20of%20type%20%22%5BAnonymous%5D%22&amp;line=Not%20available</t>
  </si>
  <si>
    <t>al;"mozilla/5.0 (windows nt 6.1) applewebkit/537.36 (khtml;0];0]0":;0]0]l;0]0}_x001E_c;0]7 �_x0007_�� �r;0]:0};0]\;0]\\\\\\\';: &lt;l;0]\\\\\\\�ɧ_x000F_&lt;l;0]ackages\tornado\platform\interface.py;0]als;0]l;0]ll;0]ls �o� 99;0]u�{� �_x0007_�� �r;0]�\\;0]�m�/;1;13;130841638;13700014;13700109;13700185;13700451;13700951;13701207;13701298;13701422;13701430;13701450;13701506;13701537;13701573;13701577;13701625;13701657;13701693;13701693�;13701749;13701825;13701901;13701905;13701957;13701969;13702068;13702088;142961685;148;157;1578930052848000;1578930058554000;1578945414334;1578946016325;1578946317323;1578946618318;1578947521367;1578947822457;1578948424526;1578948725551;1578950230689;1578950531715;1578974457711;1578977166567;1578977467562;1578978671552;1578978972545;1578979273544;1578979574537;1578979875535;1578980176534;1578980477528;1578980778522;1578983788486;1578984089484;1579004693676;1579012821382;1579102936171;1579112548079;1579125192342;158;162;163;164;165;166;167;168;169;17;179;180;1ya5yrwelrso-yxib3ctz0mdjsqkh2uffmn2kfrmynlkfp2vhk5vxr</t>
  </si>
  <si>
    <t>http:// al,"mozilla/5.0 (windows nt 6.1) applewebkit/537.36 (khtml,0],0]0":,0]0]l,0]0}_x001E_c,0]7 �_x0007_�� �r,0]:0},0]\,0]\\\\\\\';: &lt;l,0]\\\\\\\�ɧ_x000F_&lt;l,0]ackages\tornado\platform\interface.py,0]als,0]l,0]ll,0]ls �o� 99,0]u�{� �_x0007_�� �r,0]�m�/,0]�\\,1,13,130841638,13700014,13700109,13700185,13700451,13700951,13701207,13701298,13701422,13701430,13701450,13701506,13701537,13701573,13701577,13701625,13701657,13701693,13701693�,13701693�,13701749,13701825,13701901,13701905,13701957,13701969,13702068,13702088,142961685,148,157,1578930052848000,1578930058554000,1578945414334,1578946016325,1578946317323,1578946618318,1578947521367,1578947822457,1578948424526,1578948725551,1578950230689,1578950531715,1578974457711,1578977166567,1578977467562,1578978671552,1578978972545,1578979273544,1578979574537,1578979875535,1578980176534,1578980477528,1578980778522,1578983788486,1578984089484,1579004693676,1579012821382,1579102936171,1579112548079,1579125192342,158,162,163,164,165,166,167,168,169,17,179,180,1ya5yrwelrso-yxib3ctz0mdjsqkh2uffmn2</t>
  </si>
  <si>
    <t>01/16/2020 16:24:15</t>
  </si>
  <si>
    <t>dc6c5925-43d2-43c0-a5c0-ca4550e9f910.tmp</t>
  </si>
  <si>
    <t>\\acsfs\profiles$\regisedsj\Downloads\dc6c5925-43d2-43c0-a5c0-ca4550e9f910.tmp</t>
  </si>
  <si>
    <t>01/16/2020 16:29:36</t>
  </si>
  <si>
    <t>01/16/2020 16:28:30</t>
  </si>
  <si>
    <t>970c5110-3e5c-4d1c-a462-99a94b25f592.tmp</t>
  </si>
  <si>
    <t>\\acsfs\profiles$\laurandos\Downloads\970c5110-3e5c-4d1c-a462-99a94b25f592.tmp</t>
  </si>
  <si>
    <t>01/16/2020 16:28:27</t>
  </si>
  <si>
    <t>321d6ae1-11eb-41b9-aa17-288bd1ae13b8.tmp</t>
  </si>
  <si>
    <t>\\acsfs\profiles$\paulohaf\Downloads\321d6ae1-11eb-41b9-aa17-288bd1ae13b8.tmp</t>
  </si>
  <si>
    <t>01/16/2020 16:29:04</t>
  </si>
  <si>
    <t>94c62374-4e5f-4d99-99a3-1ed46e22a23b.tmp</t>
  </si>
  <si>
    <t>\\acsfs\profiles$\paulohaf\Downloads\94c62374-4e5f-4d99-99a3-1ed46e22a23b.tmp</t>
  </si>
  <si>
    <t>01/16/2020 16:30:35</t>
  </si>
  <si>
    <t>01/16/2020 16:30:36</t>
  </si>
  <si>
    <t>01/16/2020 16:30:13</t>
  </si>
  <si>
    <t>5216477d-4f8c-44a3-82a6-0c52f2cdc86d.tmp</t>
  </si>
  <si>
    <t>\\acsfs\profiles$\andressamf\Downloads\5216477d-4f8c-44a3-82a6-0c52f2cdc86d.tmp</t>
  </si>
  <si>
    <t>01/16/2020 16:28:16</t>
  </si>
  <si>
    <t>01/16/2020 16:31:24</t>
  </si>
  <si>
    <t>01/16/2020 16:32:35</t>
  </si>
  <si>
    <t>lu1232wrp7.tmp</t>
  </si>
  <si>
    <t>\\acsfs\profiles$\lucasgpe\Desktop\lu1232wrp7.tmp</t>
  </si>
  <si>
    <t>\\acsfs\profiles$\lucasgpe\Desktop\lu1232wrp7.tmp\</t>
  </si>
  <si>
    <t>\\acsfs\profiles$\lucasgpe\Desktop\lu1232wrp7.tmp\META-INF\</t>
  </si>
  <si>
    <t>\\acsfs\profiles$\lucasgpe\Desktop\lu1232wrp7.tmp\Thumbnails\</t>
  </si>
  <si>
    <t>01/16/2020 16:29:34</t>
  </si>
  <si>
    <t>01/16/2020 16:33:36</t>
  </si>
  <si>
    <t>01/16/2020 16:32:45</t>
  </si>
  <si>
    <t>01/16/2020 16:34:36</t>
  </si>
  <si>
    <t>d0fa8d9d-d187-4654-b135-42d006e69a9a.tmp</t>
  </si>
  <si>
    <t>\\acsfs\profiles$\esterasg\Downloads\d0fa8d9d-d187-4654-b135-42d006e69a9a.tmp</t>
  </si>
  <si>
    <t>01/16/2020 16:32:48</t>
  </si>
  <si>
    <t>a2af0e66-2533-43fd-b7de-37d095ee03e4.tmp</t>
  </si>
  <si>
    <t>\\acsfs\profiles$\esterasg\Downloads\a2af0e66-2533-43fd-b7de-37d095ee03e4.tmp</t>
  </si>
  <si>
    <t>01/16/2020 16:29:57</t>
  </si>
  <si>
    <t>https://sentry.io/api/1297650/store/?sentry_key=6f5f8e1cecfa40fb850f578b69fc1705&amp;sentry_version=7</t>
  </si>
  <si>
    <t>01/16/2020 16:35:36</t>
  </si>
  <si>
    <t>01/16/2020 16:33:05</t>
  </si>
  <si>
    <t>01/16/2020 16:34:06</t>
  </si>
  <si>
    <t>01/16/2020 16:36:36</t>
  </si>
  <si>
    <t>597b1d20-8ce0-426a-b217-713559da6855;</t>
  </si>
  <si>
    <t>Lorena Qualidade.PNG</t>
  </si>
  <si>
    <t>01/16/2020 16:31:39</t>
  </si>
  <si>
    <t>01/16/2020 16:37:36</t>
  </si>
  <si>
    <t>.~lock.Controle de Vendas.ods#</t>
  </si>
  <si>
    <t>\\acsfs\profiles$\victoriaksr\My Documents\.~lock.Controle de Vendas.ods#</t>
  </si>
  <si>
    <t>lu8412ild2.tmp</t>
  </si>
  <si>
    <t>\\acsfs\profiles$\victoriaksr\My Documents\lu8412ild2.tmp</t>
  </si>
  <si>
    <t>\\acsfs\profiles$\victoriaksr\My Documents\lu8412ild2.tmp\</t>
  </si>
  <si>
    <t>\\acsfs\profiles$\victoriaksr\My Documents\lu8412ild2.tmp\META-INF\</t>
  </si>
  <si>
    <t>\\acsfs\profiles$\victoriaksr\My Documents\lu8412ild2.tmp\Thumbnails\</t>
  </si>
  <si>
    <t>01/16/2020 16:33:50</t>
  </si>
  <si>
    <t>7d1a2259-4ef5-4a67-a5d8-063df83479c5.tmp</t>
  </si>
  <si>
    <t>\\acsfs\profiles$\Angelicacldr\Downloads\7d1a2259-4ef5-4a67-a5d8-063df83479c5.tmp</t>
  </si>
  <si>
    <t>01/16/2020 16:36:13</t>
  </si>
  <si>
    <t>01/16/2020 16:33:51</t>
  </si>
  <si>
    <t>01/16/2020 16:39:36</t>
  </si>
  <si>
    <t>38fbd77a-6f27-45bf-91fe-795e10642894.tmp</t>
  </si>
  <si>
    <t>\\acsfs\profiles$\esterasg\Downloads\38fbd77a-6f27-45bf-91fe-795e10642894.tmp</t>
  </si>
  <si>
    <t>01/16/2020 16:33:54</t>
  </si>
  <si>
    <t>1ebbeb60-b8dd-4737-bd88-de16c8ee3a75.tmp</t>
  </si>
  <si>
    <t>\\acsfs\profiles$\esterasg\Downloads\1ebbeb60-b8dd-4737-bd88-de16c8ee3a75.tmp</t>
  </si>
  <si>
    <t>01/16/2020 16:35:35</t>
  </si>
  <si>
    <t>5d58c6c9-bd02-493c-a546-c5ef86e8debc.tmp</t>
  </si>
  <si>
    <t>\\acsfs\profiles$\esterasg\Downloads\5d58c6c9-bd02-493c-a546-c5ef86e8debc.tmp</t>
  </si>
  <si>
    <t>01/16/2020 16:36:48</t>
  </si>
  <si>
    <t>3c5397af-0c8b-4feb-8e76-9a6e87b88234.tmp</t>
  </si>
  <si>
    <t>\\acsfs\profiles$\nathaliarmr\Downloads\3c5397af-0c8b-4feb-8e76-9a6e87b88234.tmp</t>
  </si>
  <si>
    <t>01/16/2020 16:34:31</t>
  </si>
  <si>
    <t>39901876-c150-4128-922b-e42ec6c3c3d3.tmp</t>
  </si>
  <si>
    <t>\\acsfs\profiles$\laurandos\Downloads\39901876-c150-4128-922b-e42ec6c3c3d3.tmp</t>
  </si>
  <si>
    <t>01/16/2020 16:34:33</t>
  </si>
  <si>
    <t>54788a64-2484-44c0-9b3d-3f8ccb5ea65e.tmp</t>
  </si>
  <si>
    <t>\\acsfs\profiles$\laurandos\Downloads\54788a64-2484-44c0-9b3d-3f8ccb5ea65e.tmp</t>
  </si>
  <si>
    <t>01/16/2020 16:40:36</t>
  </si>
  <si>
    <t>01/16/2020 16:38:15</t>
  </si>
  <si>
    <t>01/16/2020 16:41:36</t>
  </si>
  <si>
    <t>01/16/2020 16:37:25</t>
  </si>
  <si>
    <t>Lorena Assiduidade.PNG</t>
  </si>
  <si>
    <t>01/16/2020 16:37:46</t>
  </si>
  <si>
    <t>Lorena NPS.PNG</t>
  </si>
  <si>
    <t>01/16/2020 16:37:53</t>
  </si>
  <si>
    <t>01/16/2020 16:42:35</t>
  </si>
  <si>
    <t>\\acsfs\profiles$\VICTORIAKSR\My Documents\.~lock.Controle de Vendas.ods#</t>
  </si>
  <si>
    <t>01/16/2020 16:37:54</t>
  </si>
  <si>
    <t>lu8412ild7.tmp</t>
  </si>
  <si>
    <t>\\acsfs\profiles$\victoriaksr\My Documents\lu8412ild7.tmp</t>
  </si>
  <si>
    <t>\\acsfs\profiles$\victoriaksr\My Documents\lu8412ild7.tmp\</t>
  </si>
  <si>
    <t>\\acsfs\profiles$\victoriaksr\My Documents\lu8412ild7.tmp\META-INF\</t>
  </si>
  <si>
    <t>\\acsfs\profiles$\victoriaksr\My Documents\lu8412ild7.tmp\Thumbnails\</t>
  </si>
  <si>
    <t>01/16/2020 16:38:35</t>
  </si>
  <si>
    <t>lu8412ildc.tmp</t>
  </si>
  <si>
    <t>\\acsfs\profiles$\VICTORIAKSR\My Documents\lu8412ildc.tmp</t>
  </si>
  <si>
    <t>01/16/2020 16:38:48</t>
  </si>
  <si>
    <t>Filas.xlsx</t>
  </si>
  <si>
    <t>\\acsfs\profiles$\victoriaksr\Downloads\Filas.xlsx</t>
  </si>
  <si>
    <t>01/16/2020 16:38:52</t>
  </si>
  <si>
    <t>\\acsfs\profiles$\VICTORIAKSR\Downloads\.~lock.Filas.xlsx#</t>
  </si>
  <si>
    <t>01/16/2020 16:40:46</t>
  </si>
  <si>
    <t>01/16/2020 16:40:47</t>
  </si>
  <si>
    <t>lu8412ildp.tmp</t>
  </si>
  <si>
    <t>\\acsfs\profiles$\VICTORIAKSR\Downloads\lu8412ildp.tmp</t>
  </si>
  <si>
    <t>01/16/2020 16:38:07</t>
  </si>
  <si>
    <t>61ad428d-4cf9-4311-b7c5-2de794c35bcf.tmp</t>
  </si>
  <si>
    <t>\\acsfs\profiles$\fabianobmf\Downloads\61ad428d-4cf9-4311-b7c5-2de794c35bcf.tmp</t>
  </si>
  <si>
    <t>01/16/2020 16:44:35</t>
  </si>
  <si>
    <t>01/16/2020 16:43:43</t>
  </si>
  <si>
    <t>01/16/2020 16:43:44</t>
  </si>
  <si>
    <t>lu524526b2x9l.tmp</t>
  </si>
  <si>
    <t>\\acsfs\profiles$\LORRAYNEVAM\lu524526b2x9l.tmp</t>
  </si>
  <si>
    <t>\\acsfs\profiles$\LORRAYNEVAM\lu524526b2x9l.tmp\</t>
  </si>
  <si>
    <t>\\acsfs\profiles$\LORRAYNEVAM\lu524526b2x9l.tmp\META-INF\</t>
  </si>
  <si>
    <t>\\acsfs\profiles$\LORRAYNEVAM\lu524526b2x9l.tmp\Thumbnails\</t>
  </si>
  <si>
    <t>01/16/2020 16:44:10</t>
  </si>
  <si>
    <t>01/16/2020 16:45:36</t>
  </si>
  <si>
    <t>4d4a912f-5a56-4087-bfdd-5413aaa3fd0d.tmp</t>
  </si>
  <si>
    <t>\\acsfs\profiles$\brunalas\Downloads\4d4a912f-5a56-4087-bfdd-5413aaa3fd0d.tmp</t>
  </si>
  <si>
    <t>01/16/2020 16:44:23</t>
  </si>
  <si>
    <t>01/16/2020 16:44:44</t>
  </si>
  <si>
    <t>01/16/2020 16:41:51</t>
  </si>
  <si>
    <t>100014082285011,100014122394468,andrelpsa@algartech.com,joaogvc@algartech.com,josiascdsj@algartech.com,leonardoao@algartech.com,marianadjc@algartech.com,maristelavodq@bv.algartech.com,paulacn@algartech.com,qualidadealgarbv@algartech.com,supervisaobancovotorantim@algartech.com,taysdss@algartech.com,thiagolrc@bv.algartech.com</t>
  </si>
  <si>
    <t>01/16/2020 16:41:56</t>
  </si>
  <si>
    <t>01/16/2020 16:42:30</t>
  </si>
  <si>
    <t>mail.google.com/sync/u/0/i/s?hl=pt-BR&amp;c=942</t>
  </si>
  <si>
    <t>01/16/2020 16:42:33</t>
  </si>
  <si>
    <t>01/16/2020 16:42:57</t>
  </si>
  <si>
    <t>01/16/2020 16:43:28</t>
  </si>
  <si>
    <t>mail.google.com/sync/u/0/i/s?hl=pt-BR&amp;c=950</t>
  </si>
  <si>
    <t>01/16/2020 16:43:45</t>
  </si>
  <si>
    <t>01/16/2020 16:43:51</t>
  </si>
  <si>
    <t>01/16/2020 16:44:05</t>
  </si>
  <si>
    <t>01/16/2020 16:44:33</t>
  </si>
  <si>
    <t>100014082285011;100014122394468;andrelpsa@algartech.com;cpc-controldeskavon@algartech.com;joaogvc@algartech.com;joseasn@algartech.com;josiascdsj@algartech.com;leonardoao@algartech.com;marianadjc@algartech.com;maristelavodq@bv.algartech.com;paulacn@algartech.com;qualidadealgarbv@algartech.com;supervisaobancovotorantim@algartech.com;taysdss@algartech.com;thiagolrc@bv.algartech.com;</t>
  </si>
  <si>
    <t>100014082285011,100014122394468,andrelpsa@algartech.com,cpc-controldeskavon@algartech.com,joaogvc@algartech.com,joseasn@algartech.com,josiascdsj@algartech.com,leonardoao@algartech.com,marianadjc@algartech.com,maristelavodq@bv.algartech.com,paulacn@algartech.com,qualidadealgarbv@algartech.com,supervisaobancovotorantim@algartech.com,taysdss@algartech.com,thiagolrc@bv.algartech.com</t>
  </si>
  <si>
    <t>01/16/2020 16:44:41</t>
  </si>
  <si>
    <t>100014122394468;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100014122394468,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01/16/2020 16:44:52</t>
  </si>
  <si>
    <t>01/16/2020 16:44:55</t>
  </si>
  <si>
    <t>01/16/2020 16:45:18</t>
  </si>
  <si>
    <t>01/16/2020 16:41:09</t>
  </si>
  <si>
    <t>01/16/2020 16:46:35</t>
  </si>
  <si>
    <t>http:///drive/jserror?script=https%3A%2F%2Fdrive.google.com%2Fdrive%2Fmy-drive&amp;error=Error%20occurred%20while%20loading%20the%20latest%20set%20of%20apps.%0AType%3A%20RUNTIME%0AMessage%3A%20Invalid%20Credentials%0ADataType%3A%20APPS%0AIsExternal%3A%20true%0AServerErrorReason%3A%20SERVER_AUTH_ERROR%0AHttpResponseCode%3A%20401%0AResourceUrl%3A%20https%3A%2F%2Fclients6.google.com%2Fdrive%2Fv2internal%2Fapps%0A%0A%7B%0A%20%22error%22%3A%20%7B%0A%20%20%22errors%22%3A%20%5B%0A%20%20%20%7B%0A%20%20%20%20%22domain%22%3A%20%22global%22%2C%0A%20%20%20%20%22reason%22%3A%20%22authError%22%2C%0A%20%20%20%20%22message%22%3A%20%22Invalid%20Credentials%22%2C%0A%20%20%20%20%22locationType%22%3A%20%22header%22%2C%0A%20%20%20%20%22location%22%3A%20%22Authorization%22%0A%20%20%20%7D%0A%20%20%5D%2C%0A%20%20%22code%22%3A%20401%2C%0A%20%20%22message%22%3A%20%22Invalid%20Credentials%22%0A%20%7D%0A%7D%0A&amp;line=Not%20available</t>
  </si>
  <si>
    <t>"mozilla/5.0 (windows nt 6.1) applewebkit/537.36 (khtml;0;0]#�_x0008_�#�_x0008_goog;0]@��(1j�_x001F_�_x0005_��;0]\\\\\\\a��_x0005_&lt;l;0]als;0]l;1;13;130841638;13700014;13700109;13700167;13700185;13700235;1370045;13700451;13700563;13700607;13700883;13700946;13700951;13700982;1370098ugmentedpermissions;13701078;13701139;13701207;13701214;13701235;13701239;13701262;13701276;13701298;13701418]];13701418]]];13701422;13701430;13701450;13701458;13701486;13701506;13701510;13701534;13701537;13701573;13701577;13701589;13701609;13701613;13701625;13701653;13701657;13701693;13701709;13701749;13701825;13701833;13701901;13701905;13701909;13701921;13701945;13701949;13701953;13701957;13701969;13702064;13702068;13702087;13702088;14;142961685;1578930052848000;1578930058554000;1579001467444000]]];1579007402909;1579100516617000;1579100527286000;1579104441152;1579111946059;1579113752038;17;1ya5yrwelrso-yxib3ctz0mdjsqkh2uffmn2kfrmynlkfp2vhk5vxrjlyzc1nx1i8okgrxz4hh9fxnqqavexbjgszjfxng_3tikapcccza7s5nl0iiv528sipt3_n6smfvjyvnmz5gmbld86jsedcdqpnbowbtwaejdtwlwiwyazyl</t>
  </si>
  <si>
    <t>http://"mozilla/5.0 (windows nt 6.1) applewebkit/537.36 (khtml,0,0]#�_x0008_�#�_x0008_goog,0]@��(1j�_x001F_�_x0005_��,0]\\\\\\\a��_x0005_&lt;l,0]als,0]l,1,13,130841638,13700014,13700109,13700167,13700185,13700235,1370045,13700451,13700563,13700607,13700883,13700946,13700951,13700982,1370098ugmentedpermissions,13701078,13701139,13701207,13701214,13701235,13701239,13701262,13701276,13701298,13701418]],13701418]]],13701422,13701430,13701450,13701458,13701486,13701506,13701510,13701534,13701537,13701573,13701577,13701589,13701609,13701613,13701625,13701653,13701657,13701693,13701709,13701749,13701825,13701833,13701901,13701905,13701909,13701921,13701945,13701949,13701953,13701957,13701969,13702064,13702068,13702087,13702088,14,142961685,1578930052848000,1578930058554000,1579001467444000]]],1579007402909,1579100516617000,1579100527286000,1579104441152,1579111946059,1579113752038,17,1ya5yrwelrso-yxib3ctz0mdjsqkh2uffmn2kfrmynlkfp2vhk5vxrjlyzc1nx1i8okgrxz4hh9fxnqqavexbjgszjfxng_3tikapcccza7s5nl0iiv528sipt3_n6smfvjyvnmz5gmbld86jsedcdqpnbowbtwaejdtwlw</t>
  </si>
  <si>
    <t>"mozilla/5.0 (windows nt 6.1) applewebkit/537.36 (khtml;0;0]#�_x0008_�#�_x0008_goog;0]@��(1j�_x001F_�_x0005_��;0]\\\\\\\a��_x0005_&lt;l;0]als;0]l;1;13;130841638;13700014;13700109;13700167;13700185;13700235;1370045;13700451;13700563;13700607;13700883;13700946;13700951;13700982;1370098ugmentedpermissions;13701078;13701139;13701207;13701214;13701235;13701239;13701262;13701276;13701298;13701418&amp;context.historytoken_=my-drive&amp;context.network=online&amp;context.numnetstatechgs=0&amp;context.action=finish apps:fnfy6c&amp;context.majorexperiments=csw_off;13701418]];13701418]]];13701422;13701430;13701450;13701458;13701486;13701506;13701510;13701534;13701537;13701573;13701577;13701589;13701609;13701613;13701625;13701653;13701657;13701693;13701709;13701749;13701825;13701833;13701901;13701905;13701909;13701921;13701945;13701949;13701953;13701957;13701969;13702064;13702068;13702087;13702088;14;142961685;1578930052848000;1578930058554000;1579001467444000]]];1579007402909;1579100516617000;1579100527286000;1579104441152;1579111946059;1579113752038;17;1ya5yrwelrso-yxib3</t>
  </si>
  <si>
    <t>http://"mozilla/5.0 (windows nt 6.1) applewebkit/537.36 (khtml,0,0]#�_x0008_�#�_x0008_goog,0]@��(1j�_x001F_�_x0005_��,0]\\\\\\\a��_x0005_&lt;l,0]als,0]l,1,13,130841638,13700014,13700109,13700167,13700185,13700235,1370045,13700451,13700563,13700607,13700883,13700946,13700951,13700982,1370098ugmentedpermissions,13701078,13701139,13701207,13701214,13701235,13701239,13701262,13701276,13701298,13701418&amp;context.historytoken_=my-drive&amp;context.network=online&amp;context.numnetstatechgs=0&amp;context.action=finish apps:fnfy6c&amp;context.majorexperiments=csw_off,13701418]],13701418]]],13701422,13701430,13701450,13701458,13701486,13701506,13701510,13701534,13701537,13701573,13701577,13701589,13701609,13701613,13701625,13701653,13701657,13701693,13701709,13701749,13701825,13701833,13701901,13701905,13701909,13701921,13701945,13701949,13701953,13701957,13701969,13702064,13702068,13702087,13702088,14,142961685,1578930052848000,1578930058554000,1579001467444000]]],1579007402909,1579100516617000,1579100527286000,1579104441152,1579111946059,1579113752038,17,1ya5yrwelrs</t>
  </si>
  <si>
    <t>01/16/2020 16:47:36</t>
  </si>
  <si>
    <t>8dd51b77-335d-4430-aec8-e89cae123acf.tmp</t>
  </si>
  <si>
    <t>\\acsfs\profiles$\fabianobmf\Downloads\8dd51b77-335d-4430-aec8-e89cae123acf.tmp</t>
  </si>
  <si>
    <t>01/16/2020 16:45:05</t>
  </si>
  <si>
    <t>01/16/2020 16:49:35</t>
  </si>
  <si>
    <t>cad743f8-4f69-4ea2-ac4e-85d3c311c01a.tmp</t>
  </si>
  <si>
    <t>\\acsfs\profiles$\esterasg\Downloads\cad743f8-4f69-4ea2-ac4e-85d3c311c01a.tmp</t>
  </si>
  <si>
    <t>01/16/2020 16:45:52</t>
  </si>
  <si>
    <t>\\acsfs\profiles$\isabeldst\My Documents\xworkcenter\logs\</t>
  </si>
  <si>
    <t>XLOG_isabeldst_16012020_164537.log</t>
  </si>
  <si>
    <t>\\acsfs\profiles$\isabeldst\My Documents\xworkcenter\logs\XLOG_isabeldst_16012020_164537.log</t>
  </si>
  <si>
    <t>01/16/2020 16:50:36</t>
  </si>
  <si>
    <t>01/16/2020 16:44:59</t>
  </si>
  <si>
    <t>01/16/2020 16:45:04</t>
  </si>
  <si>
    <t>01/16/2020 16:45:42</t>
  </si>
  <si>
    <t>01/16/2020 16:49:21</t>
  </si>
  <si>
    <t>16-01 RELATORIO DE LOGIN AVON.xlsm</t>
  </si>
  <si>
    <t>\\acsfs\deptos\Operacao\PCP\5 - Comum\CONTROL DESK\2 - DAC2\Control Desk AVON\Relatorios\Status de login\2020\16-01 RELATORIO DE LOGIN AVON.xlsm</t>
  </si>
  <si>
    <t>01/16/2020 16:48:36</t>
  </si>
  <si>
    <t>01/16/2020 16:49:06</t>
  </si>
  <si>
    <t>01/16/2020 16:45:28</t>
  </si>
  <si>
    <t>01/16/2020 16:46:57</t>
  </si>
  <si>
    <t>01/16/2020 16:48:07</t>
  </si>
  <si>
    <t>01/16/2020 16:49:09</t>
  </si>
  <si>
    <t>01/16/2020 16:52:36</t>
  </si>
  <si>
    <t>01/16/2020 16:48:25</t>
  </si>
  <si>
    <t>b25c1029-f19b-4ae2-adf6-cdb175cd943c.tmp</t>
  </si>
  <si>
    <t>\\acsfs\profiles$\gabrielamdp\Downloads\b25c1029-f19b-4ae2-adf6-cdb175cd943c.tmp</t>
  </si>
  <si>
    <t>01/16/2020 16:52:10</t>
  </si>
  <si>
    <t>01/16/2020 16:54:36</t>
  </si>
  <si>
    <t>01/16/2020 16:52:40</t>
  </si>
  <si>
    <t>01/16/2020 16:52:54</t>
  </si>
  <si>
    <t>01/16/2020 16:55:35</t>
  </si>
  <si>
    <t>01/16/2020 16:56:05</t>
  </si>
  <si>
    <t>01/16/2020 16:57:36</t>
  </si>
  <si>
    <t>5ba27ee0-c981-4c69-993d-e988e7b56bd4.tmp</t>
  </si>
  <si>
    <t>\\acsfs\profiles$\gabrielsma\Downloads\5ba27ee0-c981-4c69-993d-e988e7b56bd4.tmp</t>
  </si>
  <si>
    <t>01/16/2020 16:56:08</t>
  </si>
  <si>
    <t>01/16/2020 16:56:26</t>
  </si>
  <si>
    <t>f6c564cf-396f-4555-ab5b-1dc80126bda5.tmp</t>
  </si>
  <si>
    <t>\\acsfs\profiles$\fernandofs\Downloads\f6c564cf-396f-4555-ab5b-1dc80126bda5.tmp</t>
  </si>
  <si>
    <t>01/16/2020 16:55:30</t>
  </si>
  <si>
    <t>01/16/2020 16:59:36</t>
  </si>
  <si>
    <t>9db52194-ec7c-4a33-8145-b4b6373eb8da.tmp</t>
  </si>
  <si>
    <t>\\acsfs\profiles$\esterasg\Downloads\9db52194-ec7c-4a33-8145-b4b6373eb8da.tmp</t>
  </si>
  <si>
    <t>01/16/2020 16:55:52</t>
  </si>
  <si>
    <t>01/16/2020 17:00:36</t>
  </si>
  <si>
    <t>01/16/2020 16:55:21</t>
  </si>
  <si>
    <t>01/16/2020 16:55:27</t>
  </si>
  <si>
    <t>01/16/2020 16:55:59</t>
  </si>
  <si>
    <t>01/16/2020 16:56:22</t>
  </si>
  <si>
    <t>01/16/2020 16:59:32</t>
  </si>
  <si>
    <t>01/16/2020 17:00:04</t>
  </si>
  <si>
    <t>01/16/2020 17:01:36</t>
  </si>
  <si>
    <t>01/16/2020 17:02:36</t>
  </si>
  <si>
    <t>01/16/2020 17:03:01</t>
  </si>
  <si>
    <t>01/16/2020 17:04:36</t>
  </si>
  <si>
    <t>3bf7c275-d4f6-4bb2-81d1-d736bc279ef3.tmp</t>
  </si>
  <si>
    <t>\\acsfs\profiles$\fabianafv\Downloads\3bf7c275-d4f6-4bb2-81d1-d736bc279ef3.tmp</t>
  </si>
  <si>
    <t>01/16/2020 17:05:35</t>
  </si>
  <si>
    <t>01/16/2020 17:01:54</t>
  </si>
  <si>
    <t>01/16/2020 17:02:19</t>
  </si>
  <si>
    <t>01/16/2020 17:02:30</t>
  </si>
  <si>
    <t>01/16/2020 17:03:34</t>
  </si>
  <si>
    <t>01/16/2020 17:03:40</t>
  </si>
  <si>
    <t>01/16/2020 17:04:07</t>
  </si>
  <si>
    <t>mail.google.com/sync/u/0/i/s?hl=pt-BR&amp;c=1030</t>
  </si>
  <si>
    <t>01/16/2020 17:04:26</t>
  </si>
  <si>
    <t>mail.google.com/sync/u/0/i/s?hl=pt-BR&amp;c=1032</t>
  </si>
  <si>
    <t>01/16/2020 17:04:29</t>
  </si>
  <si>
    <t>mail.google.com/sync/u/0/i/s?hl=pt-BR&amp;c=1034</t>
  </si>
  <si>
    <t>01/16/2020 17:00:18</t>
  </si>
  <si>
    <t>01/16/2020 17:00:30</t>
  </si>
  <si>
    <t>01/16/2020 17:01:01</t>
  </si>
  <si>
    <t>01/16/2020 17:01:30</t>
  </si>
  <si>
    <t>01/16/2020 17:02:02</t>
  </si>
  <si>
    <t>01/16/2020 17:07:35</t>
  </si>
  <si>
    <t>01/16/2020 17:05:03</t>
  </si>
  <si>
    <t>01/16/2020 17:06:40</t>
  </si>
  <si>
    <t>01/16/2020 17:10:36</t>
  </si>
  <si>
    <t>01/16/2020 17:06:29</t>
  </si>
  <si>
    <t>55e60b91-7bc1-47b6-a859-7acee22566b9.tmp</t>
  </si>
  <si>
    <t>\\acsfs\profiles$\andrezacapf\Downloads\55e60b91-7bc1-47b6-a859-7acee22566b9.tmp</t>
  </si>
  <si>
    <t>01/16/2020 17:08:19</t>
  </si>
  <si>
    <t>321d0ddc-53c1-45b6-92f5-9a238f0e2d81.tmp</t>
  </si>
  <si>
    <t>\\acsfs\profiles$\andressamf\Downloads\321d0ddc-53c1-45b6-92f5-9a238f0e2d81.tmp</t>
  </si>
  <si>
    <t>01/16/2020 17:08:43</t>
  </si>
  <si>
    <t>\\acsfs\profiles$\andressamf\Downloads\.~lock.Filas.xlsx#</t>
  </si>
  <si>
    <t>01/16/2020 17:08:24</t>
  </si>
  <si>
    <t>01/16/2020 17:07:26</t>
  </si>
  <si>
    <t>01/16/2020 17:08:02</t>
  </si>
  <si>
    <t>01/16/2020 17:12:35</t>
  </si>
  <si>
    <t>01/16/2020 17:07:25</t>
  </si>
  <si>
    <t>Validação RBACs.xlsx</t>
  </si>
  <si>
    <t>\\acsfs\ACS\Gabriel da Silva\Contemporânea\Acessos\Validação RBACs.xlsx</t>
  </si>
  <si>
    <t>01/16/2020 17:11:17</t>
  </si>
  <si>
    <t>01/16/2020 17:08:54</t>
  </si>
  <si>
    <t>01/16/2020 17:13:36</t>
  </si>
  <si>
    <t>01/16/2020 17:13:47</t>
  </si>
  <si>
    <t>01/16/2020 17:15:36</t>
  </si>
  <si>
    <t>01/16/2020 17:11:07</t>
  </si>
  <si>
    <t>01/16/2020 17:11:40</t>
  </si>
  <si>
    <t>01/16/2020 17:12:01</t>
  </si>
  <si>
    <t>01/16/2020 17:12:20</t>
  </si>
  <si>
    <t>mail.google.com/sync/u/0/i/s?hl=pt-BR&amp;c=1045</t>
  </si>
  <si>
    <t>100014082285011,andrelpsa@algartech.com,cpc-controldeskavon@algartech.com,joaogvc@algartech.com,joseasn@algartech.com,josiascdsj@algartech.com,leonardoao@algartech.com,luiz.henriquesantos@avon.com,marianadjc@algartech.com,maristelavodq@bv.algartech.com,paulacn@algartech.com,qualidadealgarbv@algartech.com,supervisaobancovotorantim@algartech.com,taysdss@algartech.com,thiagolrc@bv.algartech.com</t>
  </si>
  <si>
    <t>01/16/2020 17:12:25</t>
  </si>
  <si>
    <t>mail.google.com/sync/u/0/i/s?hl=pt-BR&amp;c=1047</t>
  </si>
  <si>
    <t>01/16/2020 17:12:45</t>
  </si>
  <si>
    <t>mail.google.com/sync/u/0/i/s?hl=pt-BR&amp;c=1049</t>
  </si>
  <si>
    <t>01/16/2020 17:12:52</t>
  </si>
  <si>
    <t>mail.google.com/sync/u/0/i/s?hl=pt-BR&amp;c=1051</t>
  </si>
  <si>
    <t>01/16/2020 17:12:57</t>
  </si>
  <si>
    <t>mail.google.com/sync/u/0/i/s?hl=pt-BR&amp;c=1053</t>
  </si>
  <si>
    <t>01/16/2020 17:13:39</t>
  </si>
  <si>
    <t>01/16/2020 17:13:52</t>
  </si>
  <si>
    <t>01/16/2020 17:13:58</t>
  </si>
  <si>
    <t>01/16/2020 17:14:08</t>
  </si>
  <si>
    <t>01/16/2020 17:14:11</t>
  </si>
  <si>
    <t>01/16/2020 17:14:42</t>
  </si>
  <si>
    <t>01/16/2020 17:14:48</t>
  </si>
  <si>
    <t>01/16/2020 17:14:52</t>
  </si>
  <si>
    <t>01/16/2020 17:14:57</t>
  </si>
  <si>
    <t>01/16/2020 17:15:00</t>
  </si>
  <si>
    <t>01/16/2020 17:17:36</t>
  </si>
  <si>
    <t>01/16/2020 17:17:04</t>
  </si>
  <si>
    <t>53e7904d-8ddb-44af-90da-112e8648e0a1.tmp</t>
  </si>
  <si>
    <t>\\acsfs\profiles$\fabianobmf\Downloads\53e7904d-8ddb-44af-90da-112e8648e0a1.tmp</t>
  </si>
  <si>
    <t>01/16/2020 17:14:54</t>
  </si>
  <si>
    <t>01/16/2020 17:20:35</t>
  </si>
  <si>
    <t>01/16/2020 17:18:56</t>
  </si>
  <si>
    <t>01/16/2020 17:19:45</t>
  </si>
  <si>
    <t>01/16/2020 17:15:32</t>
  </si>
  <si>
    <t>mail.google.com/sync/u/0/i/s?hl=pt-BR&amp;c=1079</t>
  </si>
  <si>
    <t>01/16/2020 17:15:40</t>
  </si>
  <si>
    <t>mail.google.com/sync/u/0/i/s?hl=pt-BR&amp;c=1081</t>
  </si>
  <si>
    <t>01/16/2020 17:16:29</t>
  </si>
  <si>
    <t>01/16/2020 17:17:00</t>
  </si>
  <si>
    <t>01/16/2020 17:16:45</t>
  </si>
  <si>
    <t>01/16/2020 17:16:46</t>
  </si>
  <si>
    <t>lu125001e9hkn.tmp</t>
  </si>
  <si>
    <t>\\acsfs\profiles$\andressamf\Downloads\lu125001e9hkn.tmp</t>
  </si>
  <si>
    <t>01/16/2020 17:17:35</t>
  </si>
  <si>
    <t>01/16/2020 17:21:35</t>
  </si>
  <si>
    <t>01/16/2020 17:18:43</t>
  </si>
  <si>
    <t>01/16/2020 17:22:36</t>
  </si>
  <si>
    <t>01/16/2020 17:21:04</t>
  </si>
  <si>
    <t>01/16/2020 17:21:05</t>
  </si>
  <si>
    <t>lu8412ile0.tmp</t>
  </si>
  <si>
    <t>\\acsfs\profiles$\VICTORIAKSR\Downloads\lu8412ile0.tmp</t>
  </si>
  <si>
    <t>01/16/2020 17:17:56</t>
  </si>
  <si>
    <t>01/16/2020 17:18:34</t>
  </si>
  <si>
    <t>01/16/2020 17:20:32</t>
  </si>
  <si>
    <t>01/16/2020 17:21:12</t>
  </si>
  <si>
    <t>01/16/2020 17:23:35</t>
  </si>
  <si>
    <t>01/16/2020 17:21:27</t>
  </si>
  <si>
    <t>26333747-fa5e-4e7f-8891-697fc51d0db3.tmp</t>
  </si>
  <si>
    <t>\\acsfs\profiles$\ingridsm\Downloads\26333747-fa5e-4e7f-8891-697fc51d0db3.tmp</t>
  </si>
  <si>
    <t>01/16/2020 17:25:36</t>
  </si>
  <si>
    <t>01/16/2020 17:24:01</t>
  </si>
  <si>
    <t>XLOG_andrezacapf_16012020_090126.log</t>
  </si>
  <si>
    <t>\\acsfs\profiles$\andrezacapf\My Documents\xworkcenter\logs\XLOG_andrezacapf_16012020_090126.log</t>
  </si>
  <si>
    <t>01/16/2020 17:21:43</t>
  </si>
  <si>
    <t>8df48048-ef30-40b0-9b76-4472e93b233e.tmp</t>
  </si>
  <si>
    <t>\\acsfs\profiles$\andressamf\Downloads\8df48048-ef30-40b0-9b76-4472e93b233e.tmp</t>
  </si>
  <si>
    <t>01/16/2020 17:21:48</t>
  </si>
  <si>
    <t>.~lock.Filas (1).xlsx#</t>
  </si>
  <si>
    <t>\\acsfs\profiles$\andressamf\Downloads\.~lock.Filas (1).xlsx#</t>
  </si>
  <si>
    <t>01/16/2020 17:27:36</t>
  </si>
  <si>
    <t>01/16/2020 17:23:06</t>
  </si>
  <si>
    <t>01/16/2020 17:22:47</t>
  </si>
  <si>
    <t>01/16/2020 17:28:36</t>
  </si>
  <si>
    <t>ca7063e0-78be-4545-9d22-48ece087f993.tmp</t>
  </si>
  <si>
    <t>\\acsfs\profiles$\ingridsm\Downloads\ca7063e0-78be-4545-9d22-48ece087f993.tmp</t>
  </si>
  <si>
    <t>01/16/2020 17:23:40</t>
  </si>
  <si>
    <t>d98a4268-2f95-4870-9993-4eb2e4b0ab00.tmp</t>
  </si>
  <si>
    <t>\\acsfs\profiles$\ingridsm\Downloads\d98a4268-2f95-4870-9993-4eb2e4b0ab00.tmp</t>
  </si>
  <si>
    <t>01/16/2020 17:30:36</t>
  </si>
  <si>
    <t>01/16/2020 17:25:14</t>
  </si>
  <si>
    <t>01/16/2020 17:31:12</t>
  </si>
  <si>
    <t>01/16/2020 17:32:36</t>
  </si>
  <si>
    <t>c3fc595b-aeda-4622-8b24-ad75e76d3c43.tmp</t>
  </si>
  <si>
    <t>\\acsfs\profiles$\victoriaksr\Downloads\c3fc595b-aeda-4622-8b24-ad75e76d3c43.tmp</t>
  </si>
  <si>
    <t>01/16/2020 17:31:32</t>
  </si>
  <si>
    <t>9088fb33-57e1-4c09-90c6-9139af74dc45.tmp</t>
  </si>
  <si>
    <t>\\acsfs\profiles$\victoriaksr\Downloads\9088fb33-57e1-4c09-90c6-9139af74dc45.tmp</t>
  </si>
  <si>
    <t>01/16/2020 17:33:36</t>
  </si>
  <si>
    <t>01/16/2020 17:31:44</t>
  </si>
  <si>
    <t>01/16/2020 17:31:49</t>
  </si>
  <si>
    <t>01/16/2020 17:32:31</t>
  </si>
  <si>
    <t>INCENTIVO - CHAMADAS ATENDIDAS.xlsx</t>
  </si>
  <si>
    <t>01/16/2020 17:34:35</t>
  </si>
  <si>
    <t>01/16/2020 17:31:47</t>
  </si>
  <si>
    <t>01/16/2020 17:35:36</t>
  </si>
  <si>
    <t>10.200.66.70</t>
  </si>
  <si>
    <t>82a8e48c-2f73-4f7f-962a-13bb59951db6.tmp</t>
  </si>
  <si>
    <t>\\acsfs\profiles$\fernandofs\Downloads\82a8e48c-2f73-4f7f-962a-13bb59951db6.tmp</t>
  </si>
  <si>
    <t>01/16/2020 17:31:52</t>
  </si>
  <si>
    <t>7b8383cf-133f-400b-a188-2363b576b745.tmp</t>
  </si>
  <si>
    <t>\\acsfs\profiles$\fernandofs\Downloads\7b8383cf-133f-400b-a188-2363b576b745.tmp</t>
  </si>
  <si>
    <t>01/16/2020 17:32:17</t>
  </si>
  <si>
    <t>9a449f61-be71-462f-8386-a659f0af5954.tmp</t>
  </si>
  <si>
    <t>\\acsfs\profiles$\fernandofs\Downloads\9a449f61-be71-462f-8386-a659f0af5954.tmp</t>
  </si>
  <si>
    <t>01/16/2020 17:34:39</t>
  </si>
  <si>
    <t>01/16/2020 17:34:27</t>
  </si>
  <si>
    <t>01/16/2020 17:37:36</t>
  </si>
  <si>
    <t>01/16/2020 17:34:29</t>
  </si>
  <si>
    <t>01/16/2020 17:34:34</t>
  </si>
  <si>
    <t>01/16/2020 17:34:36</t>
  </si>
  <si>
    <t>01/16/2020 17:34:38</t>
  </si>
  <si>
    <t>01/16/2020 17:34:41</t>
  </si>
  <si>
    <t>01/16/2020 17:34:42</t>
  </si>
  <si>
    <t>01/16/2020 17:34:44</t>
  </si>
  <si>
    <t>01/16/2020 17:34:45</t>
  </si>
  <si>
    <t>01/16/2020 17:34:46</t>
  </si>
  <si>
    <t>01/16/2020 17:34:47</t>
  </si>
  <si>
    <t>01/16/2020 17:34:48</t>
  </si>
  <si>
    <t>01/16/2020 17:34:50</t>
  </si>
  <si>
    <t>01/16/2020 17:34:51</t>
  </si>
  <si>
    <t>01/16/2020 17:34:52</t>
  </si>
  <si>
    <t>01/16/2020 17:34:53</t>
  </si>
  <si>
    <t>01/16/2020 17:34:54</t>
  </si>
  <si>
    <t>01/16/2020 17:34:55</t>
  </si>
  <si>
    <t>01/16/2020 17:34:57</t>
  </si>
  <si>
    <t>01/16/2020 17:34:58</t>
  </si>
  <si>
    <t>01/16/2020 17:35:00</t>
  </si>
  <si>
    <t>01/16/2020 17:35:02</t>
  </si>
  <si>
    <t>01/16/2020 17:35:03</t>
  </si>
  <si>
    <t>01/16/2020 17:35:04</t>
  </si>
  <si>
    <t>01/16/2020 17:35:05</t>
  </si>
  <si>
    <t>01/16/2020 17:35:08</t>
  </si>
  <si>
    <t>01/16/2020 17:35:09</t>
  </si>
  <si>
    <t>01/16/2020 17:35:10</t>
  </si>
  <si>
    <t>01/16/2020 17:35:11</t>
  </si>
  <si>
    <t>01/16/2020 17:35:12</t>
  </si>
  <si>
    <t>01/16/2020 17:35:13</t>
  </si>
  <si>
    <t>01/16/2020 17:35:14</t>
  </si>
  <si>
    <t>01/16/2020 17:35:35</t>
  </si>
  <si>
    <t>01/16/2020 17:35:34</t>
  </si>
  <si>
    <t>01/16/2020 17:37:09</t>
  </si>
  <si>
    <t>01/16/2020 17:38:36</t>
  </si>
  <si>
    <t>15f868e2-5068-4934-bfba-10bc6eb39a34.tmp</t>
  </si>
  <si>
    <t>\\acsfs\profiles$\erichds\Downloads\15f868e2-5068-4934-bfba-10bc6eb39a34.tmp</t>
  </si>
  <si>
    <t>01/16/2020 17:36:48</t>
  </si>
  <si>
    <t>01/16/2020 17:36:50</t>
  </si>
  <si>
    <t>01/16/2020 17:36:51</t>
  </si>
  <si>
    <t>01/16/2020 17:36:52</t>
  </si>
  <si>
    <t>01/16/2020 17:36:53</t>
  </si>
  <si>
    <t>01/16/2020 17:36:55</t>
  </si>
  <si>
    <t>01/16/2020 17:36:56</t>
  </si>
  <si>
    <t>01/16/2020 17:36:57</t>
  </si>
  <si>
    <t>01/16/2020 17:36:58</t>
  </si>
  <si>
    <t>01/16/2020 17:36:59</t>
  </si>
  <si>
    <t>01/16/2020 17:37:02</t>
  </si>
  <si>
    <t>01/16/2020 17:37:04</t>
  </si>
  <si>
    <t>01/16/2020 17:37:05</t>
  </si>
  <si>
    <t>01/16/2020 17:37:06</t>
  </si>
  <si>
    <t>01/16/2020 17:37:08</t>
  </si>
  <si>
    <t>01/16/2020 17:37:10</t>
  </si>
  <si>
    <t>01/16/2020 17:37:11</t>
  </si>
  <si>
    <t>01/16/2020 17:37:12</t>
  </si>
  <si>
    <t>01/16/2020 17:37:14</t>
  </si>
  <si>
    <t>01/16/2020 17:37:15</t>
  </si>
  <si>
    <t>01/16/2020 17:37:16</t>
  </si>
  <si>
    <t>01/16/2020 17:37:17</t>
  </si>
  <si>
    <t>01/16/2020 17:37:18</t>
  </si>
  <si>
    <t>01/16/2020 17:37:20</t>
  </si>
  <si>
    <t>01/16/2020 17:37:21</t>
  </si>
  <si>
    <t>01/16/2020 17:37:22</t>
  </si>
  <si>
    <t>01/16/2020 17:37:23</t>
  </si>
  <si>
    <t>01/16/2020 17:37:24</t>
  </si>
  <si>
    <t>01/16/2020 17:37:25</t>
  </si>
  <si>
    <t>01/16/2020 17:37:26</t>
  </si>
  <si>
    <t>01/16/2020 17:37:28</t>
  </si>
  <si>
    <t>01/16/2020 17:37:29</t>
  </si>
  <si>
    <t>01/16/2020 17:38:11</t>
  </si>
  <si>
    <t>01/16/2020 17:40:36</t>
  </si>
  <si>
    <t>e09a3a8e-d8ca-455f-a44f-a43c73f72ea4.tmp</t>
  </si>
  <si>
    <t>\\acsfs\profiles$\fernandofs\Downloads\e09a3a8e-d8ca-455f-a44f-a43c73f72ea4.tmp</t>
  </si>
  <si>
    <t>01/16/2020 17:38:26</t>
  </si>
  <si>
    <t>01/16/2020 17:41:36</t>
  </si>
  <si>
    <t>01/16/2020 17:38:38</t>
  </si>
  <si>
    <t>01/16/2020 17:38:50</t>
  </si>
  <si>
    <t>01/16/2020 17:40:39</t>
  </si>
  <si>
    <t>5e03fdeb-4587-42bd-9dcf-c711244c781e.tmp</t>
  </si>
  <si>
    <t>\\acsfs\profiles$\Adrieledgc\Downloads\5e03fdeb-4587-42bd-9dcf-c711244c781e.tmp</t>
  </si>
  <si>
    <t>01/16/2020 17:40:08</t>
  </si>
  <si>
    <t>01/16/2020 17:42:36</t>
  </si>
  <si>
    <t>76046d9e-5f8a-40fe-850b-febd253504ae.tmp</t>
  </si>
  <si>
    <t>\\acsfs\profiles$\leonardocb\Downloads\76046d9e-5f8a-40fe-850b-febd253504ae.tmp</t>
  </si>
  <si>
    <t>01/16/2020 17:41:16</t>
  </si>
  <si>
    <t>4bebf41f-0767-447f-a6b0-0e518843330c.tmp</t>
  </si>
  <si>
    <t>\\acsfs\profiles$\leonardocb\Downloads\4bebf41f-0767-447f-a6b0-0e518843330c.tmp</t>
  </si>
  <si>
    <t>01/16/2020 17:37:57</t>
  </si>
  <si>
    <t>01/16/2020 17:43:36</t>
  </si>
  <si>
    <t>01/16/2020 17:39:32</t>
  </si>
  <si>
    <t>95ceb31b-d676-42a2-b6c8-b71f1ab23ced.tmp</t>
  </si>
  <si>
    <t>\\acsfs\profiles$\mariajaf\Downloads\95ceb31b-d676-42a2-b6c8-b71f1ab23ced.tmp</t>
  </si>
  <si>
    <t>01/16/2020 17:41:18</t>
  </si>
  <si>
    <t>0920abac-9620-4481-a8c7-b5e6d85e100d.tmp</t>
  </si>
  <si>
    <t>\\acsfs\profiles$\mariajaf\Downloads\0920abac-9620-4481-a8c7-b5e6d85e100d.tmp</t>
  </si>
  <si>
    <t>01/16/2020 17:38:46</t>
  </si>
  <si>
    <t>01/16/2020 17:39:46</t>
  </si>
  <si>
    <t>01/16/2020 17:39:51</t>
  </si>
  <si>
    <t>01/16/2020 17:44:30</t>
  </si>
  <si>
    <t>01/16/2020 17:45:36</t>
  </si>
  <si>
    <t>610d10b6-78b9-4a9d-a2fc-606d90419afe.tmp</t>
  </si>
  <si>
    <t>\\acsfs\profiles$\brunalas\Downloads\610d10b6-78b9-4a9d-a2fc-606d90419afe.tmp</t>
  </si>
  <si>
    <t>01/16/2020 17:42:43</t>
  </si>
  <si>
    <t>01/16/2020 17:46:36</t>
  </si>
  <si>
    <t>C:\Users\gustavodsil\Downloads\</t>
  </si>
  <si>
    <t>Denner.pdf</t>
  </si>
  <si>
    <t>01/16/2020 17:40:47</t>
  </si>
  <si>
    <t>4caec437-ac4f-4607-aa99-3686d51ad929.tmp</t>
  </si>
  <si>
    <t>\\acsfs\profiles$\Adrieledgc\Downloads\4caec437-ac4f-4607-aa99-3686d51ad929.tmp</t>
  </si>
  <si>
    <t>01/16/2020 17:42:50</t>
  </si>
  <si>
    <t>01/16/2020 17:41:53</t>
  </si>
  <si>
    <t>68e2f435-8123-4d5b-b5d4-4c2417101e43.tmp</t>
  </si>
  <si>
    <t>\\acsfs\profiles$\Adrieledgc\Downloads\68e2f435-8123-4d5b-b5d4-4c2417101e43.tmp</t>
  </si>
  <si>
    <t>01/16/2020 17:42:27</t>
  </si>
  <si>
    <t>01/16/2020 17:49:36</t>
  </si>
  <si>
    <t>b6057e15-3ea8-415b-b9a2-91ae91ca7c48.tmp</t>
  </si>
  <si>
    <t>\\acsfs\profiles$\fabianafv\Downloads\b6057e15-3ea8-415b-b9a2-91ae91ca7c48.tmp</t>
  </si>
  <si>
    <t>01/16/2020 17:45:20</t>
  </si>
  <si>
    <t>01/16/2020 17:46:54</t>
  </si>
  <si>
    <t>e9348c07-1b27-44dd-a16b-516f98f7e4fd.tmp</t>
  </si>
  <si>
    <t>\\acsfs\profiles$\laurandos\Downloads\e9348c07-1b27-44dd-a16b-516f98f7e4fd.tmp</t>
  </si>
  <si>
    <t>01/16/2020 17:49:22</t>
  </si>
  <si>
    <t>44132b49-1fc8-4404-80be-f503ac2ea212.tmp</t>
  </si>
  <si>
    <t>\\acsfs\profiles$\laurandos\Downloads\44132b49-1fc8-4404-80be-f503ac2ea212.tmp</t>
  </si>
  <si>
    <t>01/16/2020 17:50:37</t>
  </si>
  <si>
    <t>01/16/2020 17:51:36</t>
  </si>
  <si>
    <t>01/16/2020 17:48:48</t>
  </si>
  <si>
    <t>XLOG_anakcs_16012020_134138.log</t>
  </si>
  <si>
    <t>\\acsfs\profiles$\anakcs\My Documents\xworkcenter\logs\XLOG_anakcs_16012020_134138.log</t>
  </si>
  <si>
    <t>01/16/2020 17:50:43</t>
  </si>
  <si>
    <t>de0ea647-169a-4d2e-bcd4-334c4245aa48.tmp</t>
  </si>
  <si>
    <t>\\acsfs\profiles$\welidicdj\Downloads\de0ea647-169a-4d2e-bcd4-334c4245aa48.tmp</t>
  </si>
  <si>
    <t>01/16/2020 17:50:46</t>
  </si>
  <si>
    <t>01/16/2020 17:49:58</t>
  </si>
  <si>
    <t>01/16/2020 17:53:36</t>
  </si>
  <si>
    <t>fc443f7f-1dd0-4949-9a2b-9fa3be8acc32.tmp</t>
  </si>
  <si>
    <t>\\acsfs\profiles$\ingridsm\Downloads\fc443f7f-1dd0-4949-9a2b-9fa3be8acc32.tmp</t>
  </si>
  <si>
    <t>01/16/2020 17:50:38</t>
  </si>
  <si>
    <t>fef79e1d-0528-432b-8715-0431abcac6ab.tmp</t>
  </si>
  <si>
    <t>\\acsfs\profiles$\ingridsm\Downloads\fef79e1d-0528-432b-8715-0431abcac6ab.tmp</t>
  </si>
  <si>
    <t>01/16/2020 17:55:36</t>
  </si>
  <si>
    <t>01/16/2020 17:56:36</t>
  </si>
  <si>
    <t>Brenda.pdf</t>
  </si>
  <si>
    <t>01/16/2020 17:51:24</t>
  </si>
  <si>
    <t>01/16/2020 17:51:27</t>
  </si>
  <si>
    <t>01/16/2020 17:51:28</t>
  </si>
  <si>
    <t>01/16/2020 17:51:29</t>
  </si>
  <si>
    <t>01/16/2020 17:51:30</t>
  </si>
  <si>
    <t>01/16/2020 17:51:31</t>
  </si>
  <si>
    <t>01/16/2020 17:51:32</t>
  </si>
  <si>
    <t>01/16/2020 17:51:33</t>
  </si>
  <si>
    <t>01/16/2020 17:51:34</t>
  </si>
  <si>
    <t>01/16/2020 17:51:35</t>
  </si>
  <si>
    <t>01/16/2020 17:51:38</t>
  </si>
  <si>
    <t>01/16/2020 17:51:39</t>
  </si>
  <si>
    <t>01/16/2020 17:51:40</t>
  </si>
  <si>
    <t>01/16/2020 17:51:42</t>
  </si>
  <si>
    <t>01/16/2020 17:51:43</t>
  </si>
  <si>
    <t>01/16/2020 17:51:45</t>
  </si>
  <si>
    <t>01/16/2020 17:51:48</t>
  </si>
  <si>
    <t>01/16/2020 17:51:49</t>
  </si>
  <si>
    <t>01/16/2020 17:51:50</t>
  </si>
  <si>
    <t>01/16/2020 17:51:51</t>
  </si>
  <si>
    <t>01/16/2020 17:51:52</t>
  </si>
  <si>
    <t>01/16/2020 17:51:53</t>
  </si>
  <si>
    <t>01/16/2020 17:51:55</t>
  </si>
  <si>
    <t>01/16/2020 17:51:56</t>
  </si>
  <si>
    <t>01/16/2020 17:51:58</t>
  </si>
  <si>
    <t>01/16/2020 17:51:59</t>
  </si>
  <si>
    <t>01/16/2020 17:52:00</t>
  </si>
  <si>
    <t>01/16/2020 17:52:01</t>
  </si>
  <si>
    <t>01/16/2020 17:52:02</t>
  </si>
  <si>
    <t>01/16/2020 17:52:03</t>
  </si>
  <si>
    <t>01/16/2020 17:52:04</t>
  </si>
  <si>
    <t>01/16/2020 17:52:06</t>
  </si>
  <si>
    <t>01/16/2020 17:52:07</t>
  </si>
  <si>
    <t>01/16/2020 17:52:09</t>
  </si>
  <si>
    <t>01/16/2020 17:52:10</t>
  </si>
  <si>
    <t>01/16/2020 17:52:11</t>
  </si>
  <si>
    <t>01/16/2020 17:52:13</t>
  </si>
  <si>
    <t>01/16/2020 17:52:14</t>
  </si>
  <si>
    <t>01/16/2020 17:52:31</t>
  </si>
  <si>
    <t>01/16/2020 17:53:32</t>
  </si>
  <si>
    <t>eee0aeca-33ae-4f40-ae44-381a9d83ac9b.tmp</t>
  </si>
  <si>
    <t>\\acsfs\profiles$\joycemmdl\Downloads\eee0aeca-33ae-4f40-ae44-381a9d83ac9b.tmp</t>
  </si>
  <si>
    <t>01/16/2020 17:53:43</t>
  </si>
  <si>
    <t>Unconfirmed 455309.crdownload</t>
  </si>
  <si>
    <t>\\acsfs\profiles$\joycemmdl\Downloads\Unconfirmed 455309.crdownload</t>
  </si>
  <si>
    <t>01/16/2020 17:55:20</t>
  </si>
  <si>
    <t>cac2dfb2-d631-4e05-a81d-820920fb5f76.tmp</t>
  </si>
  <si>
    <t>\\acsfs\profiles$\joycemmdl\Downloads\cac2dfb2-d631-4e05-a81d-820920fb5f76.tmp</t>
  </si>
  <si>
    <t>01/16/2020 17:55:37</t>
  </si>
  <si>
    <t>b15d3ca9-213e-478f-aa4a-768821320d32.tmp</t>
  </si>
  <si>
    <t>\\acsfs\profiles$\joycemmdl\Downloads\b15d3ca9-213e-478f-aa4a-768821320d32.tmp</t>
  </si>
  <si>
    <t>01/16/2020 17:57:36</t>
  </si>
  <si>
    <t>01/16/2020 17:53:01</t>
  </si>
  <si>
    <t>f2eb2c56-45c0-4bdc-aec6-12c26ad5c489.tmp</t>
  </si>
  <si>
    <t>\\acsfs\profiles$\victorgl\Downloads\f2eb2c56-45c0-4bdc-aec6-12c26ad5c489.tmp</t>
  </si>
  <si>
    <t>01/16/2020 17:53:07</t>
  </si>
  <si>
    <t>f09f8746-7431-4942-84ce-4cefffcc0ab6.tmp</t>
  </si>
  <si>
    <t>\\acsfs\profiles$\victorgl\Downloads\f09f8746-7431-4942-84ce-4cefffcc0ab6.tmp</t>
  </si>
  <si>
    <t>01/16/2020 18:01:36</t>
  </si>
  <si>
    <t>01/16/2020 17:59:10</t>
  </si>
  <si>
    <t>4983a991-6c4d-4ed2-9b4f-105e99798d1a.tmp</t>
  </si>
  <si>
    <t>\\acsfs\profiles$\joycemmdl\Downloads\4983a991-6c4d-4ed2-9b4f-105e99798d1a.tmp</t>
  </si>
  <si>
    <t>01/16/2020 17:59:58</t>
  </si>
  <si>
    <t>01/16/2020 18:02:36</t>
  </si>
  <si>
    <t>a72ee6fe-211b-440e-99d0-d3586cd033b7.tmp</t>
  </si>
  <si>
    <t>\\acsfs\profiles$\victorgl\Downloads\a72ee6fe-211b-440e-99d0-d3586cd033b7.tmp</t>
  </si>
  <si>
    <t>01/16/2020 18:04:18</t>
  </si>
  <si>
    <t>01/16/2020 18:05:36</t>
  </si>
  <si>
    <t>b77adab9-7946-4921-b045-fd3be3b12d7b.tmp</t>
  </si>
  <si>
    <t>\\acsfs\profiles$\gabrielamdp\Downloads\b77adab9-7946-4921-b045-fd3be3b12d7b.tmp</t>
  </si>
  <si>
    <t>314e8f72-b6b5-476a-8807-99c8021fe91d.tmp</t>
  </si>
  <si>
    <t>\\acsfs\profiles$\gabrielamdp\Downloads\314e8f72-b6b5-476a-8807-99c8021fe91d.tmp</t>
  </si>
  <si>
    <t>01/16/2020 18:04:19</t>
  </si>
  <si>
    <t>47efbc7b-4512-413f-8bc5-a948b58c337d.tmp</t>
  </si>
  <si>
    <t>\\acsfs\profiles$\gabrielamdp\Downloads\47efbc7b-4512-413f-8bc5-a948b58c337d.tmp</t>
  </si>
  <si>
    <t>01/16/2020 18:04:25</t>
  </si>
  <si>
    <t>b4064a8e-6044-4600-b5e9-36b3a426bb90.tmp</t>
  </si>
  <si>
    <t>\\acsfs\profiles$\gabrielamdp\Downloads\b4064a8e-6044-4600-b5e9-36b3a426bb90.tmp</t>
  </si>
  <si>
    <t>01/16/2020 18:06:36</t>
  </si>
  <si>
    <t>01/16/2020 18:02:53</t>
  </si>
  <si>
    <t>01/16/2020 18:04:50</t>
  </si>
  <si>
    <t>01/16/2020 18:07:36</t>
  </si>
  <si>
    <t>01/16/2020 18:05:47</t>
  </si>
  <si>
    <t>01/16/2020 18:06:33</t>
  </si>
  <si>
    <t>01/16/2020 18:06:43</t>
  </si>
  <si>
    <t>01/16/2020 18:11:36</t>
  </si>
  <si>
    <t>01/16/2020 18:06:04</t>
  </si>
  <si>
    <t>01/16/2020 18:06:58</t>
  </si>
  <si>
    <t>01/16/2020 18:06:44</t>
  </si>
  <si>
    <t>01/16/2020 18:07:10</t>
  </si>
  <si>
    <t>01/16/2020 18:08:10</t>
  </si>
  <si>
    <t>01/16/2020 18:06:45</t>
  </si>
  <si>
    <t>01/16/2020 18:06:46</t>
  </si>
  <si>
    <t>01/16/2020 18:06:47</t>
  </si>
  <si>
    <t>01/16/2020 18:06:48</t>
  </si>
  <si>
    <t>01/16/2020 18:06:49</t>
  </si>
  <si>
    <t>01/16/2020 18:06:50</t>
  </si>
  <si>
    <t>01/16/2020 18:06:51</t>
  </si>
  <si>
    <t>01/16/2020 18:06:52</t>
  </si>
  <si>
    <t>01/16/2020 18:06:53</t>
  </si>
  <si>
    <t>01/16/2020 18:06:54</t>
  </si>
  <si>
    <t>01/16/2020 18:06:55</t>
  </si>
  <si>
    <t>01/16/2020 18:06:56</t>
  </si>
  <si>
    <t>01/16/2020 18:06:57</t>
  </si>
  <si>
    <t>01/16/2020 18:06:59</t>
  </si>
  <si>
    <t>01/16/2020 18:07:00</t>
  </si>
  <si>
    <t>01/16/2020 18:07:01</t>
  </si>
  <si>
    <t>01/16/2020 18:07:02</t>
  </si>
  <si>
    <t>01/16/2020 18:07:03</t>
  </si>
  <si>
    <t>01/16/2020 18:07:04</t>
  </si>
  <si>
    <t>01/16/2020 18:07:06</t>
  </si>
  <si>
    <t>01/16/2020 18:07:07</t>
  </si>
  <si>
    <t>01/16/2020 18:07:08</t>
  </si>
  <si>
    <t>01/16/2020 18:07:09</t>
  </si>
  <si>
    <t>01/16/2020 18:07:11</t>
  </si>
  <si>
    <t>01/16/2020 18:07:12</t>
  </si>
  <si>
    <t>01/16/2020 18:07:13</t>
  </si>
  <si>
    <t>01/16/2020 18:07:14</t>
  </si>
  <si>
    <t>01/16/2020 18:07:15</t>
  </si>
  <si>
    <t>01/16/2020 18:07:16</t>
  </si>
  <si>
    <t>01/16/2020 18:07:17</t>
  </si>
  <si>
    <t>01/16/2020 18:07:18</t>
  </si>
  <si>
    <t>01/16/2020 18:07:19</t>
  </si>
  <si>
    <t>01/16/2020 18:07:20</t>
  </si>
  <si>
    <t>01/16/2020 18:07:21</t>
  </si>
  <si>
    <t>01/16/2020 18:07:22</t>
  </si>
  <si>
    <t>01/16/2020 18:12:49</t>
  </si>
  <si>
    <t>01/16/2020 18:16:36</t>
  </si>
  <si>
    <t>01/16/2020 18:13:04</t>
  </si>
  <si>
    <t>01/16/2020 18:10:51</t>
  </si>
  <si>
    <t>01/16/2020 18:11:26</t>
  </si>
  <si>
    <t>01/16/2020 18:15:45</t>
  </si>
  <si>
    <t>01/16/2020 18:21:36</t>
  </si>
  <si>
    <t>c9861bee-8141-467d-b387-ffb3da169c21.tmp</t>
  </si>
  <si>
    <t>\\acsfs\profiles$\Adrieledgc\Downloads\c9861bee-8141-467d-b387-ffb3da169c21.tmp</t>
  </si>
  <si>
    <t>01/16/2020 18:24:04</t>
  </si>
  <si>
    <t>01/16/2020 18:26:36</t>
  </si>
  <si>
    <t>a8ac35c2-9c65-40b4-be5c-3e299c7f2598.tmp</t>
  </si>
  <si>
    <t>\\acsfs\profiles$\gabrielamdp\Downloads\a8ac35c2-9c65-40b4-be5c-3e299c7f2598.tmp</t>
  </si>
  <si>
    <t>4529c65c-73e2-4741-8e6f-e3b06575bc8a.tmp</t>
  </si>
  <si>
    <t>\\acsfs\profiles$\gabrielamdp\Downloads\4529c65c-73e2-4741-8e6f-e3b06575bc8a.tmp</t>
  </si>
  <si>
    <t>01/16/2020 18:24:06</t>
  </si>
  <si>
    <t>f575aecd-f82b-4055-8205-fea855c54667.tmp</t>
  </si>
  <si>
    <t>\\acsfs\profiles$\gabrielamdp\Downloads\f575aecd-f82b-4055-8205-fea855c54667.tmp</t>
  </si>
  <si>
    <t>01/16/2020 18:27:49</t>
  </si>
  <si>
    <t>01/16/2020 18:28:36</t>
  </si>
  <si>
    <t>4acbc872-9eba-4ec1-b907-4133f2f96d99.tmp</t>
  </si>
  <si>
    <t>\\acsfs\profiles$\fabianobmf\Downloads\4acbc872-9eba-4ec1-b907-4133f2f96d99.tmp</t>
  </si>
  <si>
    <t>01/16/2020 18:28:24</t>
  </si>
  <si>
    <t>01/16/2020 18:31:36</t>
  </si>
  <si>
    <t>01/16/2020 18:28:29</t>
  </si>
  <si>
    <t>01/16/2020 18:33:36</t>
  </si>
  <si>
    <t>689fdb59-b82f-4c99-871e-ac5cac82f20f.tmp</t>
  </si>
  <si>
    <t>\\acsfs\profiles$\fabianobmf\Downloads\689fdb59-b82f-4c99-871e-ac5cac82f20f.tmp</t>
  </si>
  <si>
    <t>01/16/2020 18:29:04</t>
  </si>
  <si>
    <t>52a16a1c-751e-4a8c-8fc1-fd9cd59f6c4c.tmp</t>
  </si>
  <si>
    <t>\\acsfs\profiles$\fabianobmf\Downloads\52a16a1c-751e-4a8c-8fc1-fd9cd59f6c4c.tmp</t>
  </si>
  <si>
    <t>01/16/2020 18:36:36</t>
  </si>
  <si>
    <t>01/16/2020 18:36:44</t>
  </si>
  <si>
    <t>01/16/2020 18:41:36</t>
  </si>
  <si>
    <t>e0bfc80e-aa97-46e9-a8f5-40b0ce8dc99e.tmp</t>
  </si>
  <si>
    <t>\\acsfs\profiles$\gabrielamdp\Downloads\e0bfc80e-aa97-46e9-a8f5-40b0ce8dc99e.tmp</t>
  </si>
  <si>
    <t>01/16/2020 18:46:36</t>
  </si>
  <si>
    <t>01/16/2020 18:47:14</t>
  </si>
  <si>
    <t>01/16/2020 18:50:37</t>
  </si>
  <si>
    <t>07fe6ec3-1a9a-4a56-b692-8741f463546f.tmp</t>
  </si>
  <si>
    <t>\\acsfs\profiles$\taylaedoa\Downloads\07fe6ec3-1a9a-4a56-b692-8741f463546f.tmp</t>
  </si>
  <si>
    <t>01/16/2020 18:51:36</t>
  </si>
  <si>
    <t>01/16/2020 18:50:21</t>
  </si>
  <si>
    <t>20e84e63-85eb-482e-9e85-0d42f39eeaad.tmp</t>
  </si>
  <si>
    <t>\\acsfs\profiles$\myllenardl\Downloads\20e84e63-85eb-482e-9e85-0d42f39eeaad.tmp</t>
  </si>
  <si>
    <t>01/16/2020 18:56:35</t>
  </si>
  <si>
    <t>01/16/2020 18:55:08</t>
  </si>
  <si>
    <t>01/16/2020 18:55:27</t>
  </si>
  <si>
    <t>01/16/2020 18:55:43</t>
  </si>
  <si>
    <t>01/16/2020 18:56:24</t>
  </si>
  <si>
    <t>01/16/2020 18:55:53</t>
  </si>
  <si>
    <t>01/16/2020 19:01:35</t>
  </si>
  <si>
    <t>01/16/2020 18:56:08</t>
  </si>
  <si>
    <t>01/16/2020 18:56:13</t>
  </si>
  <si>
    <t>01/16/2020 18:56:14</t>
  </si>
  <si>
    <t>01/16/2020 18:56:52</t>
  </si>
  <si>
    <t>01/16/2020 18:57:04</t>
  </si>
  <si>
    <t>01/16/2020 18:57:10</t>
  </si>
  <si>
    <t>01/16/2020 18:57:27</t>
  </si>
  <si>
    <t>01/16/2020 19:00:14</t>
  </si>
  <si>
    <t>578f32da-5692-4431-a16a-8070ff1bcc99.tmp</t>
  </si>
  <si>
    <t>\\acsfs\profiles$\joycemmdl\Downloads\578f32da-5692-4431-a16a-8070ff1bcc99.tmp</t>
  </si>
  <si>
    <t>01/16/2020 19:03:36</t>
  </si>
  <si>
    <t>01/16/2020 19:02:48</t>
  </si>
  <si>
    <t>01/16/2020 19:04:36</t>
  </si>
  <si>
    <t>01/16/2020 19:02:38</t>
  </si>
  <si>
    <t>e08428ca-f732-4140-a025-2ac68cb37919.tmp</t>
  </si>
  <si>
    <t>\\acsfs\profiles$\nathaliaos\Downloads\e08428ca-f732-4140-a025-2ac68cb37919.tmp</t>
  </si>
  <si>
    <t>01/16/2020 19:06:36</t>
  </si>
  <si>
    <t>01/16/2020 19:02:17</t>
  </si>
  <si>
    <t>01/16/2020 19:03:26</t>
  </si>
  <si>
    <t>01/16/2020 19:04:30</t>
  </si>
  <si>
    <t>01/16/2020 19:05:48</t>
  </si>
  <si>
    <t>01/16/2020 19:07:05</t>
  </si>
  <si>
    <t>01/16/2020 19:09:36</t>
  </si>
  <si>
    <t>3159fb59-d61c-4d85-b285-e06ec835e7b2.tmp</t>
  </si>
  <si>
    <t>\\acsfs\profiles$\fabianafv\Downloads\3159fb59-d61c-4d85-b285-e06ec835e7b2.tmp</t>
  </si>
  <si>
    <t>01/16/2020 19:06:27</t>
  </si>
  <si>
    <t>7c9e10f6-b71c-4ee0-a790-fd8c5e3228e9.tmp</t>
  </si>
  <si>
    <t>\\acsfs\profiles$\philipegsf\Downloads\7c9e10f6-b71c-4ee0-a790-fd8c5e3228e9.tmp</t>
  </si>
  <si>
    <t>01/16/2020 19:06:35</t>
  </si>
  <si>
    <t>01/16/2020 19:10:36</t>
  </si>
  <si>
    <t>39e879c5-23eb-4a78-9f05-d8a29d049630.tmp</t>
  </si>
  <si>
    <t>\\acsfs\profiles$\andreapdsg\Downloads\39e879c5-23eb-4a78-9f05-d8a29d049630.tmp</t>
  </si>
  <si>
    <t>01/16/2020 19:11:36</t>
  </si>
  <si>
    <t>01/16/2020 19:10:35</t>
  </si>
  <si>
    <t>01/16/2020 19:15:36</t>
  </si>
  <si>
    <t>c4eb1741-f384-4a9c-9768-e9ca3e71ae26.tmp</t>
  </si>
  <si>
    <t>\\acsfs\profiles$\brendadsl\Downloads\c4eb1741-f384-4a9c-9768-e9ca3e71ae26.tmp</t>
  </si>
  <si>
    <t>01/16/2020 19:10:50</t>
  </si>
  <si>
    <t>6a4f9ea7-d972-4ed4-9691-3955428bb0f0.tmp</t>
  </si>
  <si>
    <t>\\acsfs\profiles$\brendadsl\Downloads\6a4f9ea7-d972-4ed4-9691-3955428bb0f0.tmp</t>
  </si>
  <si>
    <t>01/16/2020 19:10:59</t>
  </si>
  <si>
    <t>85e33289-2291-4a77-a3eb-3cfcfeb0ebd2.tmp</t>
  </si>
  <si>
    <t>\\acsfs\profiles$\brendadsl\Downloads\85e33289-2291-4a77-a3eb-3cfcfeb0ebd2.tmp</t>
  </si>
  <si>
    <t>01/16/2020 19:16:36</t>
  </si>
  <si>
    <t>01/16/2020 19:16:15</t>
  </si>
  <si>
    <t>01/16/2020 19:19:36</t>
  </si>
  <si>
    <t>01/16/2020 19:16:26</t>
  </si>
  <si>
    <t>01/16/2020 19:16:32</t>
  </si>
  <si>
    <t>01/16/2020 19:16:33</t>
  </si>
  <si>
    <t>01/16/2020 19:20:37</t>
  </si>
  <si>
    <t>8caeb313-1150-41b0-9b8e-9a9476991100.tmp</t>
  </si>
  <si>
    <t>\\acsfs\profiles$\taylaedoa\Downloads\8caeb313-1150-41b0-9b8e-9a9476991100.tmp</t>
  </si>
  <si>
    <t>01/16/2020 19:18:02</t>
  </si>
  <si>
    <t>df44b1dc-9470-4f26-8fe0-84fa0c296026.tmp</t>
  </si>
  <si>
    <t>\\acsfs\profiles$\taylaedoa\Downloads\df44b1dc-9470-4f26-8fe0-84fa0c296026.tmp</t>
  </si>
  <si>
    <t>01/16/2020 19:21:01</t>
  </si>
  <si>
    <t>01/16/2020 19:21:36</t>
  </si>
  <si>
    <t>01/16/2020 19:21:26</t>
  </si>
  <si>
    <t>01/16/2020 19:25:36</t>
  </si>
  <si>
    <t>01/16/2020 19:22:06</t>
  </si>
  <si>
    <t>01/16/2020 19:24:00</t>
  </si>
  <si>
    <t>01/16/2020 19:22:22</t>
  </si>
  <si>
    <t>01/16/2020 19:22:28</t>
  </si>
  <si>
    <t>01/16/2020 19:23:02</t>
  </si>
  <si>
    <t>01/16/2020 19:26:36</t>
  </si>
  <si>
    <t>01/16/2020 19:27:14</t>
  </si>
  <si>
    <t>01/16/2020 19:30:36</t>
  </si>
  <si>
    <t>01/16/2020 19:27:39</t>
  </si>
  <si>
    <t>01/16/2020 19:28:44</t>
  </si>
  <si>
    <t>01/16/2020 19:28:47</t>
  </si>
  <si>
    <t>01/16/2020 19:31:37</t>
  </si>
  <si>
    <t>cf66ef22-e5bb-4d6e-aa46-96fe7e823899.tmp</t>
  </si>
  <si>
    <t>\\acsfs\profiles$\regisadsa\Downloads\cf66ef22-e5bb-4d6e-aa46-96fe7e823899.tmp</t>
  </si>
  <si>
    <t>01/16/2020 19:28:18</t>
  </si>
  <si>
    <t>01/16/2020 19:32:36</t>
  </si>
  <si>
    <t>74070d00-f432-49c6-a483-c9aa396784f9.tmp</t>
  </si>
  <si>
    <t>\\acsfs\profiles$\leonardocb\Downloads\74070d00-f432-49c6-a483-c9aa396784f9.tmp</t>
  </si>
  <si>
    <t>01/16/2020 19:35:36</t>
  </si>
  <si>
    <t>01/16/2020 19:34:29</t>
  </si>
  <si>
    <t>01/16/2020 19:34:12</t>
  </si>
  <si>
    <t>01/16/2020 19:36:37</t>
  </si>
  <si>
    <t>01/16/2020 19:35:30</t>
  </si>
  <si>
    <t>01/16/2020 19:39:36</t>
  </si>
  <si>
    <t>ab800a6a-458e-419d-ba4a-5166dc85ab1e.tmp</t>
  </si>
  <si>
    <t>\\acsfs\profiles$\nycolleemdj\Downloads\ab800a6a-458e-419d-ba4a-5166dc85ab1e.tmp</t>
  </si>
  <si>
    <t>01/16/2020 19:36:27</t>
  </si>
  <si>
    <t>5dabc09e-33c5-4b36-bff9-7a9eb5ca316a.tmp</t>
  </si>
  <si>
    <t>\\acsfs\profiles$\nycolleemdj\Downloads\5dabc09e-33c5-4b36-bff9-7a9eb5ca316a.tmp</t>
  </si>
  <si>
    <t>01/16/2020 19:36:06</t>
  </si>
  <si>
    <t>01/16/2020 19:40:36</t>
  </si>
  <si>
    <t>01/16/2020 19:38:00</t>
  </si>
  <si>
    <t>01/16/2020 19:38:18</t>
  </si>
  <si>
    <t>01/16/2020 19:39:20</t>
  </si>
  <si>
    <t>01/16/2020 19:41:36</t>
  </si>
  <si>
    <t>db286fdd-f88f-486d-8864-12de28e3970c.tmp</t>
  </si>
  <si>
    <t>\\acsfs\profiles$\regisedsj\Downloads\db286fdd-f88f-486d-8864-12de28e3970c.tmp</t>
  </si>
  <si>
    <t>01/16/2020 19:41:31</t>
  </si>
  <si>
    <t>01/16/2020 19:45:37</t>
  </si>
  <si>
    <t>01/16/2020 19:43:33</t>
  </si>
  <si>
    <t>01/16/2020 19:46:36</t>
  </si>
  <si>
    <t>01/16/2020 19:43:40</t>
  </si>
  <si>
    <t>01/16/2020 19:48:12</t>
  </si>
  <si>
    <t>01/16/2020 19:49:36</t>
  </si>
  <si>
    <t>3308c2bb-93f5-4d39-9531-46201937bff3.tmp</t>
  </si>
  <si>
    <t>\\acsfs\profiles$\nathaliaos\Downloads\3308c2bb-93f5-4d39-9531-46201937bff3.tmp</t>
  </si>
  <si>
    <t>01/16/2020 19:48:37</t>
  </si>
  <si>
    <t>1a718dfa-3a84-4da3-ab71-1720472713b6.tmp</t>
  </si>
  <si>
    <t>\\acsfs\profiles$\nathaliaos\Downloads\1a718dfa-3a84-4da3-ab71-1720472713b6.tmp</t>
  </si>
  <si>
    <t>01/16/2020 19:46:44</t>
  </si>
  <si>
    <t>01/16/2020 19:50:37</t>
  </si>
  <si>
    <t>01/16/2020 19:45:15</t>
  </si>
  <si>
    <t>5696056d-15cb-4f45-95ba-f68372c7f98f.tmp</t>
  </si>
  <si>
    <t>\\acsfs\profiles$\rafaelacdoc\Downloads\5696056d-15cb-4f45-95ba-f68372c7f98f.tmp</t>
  </si>
  <si>
    <t>01/16/2020 19:47:07</t>
  </si>
  <si>
    <t>01/16/2020 19:51:36</t>
  </si>
  <si>
    <t>01/16/2020 19:51:42</t>
  </si>
  <si>
    <t>01/16/2020 19:52:36</t>
  </si>
  <si>
    <t>ce726c85-2a36-4c0a-87e7-f73c3f40bb1a.tmp</t>
  </si>
  <si>
    <t>\\acsfs\profiles$\victorgl\Downloads\ce726c85-2a36-4c0a-87e7-f73c3f40bb1a.tmp</t>
  </si>
  <si>
    <t>01/16/2020 19:55:36</t>
  </si>
  <si>
    <t>01/16/2020 19:50:17</t>
  </si>
  <si>
    <t>01/16/2020 19:52:47</t>
  </si>
  <si>
    <t>79ec92e9-607f-4d39-abc9-458f58e84bcd.tmp</t>
  </si>
  <si>
    <t>\\acsfs\profiles$\rafaelacdoc\Downloads\79ec92e9-607f-4d39-abc9-458f58e84bcd.tmp</t>
  </si>
  <si>
    <t>01/16/2020 19:56:37</t>
  </si>
  <si>
    <t>01/16/2020 19:53:23</t>
  </si>
  <si>
    <t>01/16/2020 19:57:37</t>
  </si>
  <si>
    <t>16f93227-3ca8-4d1f-bbf5-b3b684f28257.tmp</t>
  </si>
  <si>
    <t>\\acsfs\profiles$\victorgl\Downloads\16f93227-3ca8-4d1f-bbf5-b3b684f28257.tmp</t>
  </si>
  <si>
    <t>01/16/2020 19:55:03</t>
  </si>
  <si>
    <t>01/16/2020 19:58:37</t>
  </si>
  <si>
    <t>30ea48b4-b65e-47e0-bfe8-328cfb097aa5.tmp</t>
  </si>
  <si>
    <t>\\acsfs\profiles$\edicarlosdl\Downloads\30ea48b4-b65e-47e0-bfe8-328cfb097aa5.tmp</t>
  </si>
  <si>
    <t>01/16/2020 19:58:31</t>
  </si>
  <si>
    <t>01/16/2020 20:00:37</t>
  </si>
  <si>
    <t>01/16/2020 19:56:56</t>
  </si>
  <si>
    <t>01/16/2020 20:01:37</t>
  </si>
  <si>
    <t>ede7387a-2014-4c5d-8e5b-8a8279a45844.tmp</t>
  </si>
  <si>
    <t>\\acsfs\profiles$\joycemmdl\Downloads\ede7387a-2014-4c5d-8e5b-8a8279a45844.tmp</t>
  </si>
  <si>
    <t>01/16/2020 20:01:05</t>
  </si>
  <si>
    <t>3474eef3-a9ec-4fed-baac-ab302952bf93.tmp</t>
  </si>
  <si>
    <t>\\acsfs\profiles$\myllenardl\Downloads\3474eef3-a9ec-4fed-baac-ab302952bf93.tmp</t>
  </si>
  <si>
    <t>01/16/2020 20:04:45</t>
  </si>
  <si>
    <t>01/16/2020 20:05:37</t>
  </si>
  <si>
    <t>01/16/2020 20:05:20</t>
  </si>
  <si>
    <t>01/16/2020 20:06:38</t>
  </si>
  <si>
    <t>01/16/2020 20:08:13</t>
  </si>
  <si>
    <t>01/16/2020 20:09:37</t>
  </si>
  <si>
    <t>d1b0a10f-4015-4252-97ee-2c886679a731.tmp</t>
  </si>
  <si>
    <t>\\acsfs\profiles$\paulohaf\Downloads\d1b0a10f-4015-4252-97ee-2c886679a731.tmp</t>
  </si>
  <si>
    <t>01/16/2020 20:05:13</t>
  </si>
  <si>
    <t>7823e2e5-c0b4-4dee-a71e-55ffcadf9c04.tmp</t>
  </si>
  <si>
    <t>\\acsfs\profiles$\laurandos\Downloads\7823e2e5-c0b4-4dee-a71e-55ffcadf9c04.tmp</t>
  </si>
  <si>
    <t>01/16/2020 20:05:14</t>
  </si>
  <si>
    <t>6631ba2b-0dbf-439b-820f-8e4594f10f6a.tmp</t>
  </si>
  <si>
    <t>\\acsfs\profiles$\laurandos\Downloads\6631ba2b-0dbf-439b-820f-8e4594f10f6a.tmp</t>
  </si>
  <si>
    <t>01/16/2020 20:07:02</t>
  </si>
  <si>
    <t>01/16/2020 20:11:37</t>
  </si>
  <si>
    <t>4c45e709-4c0a-4ef3-aa9f-741acbf0c052.tmp</t>
  </si>
  <si>
    <t>\\acsfs\profiles$\joycemmdl\Downloads\4c45e709-4c0a-4ef3-aa9f-741acbf0c052.tmp</t>
  </si>
  <si>
    <t>01/16/2020 20:10:00</t>
  </si>
  <si>
    <t>434ea691-505d-4415-b902-d0bd17a5b607.tmp</t>
  </si>
  <si>
    <t>\\acsfs\profiles$\joycemmdl\Downloads\434ea691-505d-4415-b902-d0bd17a5b607.tmp</t>
  </si>
  <si>
    <t>01/16/2020 20:08:51</t>
  </si>
  <si>
    <t>01/16/2020 20:14:37</t>
  </si>
  <si>
    <t>29b4e8f2-96fb-41be-838f-8e16ff33022c.tmp</t>
  </si>
  <si>
    <t>\\acsfs\profiles$\paulohaf\Downloads\29b4e8f2-96fb-41be-838f-8e16ff33022c.tmp</t>
  </si>
  <si>
    <t>01/16/2020 20:11:53</t>
  </si>
  <si>
    <t>811df71d-3026-4765-8d87-b23eb4f70a3c.tmp</t>
  </si>
  <si>
    <t>\\acsfs\profiles$\laurandos\Downloads\811df71d-3026-4765-8d87-b23eb4f70a3c.tmp</t>
  </si>
  <si>
    <t>01/16/2020 20:12:00</t>
  </si>
  <si>
    <t>f022cae5-d237-4902-bb31-f8336b17efeb.tmp</t>
  </si>
  <si>
    <t>\\acsfs\profiles$\laurandos\Downloads\f022cae5-d237-4902-bb31-f8336b17efeb.tmp</t>
  </si>
  <si>
    <t>01/16/2020 20:13:25</t>
  </si>
  <si>
    <t>01/16/2020 20:15:37</t>
  </si>
  <si>
    <t>01/16/2020 20:16:37</t>
  </si>
  <si>
    <t>01/16/2020 20:12:30</t>
  </si>
  <si>
    <t>01/16/2020 20:19:10</t>
  </si>
  <si>
    <t>01/16/2020 20:20:38</t>
  </si>
  <si>
    <t>01/16/2020 20:19:36</t>
  </si>
  <si>
    <t>01/16/2020 20:21:38</t>
  </si>
  <si>
    <t>01/16/2020 20:18:52</t>
  </si>
  <si>
    <t>01/16/2020 20:20:42</t>
  </si>
  <si>
    <t>01/16/2020 20:25:38</t>
  </si>
  <si>
    <t>01/16/2020 20:21:16</t>
  </si>
  <si>
    <t>01/16/2020 20:25:50</t>
  </si>
  <si>
    <t>01/16/2020 20:26:38</t>
  </si>
  <si>
    <t>01/16/2020 20:26:39</t>
  </si>
  <si>
    <t>01/16/2020 20:28:28</t>
  </si>
  <si>
    <t>01/16/2020 20:30:38</t>
  </si>
  <si>
    <t>01/16/2020 20:28:12</t>
  </si>
  <si>
    <t>01/16/2020 20:31:37</t>
  </si>
  <si>
    <t>Layon 7.jpg</t>
  </si>
  <si>
    <t>01/16/2020 20:28:27</t>
  </si>
  <si>
    <t>https://algar.folhasinergyrh.com.br/afastamento/upload?id=0&amp;idsolicitacao=22005</t>
  </si>
  <si>
    <t>01/16/2020 20:32:17</t>
  </si>
  <si>
    <t>01/16/2020 20:35:38</t>
  </si>
  <si>
    <t>01/16/2020 20:36:37</t>
  </si>
  <si>
    <t>01/16/2020 20:41:37</t>
  </si>
  <si>
    <t>01/16/2020 20:43:49</t>
  </si>
  <si>
    <t>01/16/2020 20:46:38</t>
  </si>
  <si>
    <t>01/16/2020 20:49:37</t>
  </si>
  <si>
    <t>01/16/2020 20:45:46</t>
  </si>
  <si>
    <t>fc0d027b-d182-4538-a333-98f75667ff11.tmp</t>
  </si>
  <si>
    <t>\\acsfs\profiles$\henriqueco\Downloads\fc0d027b-d182-4538-a333-98f75667ff11.tmp</t>
  </si>
  <si>
    <t>01/16/2020 20:45:43</t>
  </si>
  <si>
    <t>01/16/2020 20:45:41</t>
  </si>
  <si>
    <t>01/16/2020 20:50:38</t>
  </si>
  <si>
    <t>01/16/2020 20:47:24</t>
  </si>
  <si>
    <t>01/16/2020 20:49:45</t>
  </si>
  <si>
    <t>01/16/2020 20:49:44</t>
  </si>
  <si>
    <t>01/16/2020 20:51:38</t>
  </si>
  <si>
    <t>Gabriela m Assiduidade.PNG</t>
  </si>
  <si>
    <t>01/16/2020 20:50:06</t>
  </si>
  <si>
    <t>01/16/2020 20:55:39</t>
  </si>
  <si>
    <t>01/16/2020 20:51:27</t>
  </si>
  <si>
    <t>01/16/2020 20:52:42</t>
  </si>
  <si>
    <t>01/16/2020 20:51:13</t>
  </si>
  <si>
    <t>01/16/2020 20:56:39</t>
  </si>
  <si>
    <t>Gabriela m Qualidade.PNG</t>
  </si>
  <si>
    <t>01/16/2020 20:52:44</t>
  </si>
  <si>
    <t>Gabriela m NPS.PNG</t>
  </si>
  <si>
    <t>01/16/2020 20:57:58</t>
  </si>
  <si>
    <t>01/16/2020 21:00:39</t>
  </si>
  <si>
    <t>75ecb564-834b-40ed-bb9e-cb147183a439.tmp</t>
  </si>
  <si>
    <t>\\acsfs\profiles$\rafaelacdoc\Downloads\75ecb564-834b-40ed-bb9e-cb147183a439.tmp</t>
  </si>
  <si>
    <t>01/16/2020 20:58:14</t>
  </si>
  <si>
    <t>6eccb1f1-ed1a-485f-91c7-e5d5a89319ee.tmp</t>
  </si>
  <si>
    <t>\\acsfs\profiles$\rafaelacdoc\Downloads\6eccb1f1-ed1a-485f-91c7-e5d5a89319ee.tmp</t>
  </si>
  <si>
    <t>01/16/2020 20:57:17</t>
  </si>
  <si>
    <t>8556e722-4151-4a93-a198-2db3d384300f.tmp</t>
  </si>
  <si>
    <t>\\acsfs\profiles$\andressamf\Downloads\8556e722-4151-4a93-a198-2db3d384300f.tmp</t>
  </si>
  <si>
    <t>01/16/2020 20:59:30</t>
  </si>
  <si>
    <t>01/16/2020 21:01:39</t>
  </si>
  <si>
    <t>01/16/2020 20:57:51</t>
  </si>
  <si>
    <t>01/16/2020 21:02:40</t>
  </si>
  <si>
    <t>f088c250-9982-4bd4-93d2-67c18c7bb519.tmp</t>
  </si>
  <si>
    <t>\\acsfs\profiles$\victoriaksr\Downloads\f088c250-9982-4bd4-93d2-67c18c7bb519.tmp</t>
  </si>
  <si>
    <t>01/16/2020 20:57:54</t>
  </si>
  <si>
    <t>.~lock.1721 1724 ate 16012020.xlsx#</t>
  </si>
  <si>
    <t>\\acsfs\profiles$\VICTORIAKSR\Downloads\.~lock.1721 1724 ate 16012020.xlsx#</t>
  </si>
  <si>
    <t>01/16/2020 20:59:36</t>
  </si>
  <si>
    <t>lu8412ilfz.tmp</t>
  </si>
  <si>
    <t>\\acsfs\profiles$\VICTORIAKSR\My Documents\lu8412ilfz.tmp</t>
  </si>
  <si>
    <t>01/16/2020 21:01:00</t>
  </si>
  <si>
    <t>01/16/2020 21:04:39</t>
  </si>
  <si>
    <t>e66e76d6-09a5-4f34-9a84-9b98f4410cbc.tmp</t>
  </si>
  <si>
    <t>\\acsfs\profiles$\fabianafv\Downloads\e66e76d6-09a5-4f34-9a84-9b98f4410cbc.tmp</t>
  </si>
  <si>
    <t>01/16/2020 21:02:01</t>
  </si>
  <si>
    <t>e4c568da-23b5-4efd-9768-d4ce72a7b3e2.tmp</t>
  </si>
  <si>
    <t>\\acsfs\profiles$\fabianafv\Downloads\e4c568da-23b5-4efd-9768-d4ce72a7b3e2.tmp</t>
  </si>
  <si>
    <t>01/16/2020 21:05:39</t>
  </si>
  <si>
    <t>01/16/2020 21:03:35</t>
  </si>
  <si>
    <t>01/16/2020 21:06:39</t>
  </si>
  <si>
    <t>fatura_012020.pdf</t>
  </si>
  <si>
    <t>01/16/2020 21:07:39</t>
  </si>
  <si>
    <t>01/16/2020 21:04:56</t>
  </si>
  <si>
    <t>01/16/2020 21:04:57</t>
  </si>
  <si>
    <t>01/16/2020 21:04:58</t>
  </si>
  <si>
    <t>01/16/2020 21:05:04</t>
  </si>
  <si>
    <t>01/16/2020 21:05:07</t>
  </si>
  <si>
    <t>01/16/2020 21:05:08</t>
  </si>
  <si>
    <t>01/16/2020 21:05:09</t>
  </si>
  <si>
    <t>01/16/2020 21:05:10</t>
  </si>
  <si>
    <t>01/16/2020 21:05:17</t>
  </si>
  <si>
    <t>01/16/2020 21:05:22</t>
  </si>
  <si>
    <t>01/16/2020 21:05:42</t>
  </si>
  <si>
    <t>01/16/2020 21:05:43</t>
  </si>
  <si>
    <t>01/16/2020 21:05:44</t>
  </si>
  <si>
    <t>01/16/2020 21:05:45</t>
  </si>
  <si>
    <t>01/16/2020 21:05:48</t>
  </si>
  <si>
    <t>01/16/2020 21:05:50</t>
  </si>
  <si>
    <t>01/16/2020 21:06:09</t>
  </si>
  <si>
    <t>01/16/2020 21:03:13</t>
  </si>
  <si>
    <t>01/16/2020 21:08:40</t>
  </si>
  <si>
    <t>f2dac380-7566-4fb3-abaa-0a3627c0c7d9.tmp</t>
  </si>
  <si>
    <t>\\acsfs\profiles$\ingridsm\Downloads\f2dac380-7566-4fb3-abaa-0a3627c0c7d9.tmp</t>
  </si>
  <si>
    <t>01/16/2020 21:07:06</t>
  </si>
  <si>
    <t>01/16/2020 21:11:39</t>
  </si>
  <si>
    <t>Brenda Qualidade.PNG</t>
  </si>
  <si>
    <t>01/16/2020 21:08:13</t>
  </si>
  <si>
    <t>Brenda Assiduidade.PNG</t>
  </si>
  <si>
    <t>01/16/2020 21:08:42</t>
  </si>
  <si>
    <t>01/16/2020 21:12:39</t>
  </si>
  <si>
    <t>01/16/2020 21:08:43</t>
  </si>
  <si>
    <t>01/16/2020 21:08:49</t>
  </si>
  <si>
    <t>01/16/2020 21:09:00</t>
  </si>
  <si>
    <t>01/16/2020 21:09:04</t>
  </si>
  <si>
    <t>01/16/2020 21:09:05</t>
  </si>
  <si>
    <t>01/16/2020 21:09:06</t>
  </si>
  <si>
    <t>01/16/2020 21:09:07</t>
  </si>
  <si>
    <t>01/16/2020 21:09:12</t>
  </si>
  <si>
    <t>01/16/2020 21:09:28</t>
  </si>
  <si>
    <t>01/16/2020 21:09:32</t>
  </si>
  <si>
    <t>01/16/2020 21:09:33</t>
  </si>
  <si>
    <t>01/16/2020 21:09:34</t>
  </si>
  <si>
    <t>01/16/2020 21:09:39</t>
  </si>
  <si>
    <t>01/16/2020 21:10:01</t>
  </si>
  <si>
    <t>01/16/2020 21:12:02</t>
  </si>
  <si>
    <t>01/16/2020 21:16:39</t>
  </si>
  <si>
    <t>01/16/2020 21:15:26</t>
  </si>
  <si>
    <t>01/16/2020 21:17:39</t>
  </si>
  <si>
    <t>a3942b1d-91fe-4f28-8e6b-13a6e8e0e33f.tmp</t>
  </si>
  <si>
    <t>\\acsfs\profiles$\leonardocb\Downloads\a3942b1d-91fe-4f28-8e6b-13a6e8e0e33f.tmp</t>
  </si>
  <si>
    <t>01/16/2020 21:12:33</t>
  </si>
  <si>
    <t>01/16/2020 21:12:34</t>
  </si>
  <si>
    <t>01/16/2020 21:12:35</t>
  </si>
  <si>
    <t>01/16/2020 21:12:41</t>
  </si>
  <si>
    <t>01/16/2020 21:12:45</t>
  </si>
  <si>
    <t>01/16/2020 21:12:49</t>
  </si>
  <si>
    <t>01/16/2020 21:12:50</t>
  </si>
  <si>
    <t>01/16/2020 21:12:51</t>
  </si>
  <si>
    <t>01/16/2020 21:12:53</t>
  </si>
  <si>
    <t>01/16/2020 21:12:54</t>
  </si>
  <si>
    <t>01/16/2020 21:12:56</t>
  </si>
  <si>
    <t>01/16/2020 21:12:58</t>
  </si>
  <si>
    <t>01/16/2020 21:13:00</t>
  </si>
  <si>
    <t>01/16/2020 21:13:01</t>
  </si>
  <si>
    <t>01/16/2020 21:13:02</t>
  </si>
  <si>
    <t>01/16/2020 21:13:05</t>
  </si>
  <si>
    <t>01/16/2020 21:13:10</t>
  </si>
  <si>
    <t>01/16/2020 21:13:11</t>
  </si>
  <si>
    <t>01/16/2020 21:13:12</t>
  </si>
  <si>
    <t>01/16/2020 21:13:13</t>
  </si>
  <si>
    <t>01/16/2020 21:13:14</t>
  </si>
  <si>
    <t>01/16/2020 21:19:20</t>
  </si>
  <si>
    <t>01/16/2020 21:20:39</t>
  </si>
  <si>
    <t>01/16/2020 21:19:21</t>
  </si>
  <si>
    <t>lu2716856i8bd.tmp</t>
  </si>
  <si>
    <t>\\acsfs\profiles$\rafaelacdoc\lu2716856i8bd.tmp</t>
  </si>
  <si>
    <t>\\acsfs\profiles$\rafaelacdoc\lu2716856i8bd.tmp\</t>
  </si>
  <si>
    <t>\\acsfs\profiles$\rafaelacdoc\lu2716856i8bd.tmp\META-INF\</t>
  </si>
  <si>
    <t>\\acsfs\profiles$\rafaelacdoc\lu2716856i8bd.tmp\Thumbnails\</t>
  </si>
  <si>
    <t>01/16/2020 21:19:24</t>
  </si>
  <si>
    <t>lu2716856i8bg.tmp</t>
  </si>
  <si>
    <t>\\acsfs\profiles$\rafaelacdoc\lu2716856i8bg.tmp</t>
  </si>
  <si>
    <t>\\acsfs\profiles$\rafaelacdoc\lu2716856i8bg.tmp\</t>
  </si>
  <si>
    <t>\\acsfs\profiles$\rafaelacdoc\lu2716856i8bg.tmp\META-INF\</t>
  </si>
  <si>
    <t>\\acsfs\profiles$\rafaelacdoc\lu2716856i8bg.tmp\Thumbnails\</t>
  </si>
  <si>
    <t>01/16/2020 21:21:39</t>
  </si>
  <si>
    <t>01/16/2020 21:18:14</t>
  </si>
  <si>
    <t>01/16/2020 21:22:39</t>
  </si>
  <si>
    <t>01/16/2020 21:18:15</t>
  </si>
  <si>
    <t>01/16/2020 21:18:16</t>
  </si>
  <si>
    <t>01/16/2020 21:18:20</t>
  </si>
  <si>
    <t>01/16/2020 21:18:21</t>
  </si>
  <si>
    <t>01/16/2020 21:20:14</t>
  </si>
  <si>
    <t>01/16/2020 21:25:40</t>
  </si>
  <si>
    <t>7e7c97c3-7b1b-465b-bcde-24f260ebcb54.tmp</t>
  </si>
  <si>
    <t>\\acsfs\profiles$\taylaedoa\Downloads\7e7c97c3-7b1b-465b-bcde-24f260ebcb54.tmp</t>
  </si>
  <si>
    <t>01/16/2020 21:22:01</t>
  </si>
  <si>
    <t>24e66292-db71-4e23-8a12-dfee4ff50208.tmp</t>
  </si>
  <si>
    <t>\\acsfs\profiles$\taylaedoa\Downloads\24e66292-db71-4e23-8a12-dfee4ff50208.tmp</t>
  </si>
  <si>
    <t>01/16/2020 21:26:39</t>
  </si>
  <si>
    <t>01/16/2020 21:25:43</t>
  </si>
  <si>
    <t>01/16/2020 21:27:40</t>
  </si>
  <si>
    <t>01/16/2020 21:26:56</t>
  </si>
  <si>
    <t>01/16/2020 21:28:39</t>
  </si>
  <si>
    <t>ba149f40-a90b-4498-9d9f-ffa186db7ebb.tmp</t>
  </si>
  <si>
    <t>\\acsfs\profiles$\ingridsm\Downloads\ba149f40-a90b-4498-9d9f-ffa186db7ebb.tmp</t>
  </si>
  <si>
    <t>01/16/2020 21:28:04</t>
  </si>
  <si>
    <t>01/16/2020 21:31:39</t>
  </si>
  <si>
    <t>10f5323a-26da-4e1a-baae-d4d0612412f8.tmp</t>
  </si>
  <si>
    <t>\\acsfs\profiles$\Adrieledgc\Downloads\10f5323a-26da-4e1a-baae-d4d0612412f8.tmp</t>
  </si>
  <si>
    <t>01/16/2020 21:36:39</t>
  </si>
  <si>
    <t>01/16/2020 21:34:36</t>
  </si>
  <si>
    <t>01/16/2020 21:37:39</t>
  </si>
  <si>
    <t>3897501c-cba8-455e-9c79-0d9d45d2cc35.tmp</t>
  </si>
  <si>
    <t>\\acsfs\profiles$\leonardocb\Downloads\3897501c-cba8-455e-9c79-0d9d45d2cc35.tmp</t>
  </si>
  <si>
    <t>01/16/2020 21:35:17</t>
  </si>
  <si>
    <t>81e2606d-a3bb-4c3f-bf58-d7ff46c989a7.tmp</t>
  </si>
  <si>
    <t>\\acsfs\profiles$\leonardocb\Downloads\81e2606d-a3bb-4c3f-bf58-d7ff46c989a7.tmp</t>
  </si>
  <si>
    <t>01/16/2020 21:33:12</t>
  </si>
  <si>
    <t>01/16/2020 21:38:39</t>
  </si>
  <si>
    <t>fb9a5e6c-9bef-41d7-a54f-7f5020f74a64.tmp</t>
  </si>
  <si>
    <t>\\acsfs\profiles$\gabrielamdp\Downloads\fb9a5e6c-9bef-41d7-a54f-7f5020f74a64.tmp</t>
  </si>
  <si>
    <t>01/16/2020 21:33:13</t>
  </si>
  <si>
    <t>61d9fbd9-786e-4fe0-82ab-02ae48391a0d.tmp</t>
  </si>
  <si>
    <t>\\acsfs\profiles$\gabrielamdp\Downloads\61d9fbd9-786e-4fe0-82ab-02ae48391a0d.tmp</t>
  </si>
  <si>
    <t>01/16/2020 21:35:42</t>
  </si>
  <si>
    <t>602529e0-ce2e-4e86-b818-2f4e181b872b.tmp</t>
  </si>
  <si>
    <t>\\acsfs\profiles$\gabrielamdp\Downloads\602529e0-ce2e-4e86-b818-2f4e181b872b.tmp</t>
  </si>
  <si>
    <t>01/16/2020 21:41:39</t>
  </si>
  <si>
    <t>01/16/2020 21:42:48</t>
  </si>
  <si>
    <t>01/16/2020 21:43:39</t>
  </si>
  <si>
    <t>9059a7f8-c82b-482d-8a00-8aa2141a9e3f.tmp</t>
  </si>
  <si>
    <t>\\acsfs\profiles$\gabrielamdp\Downloads\9059a7f8-c82b-482d-8a00-8aa2141a9e3f.tmp</t>
  </si>
  <si>
    <t>01/16/2020 21:43:29</t>
  </si>
  <si>
    <t>01/16/2020 21:46:39</t>
  </si>
  <si>
    <t>XLOG_anakcs_16012020_180633.log</t>
  </si>
  <si>
    <t>\\acsfs\profiles$\anakcs\My Documents\xworkcenter\logs\XLOG_anakcs_16012020_180633.log</t>
  </si>
  <si>
    <t>01/16/2020 21:47:39</t>
  </si>
  <si>
    <t>01/16/2020 21:43:10</t>
  </si>
  <si>
    <t>01/16/2020 21:48:39</t>
  </si>
  <si>
    <t>80989709-f43d-4bce-9885-8ebe013d51ca.tmp</t>
  </si>
  <si>
    <t>\\acsfs\profiles$\gabrielamdp\Downloads\80989709-f43d-4bce-9885-8ebe013d51ca.tmp</t>
  </si>
  <si>
    <t>01/16/2020 21:44:43</t>
  </si>
  <si>
    <t>d8e46126-808a-4abe-9f31-ff8621234a15.tmp</t>
  </si>
  <si>
    <t>\\acsfs\profiles$\gabrielamdp\Downloads\d8e46126-808a-4abe-9f31-ff8621234a15.tmp</t>
  </si>
  <si>
    <t>01/16/2020 21:51:39</t>
  </si>
  <si>
    <t>01/16/2020 21:52:39</t>
  </si>
  <si>
    <t>01/16/2020 21:56:39</t>
  </si>
  <si>
    <t>01/16/2020 21:57:39</t>
  </si>
  <si>
    <t>01/16/2020 21:55:43</t>
  </si>
  <si>
    <t>ddf0d137-33e2-4b96-b495-59e3f657510a.tmp</t>
  </si>
  <si>
    <t>\\acsfs\profiles$\rogeriofd\Downloads\ddf0d137-33e2-4b96-b495-59e3f657510a.tmp</t>
  </si>
  <si>
    <t>01/16/2020 21:56:33</t>
  </si>
  <si>
    <t>276f5751-81eb-4123-bfb6-cc153a71c198.tmp</t>
  </si>
  <si>
    <t>\\acsfs\profiles$\rogeriofd\Downloads\276f5751-81eb-4123-bfb6-cc153a71c198.tmp</t>
  </si>
  <si>
    <t>01/16/2020 21:53:07</t>
  </si>
  <si>
    <t>01/16/2020 21:58:39</t>
  </si>
  <si>
    <t>add5be5e-afae-4414-9e9b-96ad4c1f23e2.tmp</t>
  </si>
  <si>
    <t>\\acsfs\profiles$\gabrielamdp\Downloads\add5be5e-afae-4414-9e9b-96ad4c1f23e2.tmp</t>
  </si>
  <si>
    <t>01/16/2020 21:57:09</t>
  </si>
  <si>
    <t>01/16/2020 22:01:39</t>
  </si>
  <si>
    <t>402c7dcd-f847-47d4-95b5-029636872645.tmp</t>
  </si>
  <si>
    <t>\\acsfs\profiles$\myllenardl\Downloads\402c7dcd-f847-47d4-95b5-029636872645.tmp</t>
  </si>
  <si>
    <t>01/16/2020 22:02:40</t>
  </si>
  <si>
    <t>01/16/2020 22:01:05</t>
  </si>
  <si>
    <t>01/16/2020 22:04:39</t>
  </si>
  <si>
    <t>06685303-9d30-4b7b-9239-b02ec6a221c9.tmp</t>
  </si>
  <si>
    <t>\\acsfs\profiles$\ROBERTM\Downloads\06685303-9d30-4b7b-9239-b02ec6a221c9.tmp</t>
  </si>
  <si>
    <t>01/16/2020 22:02:09</t>
  </si>
  <si>
    <t>dd5caaab-2c59-4af7-8974-c4004624dc0e.tmp</t>
  </si>
  <si>
    <t>\\acsfs\profiles$\ROBERTM\Downloads\dd5caaab-2c59-4af7-8974-c4004624dc0e.tmp</t>
  </si>
  <si>
    <t>01/16/2020 22:03:13</t>
  </si>
  <si>
    <t>c5feb6d4-d7b7-4f00-8aa2-5ff7b5ba3c42.tmp</t>
  </si>
  <si>
    <t>\\acsfs\profiles$\fabianafv\Downloads\c5feb6d4-d7b7-4f00-8aa2-5ff7b5ba3c42.tmp</t>
  </si>
  <si>
    <t>01/16/2020 22:06:39</t>
  </si>
  <si>
    <t>01/16/2020 22:07:39</t>
  </si>
  <si>
    <t>01/16/2020 22:05:05</t>
  </si>
  <si>
    <t>01/16/2020 22:09:39</t>
  </si>
  <si>
    <t>38f49ad4-a74e-4624-b1d9-77061196182f.tmp</t>
  </si>
  <si>
    <t>\\acsfs\profiles$\ROBERTM\Downloads\38f49ad4-a74e-4624-b1d9-77061196182f.tmp</t>
  </si>
  <si>
    <t>01/16/2020 22:12:39</t>
  </si>
  <si>
    <t>01/16/2020 22:19:34</t>
  </si>
  <si>
    <t>01/16/2020 22:19:58</t>
  </si>
  <si>
    <t>01/16/2020 22:21:39</t>
  </si>
  <si>
    <t>6713d0fd-35c9-43f1-8a4c-641b3c20fcec.tmp</t>
  </si>
  <si>
    <t>\\acsfs\profiles$\Adrieledgc\Downloads\6713d0fd-35c9-43f1-8a4c-641b3c20fcec.tmp</t>
  </si>
  <si>
    <t>01/16/2020 22:22:39</t>
  </si>
  <si>
    <t>01/16/2020 22:20:56</t>
  </si>
  <si>
    <t>01/16/2020 22:20:58</t>
  </si>
  <si>
    <t>01/16/2020 22:20:59</t>
  </si>
  <si>
    <t>01/16/2020 22:21:00</t>
  </si>
  <si>
    <t>01/16/2020 22:21:02</t>
  </si>
  <si>
    <t>01/16/2020 22:21:03</t>
  </si>
  <si>
    <t>01/16/2020 22:21:04</t>
  </si>
  <si>
    <t>01/16/2020 22:21:05</t>
  </si>
  <si>
    <t>01/16/2020 22:21:06</t>
  </si>
  <si>
    <t>01/16/2020 22:21:07</t>
  </si>
  <si>
    <t>01/16/2020 22:21:08</t>
  </si>
  <si>
    <t>01/16/2020 22:21:10</t>
  </si>
  <si>
    <t>01/16/2020 22:21:11</t>
  </si>
  <si>
    <t>01/16/2020 22:21:12</t>
  </si>
  <si>
    <t>01/16/2020 22:21:13</t>
  </si>
  <si>
    <t>01/16/2020 22:21:14</t>
  </si>
  <si>
    <t>01/16/2020 22:21:15</t>
  </si>
  <si>
    <t>01/16/2020 22:21:16</t>
  </si>
  <si>
    <t>01/16/2020 22:21:17</t>
  </si>
  <si>
    <t>01/16/2020 22:21:19</t>
  </si>
  <si>
    <t>01/16/2020 22:21:20</t>
  </si>
  <si>
    <t>01/16/2020 22:21:21</t>
  </si>
  <si>
    <t>01/16/2020 22:21:22</t>
  </si>
  <si>
    <t>01/16/2020 22:21:23</t>
  </si>
  <si>
    <t>01/16/2020 22:21:25</t>
  </si>
  <si>
    <t>01/16/2020 22:21:26</t>
  </si>
  <si>
    <t>01/16/2020 22:21:28</t>
  </si>
  <si>
    <t>01/16/2020 22:21:29</t>
  </si>
  <si>
    <t>01/16/2020 22:21:30</t>
  </si>
  <si>
    <t>01/16/2020 22:21:31</t>
  </si>
  <si>
    <t>01/16/2020 22:21:32</t>
  </si>
  <si>
    <t>01/16/2020 22:21:33</t>
  </si>
  <si>
    <t>01/16/2020 22:21:34</t>
  </si>
  <si>
    <t>01/16/2020 22:21:36</t>
  </si>
  <si>
    <t>01/16/2020 22:21:37</t>
  </si>
  <si>
    <t>01/16/2020 22:21:55</t>
  </si>
  <si>
    <t>01/16/2020 22:27:39</t>
  </si>
  <si>
    <t>01/16/2020 22:32:39</t>
  </si>
  <si>
    <t>01/16/2020 22:37:39</t>
  </si>
  <si>
    <t>01/16/2020 22:42:39</t>
  </si>
  <si>
    <t>01/16/2020 22:40:30</t>
  </si>
  <si>
    <t>44304e6f-092e-4e22-9c4c-e1b6420f7341.tmp</t>
  </si>
  <si>
    <t>\\acsfs\profiles$\joycemmdl\Downloads\44304e6f-092e-4e22-9c4c-e1b6420f7341.tmp</t>
  </si>
  <si>
    <t>01/16/2020 22:40:43</t>
  </si>
  <si>
    <t>Unconfirmed 677966.crdownload</t>
  </si>
  <si>
    <t>\\acsfs\profiles$\joycemmdl\Downloads\Unconfirmed 677966.crdownload</t>
  </si>
  <si>
    <t>01/16/2020 22:41:03</t>
  </si>
  <si>
    <t>ed89b968-e6d3-4ef8-8510-80aa61949b3b.tmp</t>
  </si>
  <si>
    <t>\\acsfs\profiles$\joycemmdl\Downloads\ed89b968-e6d3-4ef8-8510-80aa61949b3b.tmp</t>
  </si>
  <si>
    <t>01/16/2020 22:47:38</t>
  </si>
  <si>
    <t>01/16/2020 22:52:39</t>
  </si>
  <si>
    <t>01/16/2020 22:57:39</t>
  </si>
  <si>
    <t>01/16/2020 22:57:19</t>
  </si>
  <si>
    <t>01/16/2020 22:59:39</t>
  </si>
  <si>
    <t>66ef27c0-bb84-4afc-b980-69a450a8b4ff.tmp</t>
  </si>
  <si>
    <t>\\acsfs\profiles$\marlyannegdls\Downloads\66ef27c0-bb84-4afc-b980-69a450a8b4ff.tmp</t>
  </si>
  <si>
    <t>01/16/2020 22:58:22</t>
  </si>
  <si>
    <t>c16f8d63-678d-4cc2-8408-e43765f0e0a5.tmp</t>
  </si>
  <si>
    <t>\\acsfs\profiles$\marlyannegdls\Downloads\c16f8d63-678d-4cc2-8408-e43765f0e0a5.tmp</t>
  </si>
  <si>
    <t>01/16/2020 23:02:40</t>
  </si>
  <si>
    <t>01/16/2020 23:07:39</t>
  </si>
  <si>
    <t>01/16/2020 23:12:39</t>
  </si>
  <si>
    <t>01/16/2020 23:17:39</t>
  </si>
  <si>
    <t>01/16/2020 23:19:54</t>
  </si>
  <si>
    <t>01/16/2020 23:20:39</t>
  </si>
  <si>
    <t>0f269e15-36d4-4231-9ce8-1bf49a6c6755.tmp</t>
  </si>
  <si>
    <t>\\acsfs\profiles$\andressamf\Downloads\0f269e15-36d4-4231-9ce8-1bf49a6c6755.tmp</t>
  </si>
  <si>
    <t>01/16/2020 23:22:39</t>
  </si>
  <si>
    <t>01/16/2020 23:27:39</t>
  </si>
  <si>
    <t>01/16/2020 23:32:39</t>
  </si>
  <si>
    <t>01/16/2020 23:37:39</t>
  </si>
  <si>
    <t>01/16/2020 23:42:39</t>
  </si>
  <si>
    <t>01/16/2020 23:44:38</t>
  </si>
  <si>
    <t>01/16/2020 23:45:39</t>
  </si>
  <si>
    <t>43123df1-24ee-48cc-957f-a929621c728b.tmp</t>
  </si>
  <si>
    <t>\\acsfs\profiles$\mariaavds\Downloads\43123df1-24ee-48cc-957f-a929621c728b.tmp</t>
  </si>
  <si>
    <t>01/16/2020 23:47:39</t>
  </si>
  <si>
    <t>01/16/2020 23:44:43</t>
  </si>
  <si>
    <t>01/16/2020 23:50:39</t>
  </si>
  <si>
    <t>59a50afc-a8d1-4cac-bb96-9ae3c2def995.tmp</t>
  </si>
  <si>
    <t>\\acsfs\profiles$\mariaavds\Downloads\59a50afc-a8d1-4cac-bb96-9ae3c2def995.tmp</t>
  </si>
  <si>
    <t>01/16/2020 23:45:43</t>
  </si>
  <si>
    <t>1868891c-b349-4814-8088-6f6fec27e588.tmp</t>
  </si>
  <si>
    <t>\\acsfs\profiles$\mariaavds\Downloads\1868891c-b349-4814-8088-6f6fec27e588.tmp</t>
  </si>
  <si>
    <t>01/16/2020 23:52:39</t>
  </si>
  <si>
    <t>01/16/2020 23:57:39</t>
  </si>
  <si>
    <t>01/17/2020 00:02:39</t>
  </si>
  <si>
    <t>01/17/2020 00:07:39</t>
  </si>
  <si>
    <t>01/17/2020 00:12:39</t>
  </si>
  <si>
    <t>01/17/2020 00:17:39</t>
  </si>
  <si>
    <t>01/17/2020 00:22:39</t>
  </si>
  <si>
    <t>01/17/2020 00:27:39</t>
  </si>
  <si>
    <t>01/17/2020 00:32:39</t>
  </si>
  <si>
    <t>01/17/2020 00:37:39</t>
  </si>
  <si>
    <t>01/17/2020 00:42:39</t>
  </si>
  <si>
    <t>01/17/2020 00:47:38</t>
  </si>
  <si>
    <t>01/17/2020 00:47:39</t>
  </si>
  <si>
    <t>01/17/2020 00:52:38</t>
  </si>
  <si>
    <t>01/17/2020 00:57:38</t>
  </si>
  <si>
    <t>01/17/2020 00:57:39</t>
  </si>
  <si>
    <t>01/17/2020 01:13:40</t>
  </si>
  <si>
    <t>01/17/2020 01:14:39</t>
  </si>
  <si>
    <t>01/17/2020 01:19:40</t>
  </si>
  <si>
    <t>01/17/2020 01:24:40</t>
  </si>
  <si>
    <t>01/17/2020 01:29:40</t>
  </si>
  <si>
    <t>01/17/2020 01:34:39</t>
  </si>
  <si>
    <t>01/17/2020 01:34:40</t>
  </si>
  <si>
    <t>01/17/2020 01:39:40</t>
  </si>
  <si>
    <t>01/17/2020 01:44:40</t>
  </si>
  <si>
    <t>01/17/2020 01:49:40</t>
  </si>
  <si>
    <t>01/17/2020 01:54:39</t>
  </si>
  <si>
    <t>01/17/2020 01:59:40</t>
  </si>
  <si>
    <t>01/17/2020 02:04:40</t>
  </si>
  <si>
    <t>01/17/2020 02:09:40</t>
  </si>
  <si>
    <t>01/17/2020 02:14:40</t>
  </si>
  <si>
    <t>01/17/2020 02:19:41</t>
  </si>
  <si>
    <t>01/17/2020 02:24:41</t>
  </si>
  <si>
    <t>01/17/2020 02:29:40</t>
  </si>
  <si>
    <t>01/17/2020 02:31:51</t>
  </si>
  <si>
    <t>01/17/2020 02:32:40</t>
  </si>
  <si>
    <t>931ea2ae-4466-4270-944d-32ca1b556cdb.tmp</t>
  </si>
  <si>
    <t>\\acsfs\profiles$\rogeriofd\Downloads\931ea2ae-4466-4270-944d-32ca1b556cdb.tmp</t>
  </si>
  <si>
    <t>01/17/2020 02:34:40</t>
  </si>
  <si>
    <t>01/17/2020 02:39:40</t>
  </si>
  <si>
    <t>01/17/2020 02:44:40</t>
  </si>
  <si>
    <t>01/17/2020 02:49:40</t>
  </si>
  <si>
    <t>01/17/2020 02:54:39</t>
  </si>
  <si>
    <t>01/17/2020 02:59:38</t>
  </si>
  <si>
    <t>01/17/2020 03:04:39</t>
  </si>
  <si>
    <t>01/17/2020 03:09:39</t>
  </si>
  <si>
    <t>01/17/2020 03:14:40</t>
  </si>
  <si>
    <t>01/17/2020 03:19:39</t>
  </si>
  <si>
    <t>01/17/2020 03:24:39</t>
  </si>
  <si>
    <t>01/17/2020 03:24:40</t>
  </si>
  <si>
    <t>01/17/2020 03:29:40</t>
  </si>
  <si>
    <t>01/17/2020 03:34:40</t>
  </si>
  <si>
    <t>01/17/2020 03:39:41</t>
  </si>
  <si>
    <t>01/17/2020 03:44:40</t>
  </si>
  <si>
    <t>01/17/2020 03:49:40</t>
  </si>
  <si>
    <t>01/17/2020 03:54:40</t>
  </si>
  <si>
    <t>01/17/2020 03:59:40</t>
  </si>
  <si>
    <t>01/17/2020 04:04:40</t>
  </si>
  <si>
    <t>01/17/2020 04:09:40</t>
  </si>
  <si>
    <t>01/17/2020 04:09:23</t>
  </si>
  <si>
    <t>01/17/2020 04:10:39</t>
  </si>
  <si>
    <t>e0058bac-6866-47d2-95e3-622866ed00ab.tmp</t>
  </si>
  <si>
    <t>\\acsfs\profiles$\mariaavds\Downloads\e0058bac-6866-47d2-95e3-622866ed00ab.tmp</t>
  </si>
  <si>
    <t>01/17/2020 04:14:40</t>
  </si>
  <si>
    <t>01/17/2020 04:10:22</t>
  </si>
  <si>
    <t>01/17/2020 04:15:40</t>
  </si>
  <si>
    <t>e9bd43a6-f049-40c6-a8d2-0dc14ba68528.tmp</t>
  </si>
  <si>
    <t>\\acsfs\profiles$\mariaavds\Downloads\e9bd43a6-f049-40c6-a8d2-0dc14ba68528.tmp</t>
  </si>
  <si>
    <t>01/17/2020 04:19:40</t>
  </si>
  <si>
    <t>01/17/2020 04:24:39</t>
  </si>
  <si>
    <t>01/17/2020 04:29:39</t>
  </si>
  <si>
    <t>01/17/2020 04:27:42</t>
  </si>
  <si>
    <t>b10a2338-4adf-4c3a-b89a-8605b25de4a1.tmp</t>
  </si>
  <si>
    <t>\\acsfs\profiles$\ROBERTM\Downloads\b10a2338-4adf-4c3a-b89a-8605b25de4a1.tmp</t>
  </si>
  <si>
    <t>01/17/2020 04:27:59</t>
  </si>
  <si>
    <t>003029ee-45e3-4242-a743-bbb5c89f2ab0.tmp</t>
  </si>
  <si>
    <t>\\acsfs\profiles$\ROBERTM\Downloads\003029ee-45e3-4242-a743-bbb5c89f2ab0.tmp</t>
  </si>
  <si>
    <t>01/17/2020 04:34:40</t>
  </si>
  <si>
    <t>01/17/2020 04:39:40</t>
  </si>
  <si>
    <t>01/17/2020 04:44:40</t>
  </si>
  <si>
    <t>01/17/2020 04:49:40</t>
  </si>
  <si>
    <t>01/17/2020 04:54:41</t>
  </si>
  <si>
    <t>01/17/2020 04:59:41</t>
  </si>
  <si>
    <t>01/17/2020 05:05:40</t>
  </si>
  <si>
    <t>01/17/2020 05:05:41</t>
  </si>
  <si>
    <t>01/17/2020 05:10:41</t>
  </si>
  <si>
    <t>01/17/2020 05:15:41</t>
  </si>
  <si>
    <t>01/17/2020 05:20:41</t>
  </si>
  <si>
    <t>01/17/2020 05:25:41</t>
  </si>
  <si>
    <t>01/17/2020 05:30:41</t>
  </si>
  <si>
    <t>01/17/2020 05:35:41</t>
  </si>
  <si>
    <t>01/17/2020 05:37:41</t>
  </si>
  <si>
    <t>01/17/2020 05:36:23</t>
  </si>
  <si>
    <t>bc544877-6b4a-4e37-a65a-36abd0d73675.tmp</t>
  </si>
  <si>
    <t>\\acsfs\profiles$\rogeriofd\Downloads\bc544877-6b4a-4e37-a65a-36abd0d73675.tmp</t>
  </si>
  <si>
    <t>01/17/2020 05:40:41</t>
  </si>
  <si>
    <t>01/17/2020 05:41:41</t>
  </si>
  <si>
    <t>01/17/2020 05:45:41</t>
  </si>
  <si>
    <t>01/17/2020 05:46:41</t>
  </si>
  <si>
    <t>01/17/2020 05:45:57</t>
  </si>
  <si>
    <t>01/17/2020 05:49:41</t>
  </si>
  <si>
    <t>f741edb8-4ab6-4ebc-a961-d391bbd9b15c.tmp</t>
  </si>
  <si>
    <t>\\acsfs\profiles$\marlyannegdls\Downloads\f741edb8-4ab6-4ebc-a961-d391bbd9b15c.tmp</t>
  </si>
  <si>
    <t>01/17/2020 05:48:39</t>
  </si>
  <si>
    <t>198773a3-180b-486d-bfee-6bf41e957ddb.tmp</t>
  </si>
  <si>
    <t>\\acsfs\profiles$\ROZENCAM\Downloads\198773a3-180b-486d-bfee-6bf41e957ddb.tmp</t>
  </si>
  <si>
    <t>01/17/2020 05:50:42</t>
  </si>
  <si>
    <t>01/17/2020 05:51:41</t>
  </si>
  <si>
    <t>01/17/2020 05:50:34</t>
  </si>
  <si>
    <t>01/17/2020 05:54:41</t>
  </si>
  <si>
    <t>510801f2-2c1a-451e-a539-1fdbe924a33d.tmp</t>
  </si>
  <si>
    <t>\\acsfs\profiles$\ROZENCAM\Downloads\510801f2-2c1a-451e-a539-1fdbe924a33d.tmp</t>
  </si>
  <si>
    <t>01/17/2020 05:55:41</t>
  </si>
  <si>
    <t>01/17/2020 05:56:41</t>
  </si>
  <si>
    <t>01/17/2020 05:59:49</t>
  </si>
  <si>
    <t>01/17/2020 06:00:42</t>
  </si>
  <si>
    <t>a334f662-59a8-4fcc-9f22-d80ea6c3079c.tmp</t>
  </si>
  <si>
    <t>\\acsfs\profiles$\lucasqdss\Downloads\a334f662-59a8-4fcc-9f22-d80ea6c3079c.tmp</t>
  </si>
  <si>
    <t>01/17/2020 06:01:41</t>
  </si>
  <si>
    <t>01/17/2020 06:06:41</t>
  </si>
  <si>
    <t>01/17/2020 06:09:40</t>
  </si>
  <si>
    <t>01/17/2020 06:10:41</t>
  </si>
  <si>
    <t>13f5a049-460b-49cd-be05-f231aa106291.tmp</t>
  </si>
  <si>
    <t>\\acsfs\profiles$\lucasqdss\Downloads\13f5a049-460b-49cd-be05-f231aa106291.tmp</t>
  </si>
  <si>
    <t>01/17/2020 06:11:41</t>
  </si>
  <si>
    <t>01/17/2020 06:16:41</t>
  </si>
  <si>
    <t>01/17/2020 06:19:41</t>
  </si>
  <si>
    <t>01/17/2020 06:18:42</t>
  </si>
  <si>
    <t>a3475879-4379-44d9-8f9e-6bf5c8ae004c.tmp</t>
  </si>
  <si>
    <t>\\acsfs\profiles$\ALYNYA\Downloads\a3475879-4379-44d9-8f9e-6bf5c8ae004c.tmp</t>
  </si>
  <si>
    <t>01/17/2020 06:19:17</t>
  </si>
  <si>
    <t>f8a0a5e4-afe6-4939-a11c-80f1a8abb7b5.tmp</t>
  </si>
  <si>
    <t>\\acsfs\profiles$\ALYNYA\Downloads\f8a0a5e4-afe6-4939-a11c-80f1a8abb7b5.tmp</t>
  </si>
  <si>
    <t>01/17/2020 06:21:41</t>
  </si>
  <si>
    <t>01/17/2020 06:24:41</t>
  </si>
  <si>
    <t>01/17/2020 06:23:22</t>
  </si>
  <si>
    <t>01/17/2020 06:24:05</t>
  </si>
  <si>
    <t>cad605cb-cd14-4ebb-8d1e-1b49472b0d3a.tmp</t>
  </si>
  <si>
    <t>\\acsfs\profiles$\ALYNYA\Downloads\cad605cb-cd14-4ebb-8d1e-1b49472b0d3a.tmp</t>
  </si>
  <si>
    <t>01/17/2020 06:24:36</t>
  </si>
  <si>
    <t>01/17/2020 06:25:41</t>
  </si>
  <si>
    <t>36e730e4-7646-4f72-872b-45e899e56fd0.tmp</t>
  </si>
  <si>
    <t>\\acsfs\profiles$\BRUNAAR\Downloads\36e730e4-7646-4f72-872b-45e899e56fd0.tmp</t>
  </si>
  <si>
    <t>01/17/2020 06:26:41</t>
  </si>
  <si>
    <t>01/17/2020 06:30:41</t>
  </si>
  <si>
    <t>01/17/2020 06:25:40</t>
  </si>
  <si>
    <t>e91ccf53-19dc-4293-b623-1ec35f7c0d0a.tmp</t>
  </si>
  <si>
    <t>\\acsfs\profiles$\BRUNAAR\Downloads\e91ccf53-19dc-4293-b623-1ec35f7c0d0a.tmp</t>
  </si>
  <si>
    <t>01/17/2020 06:27:22</t>
  </si>
  <si>
    <t>01/17/2020 06:31:41</t>
  </si>
  <si>
    <t>01/17/2020 06:33:03</t>
  </si>
  <si>
    <t>01/17/2020 06:33:41</t>
  </si>
  <si>
    <t>e3877d33-3807-43bf-a7b5-5d19253687c4.tmp</t>
  </si>
  <si>
    <t>\\acsfs\profiles$\danielac\Downloads\e3877d33-3807-43bf-a7b5-5d19253687c4.tmp</t>
  </si>
  <si>
    <t>01/17/2020 06:33:17</t>
  </si>
  <si>
    <t>111ac79e-47a2-4f8c-a01a-cfbf94141359.tmp</t>
  </si>
  <si>
    <t>\\acsfs\profiles$\danielac\Downloads\111ac79e-47a2-4f8c-a01a-cfbf94141359.tmp</t>
  </si>
  <si>
    <t>01/17/2020 06:36:41</t>
  </si>
  <si>
    <t>01/17/2020 06:34:32</t>
  </si>
  <si>
    <t>01/17/2020 06:38:40</t>
  </si>
  <si>
    <t>99e9a0ba-88bc-4a5e-ab62-ebc0e4f7be0e.tmp</t>
  </si>
  <si>
    <t>\\acsfs\profiles$\danielac\Downloads\99e9a0ba-88bc-4a5e-ab62-ebc0e4f7be0e.tmp</t>
  </si>
  <si>
    <t>01/17/2020 06:35:40</t>
  </si>
  <si>
    <t>a90a2350-5a61-49be-9f45-c2a5a077abfa.tmp</t>
  </si>
  <si>
    <t>\\acsfs\profiles$\danielac\Downloads\a90a2350-5a61-49be-9f45-c2a5a077abfa.tmp</t>
  </si>
  <si>
    <t>01/17/2020 06:35:59</t>
  </si>
  <si>
    <t>3ce91ca1-5d9a-4583-a0e4-f852b2c097b0.tmp</t>
  </si>
  <si>
    <t>\\acsfs\profiles$\danielac\Downloads\3ce91ca1-5d9a-4583-a0e4-f852b2c097b0.tmp</t>
  </si>
  <si>
    <t>01/17/2020 06:40:41</t>
  </si>
  <si>
    <t>01/17/2020 06:36:18</t>
  </si>
  <si>
    <t>dc0348e6-bcf8-4b16-b3e7-8a54f8f2ff25.tmp</t>
  </si>
  <si>
    <t>\\acsfs\profiles$\lucasqdss\Downloads\dc0348e6-bcf8-4b16-b3e7-8a54f8f2ff25.tmp</t>
  </si>
  <si>
    <t>01/17/2020 06:39:49</t>
  </si>
  <si>
    <t>01/17/2020 06:41:41</t>
  </si>
  <si>
    <t>01/17/2020 06:46:41</t>
  </si>
  <si>
    <t>01/17/2020 06:43:11</t>
  </si>
  <si>
    <t>01/17/2020 06:48:40</t>
  </si>
  <si>
    <t>60f6310d-c85c-4db2-bffc-5d3bb8fc6b52.tmp</t>
  </si>
  <si>
    <t>\\acsfs\profiles$\monicargds\Downloads\60f6310d-c85c-4db2-bffc-5d3bb8fc6b52.tmp</t>
  </si>
  <si>
    <t>01/17/2020 06:43:12</t>
  </si>
  <si>
    <t>d49b2fde-4d7e-4536-bf75-e8e8b9d5d757.tmp</t>
  </si>
  <si>
    <t>\\acsfs\profiles$\monicargds\Downloads\d49b2fde-4d7e-4536-bf75-e8e8b9d5d757.tmp</t>
  </si>
  <si>
    <t>01/17/2020 06:43:21</t>
  </si>
  <si>
    <t>f723b827-0eaf-4db2-af90-5abfb3e9e06e.tmp</t>
  </si>
  <si>
    <t>\\acsfs\profiles$\monicargds\Downloads\f723b827-0eaf-4db2-af90-5abfb3e9e06e.tmp</t>
  </si>
  <si>
    <t>01/17/2020 06:44:19</t>
  </si>
  <si>
    <t>37d12e64-3e97-463f-8641-7889f8746d95.tmp</t>
  </si>
  <si>
    <t>\\acsfs\profiles$\monicargds\Downloads\37d12e64-3e97-463f-8641-7889f8746d95.tmp</t>
  </si>
  <si>
    <t>01/17/2020 06:51:40</t>
  </si>
  <si>
    <t>01/17/2020 06:47:16</t>
  </si>
  <si>
    <t>01/17/2020 06:52:41</t>
  </si>
  <si>
    <t>01/17/2020 06:48:25</t>
  </si>
  <si>
    <t>01/17/2020 06:49:06</t>
  </si>
  <si>
    <t>01/17/2020 06:53:41</t>
  </si>
  <si>
    <t>01/17/2020 06:49:27</t>
  </si>
  <si>
    <t>c8923e4e-c7de-4b77-a0a4-591f1a2fbc5e.tmp</t>
  </si>
  <si>
    <t>\\acsfs\profiles$\anafsb\Downloads\c8923e4e-c7de-4b77-a0a4-591f1a2fbc5e.tmp</t>
  </si>
  <si>
    <t>01/17/2020 06:49:29</t>
  </si>
  <si>
    <t>f2ffaaab-e83e-41ac-ac21-ac0310c7724d.tmp</t>
  </si>
  <si>
    <t>\\acsfs\profiles$\anafsb\Downloads\f2ffaaab-e83e-41ac-ac21-ac0310c7724d.tmp</t>
  </si>
  <si>
    <t>01/17/2020 06:49:33</t>
  </si>
  <si>
    <t>52918d74-83f7-420e-a338-886c098e6dfb.tmp</t>
  </si>
  <si>
    <t>\\acsfs\profiles$\anafsb\Downloads\52918d74-83f7-420e-a338-886c098e6dfb.tmp</t>
  </si>
  <si>
    <t>01/17/2020 06:49:35</t>
  </si>
  <si>
    <t>6662e2b6-d553-4223-8c98-f78195e40429.tmp</t>
  </si>
  <si>
    <t>\\acsfs\profiles$\anafsb\Downloads\6662e2b6-d553-4223-8c98-f78195e40429.tmp</t>
  </si>
  <si>
    <t>01/17/2020 06:53:12</t>
  </si>
  <si>
    <t>01/17/2020 06:55:41</t>
  </si>
  <si>
    <t>3aa8d130-ee2e-4e5b-bef2-c7a4e884e5ac.tmp</t>
  </si>
  <si>
    <t>\\acsfs\profiles$\mariajra\Downloads\3aa8d130-ee2e-4e5b-bef2-c7a4e884e5ac.tmp</t>
  </si>
  <si>
    <t>01/17/2020 06:54:01</t>
  </si>
  <si>
    <t>04a9c8a2-7b29-41ae-8453-a0f577b28087.tmp</t>
  </si>
  <si>
    <t>\\acsfs\profiles$\mariajra\Downloads\04a9c8a2-7b29-41ae-8453-a0f577b28087.tmp</t>
  </si>
  <si>
    <t>01/17/2020 06:56:40</t>
  </si>
  <si>
    <t>01/17/2020 06:55:05</t>
  </si>
  <si>
    <t>01/17/2020 06:57:41</t>
  </si>
  <si>
    <t>01/17/2020 06:53:57</t>
  </si>
  <si>
    <t>01/17/2020 06:57:18</t>
  </si>
  <si>
    <t>01/17/2020 06:58:41</t>
  </si>
  <si>
    <t>fc1f4312-cd78-4042-a296-b3949cc72f4e.tmp</t>
  </si>
  <si>
    <t>\\acsfs\profiles$\anafsb\Downloads\fc1f4312-cd78-4042-a296-b3949cc72f4e.tmp</t>
  </si>
  <si>
    <t>01/17/2020 06:58:16</t>
  </si>
  <si>
    <t>3b176b7d-9283-46ac-b567-b78cca039c21.tmp</t>
  </si>
  <si>
    <t>\\acsfs\profiles$\anafsb\Downloads\3b176b7d-9283-46ac-b567-b78cca039c21.tmp</t>
  </si>
  <si>
    <t>01/17/2020 06:55:53</t>
  </si>
  <si>
    <t>01/17/2020 07:00:41</t>
  </si>
  <si>
    <t>36ea6e8b-f2dc-4230-a4ed-1194916e8cc4.tmp</t>
  </si>
  <si>
    <t>\\acsfs\profiles$\mariajra\Downloads\36ea6e8b-f2dc-4230-a4ed-1194916e8cc4.tmp</t>
  </si>
  <si>
    <t>01/17/2020 06:58:06</t>
  </si>
  <si>
    <t>cadd28b9-b63b-4634-bfba-7844cc85380d.tmp</t>
  </si>
  <si>
    <t>\\acsfs\profiles$\mariajra\Downloads\cadd28b9-b63b-4634-bfba-7844cc85380d.tmp</t>
  </si>
  <si>
    <t>01/17/2020 06:58:12</t>
  </si>
  <si>
    <t>7f1c4465-4738-40e0-9590-6477612ec3c9.tmp</t>
  </si>
  <si>
    <t>\\acsfs\profiles$\mariajra\Downloads\7f1c4465-4738-40e0-9590-6477612ec3c9.tmp</t>
  </si>
  <si>
    <t>01/17/2020 06:59:06</t>
  </si>
  <si>
    <t>e59f1700-b864-423e-b7c8-1cfe9a12bf82.tmp</t>
  </si>
  <si>
    <t>\\acsfs\profiles$\mariajra\Downloads\e59f1700-b864-423e-b7c8-1cfe9a12bf82.tmp</t>
  </si>
  <si>
    <t>01/17/2020 07:01:41</t>
  </si>
  <si>
    <t>01/17/2020 06:57:43</t>
  </si>
  <si>
    <t>01/17/2020 07:02:41</t>
  </si>
  <si>
    <t>01/17/2020 07:00:48</t>
  </si>
  <si>
    <t>01/17/2020 07:00:49</t>
  </si>
  <si>
    <t>01/17/2020 07:00:50</t>
  </si>
  <si>
    <t>01/17/2020 07:00:51</t>
  </si>
  <si>
    <t>01/17/2020 07:00:52</t>
  </si>
  <si>
    <t>01/17/2020 07:00:53</t>
  </si>
  <si>
    <t>01/17/2020 07:00:54</t>
  </si>
  <si>
    <t>01/17/2020 07:00:55</t>
  </si>
  <si>
    <t>01/17/2020 07:00:56</t>
  </si>
  <si>
    <t>01/17/2020 07:00:57</t>
  </si>
  <si>
    <t>01/17/2020 07:00:58</t>
  </si>
  <si>
    <t>01/17/2020 07:00:59</t>
  </si>
  <si>
    <t>01/17/2020 07:01:00</t>
  </si>
  <si>
    <t>01/17/2020 07:01:01</t>
  </si>
  <si>
    <t>01/17/2020 07:01:02</t>
  </si>
  <si>
    <t>01/17/2020 07:01:03</t>
  </si>
  <si>
    <t>01/17/2020 07:01:04</t>
  </si>
  <si>
    <t>01/17/2020 07:01:05</t>
  </si>
  <si>
    <t>01/17/2020 07:01:06</t>
  </si>
  <si>
    <t>01/17/2020 07:01:07</t>
  </si>
  <si>
    <t>01/17/2020 07:01:08</t>
  </si>
  <si>
    <t>01/17/2020 07:02:46</t>
  </si>
  <si>
    <t>01/17/2020 07:03:40</t>
  </si>
  <si>
    <t>01/17/2020 07:06:41</t>
  </si>
  <si>
    <t>01/17/2020 07:11:41</t>
  </si>
  <si>
    <t>01/17/2020 07:07:49</t>
  </si>
  <si>
    <t>01/17/2020 07:12:41</t>
  </si>
  <si>
    <t>01/16/2020 21:58:20</t>
  </si>
  <si>
    <t>01/17/2020 07:15:41</t>
  </si>
  <si>
    <t>01/17/2020 07:14:47</t>
  </si>
  <si>
    <t>01/17/2020 07:16:41</t>
  </si>
  <si>
    <t>01/17/2020 07:14:44</t>
  </si>
  <si>
    <t>01/17/2020 07:14:45</t>
  </si>
  <si>
    <t>01/17/2020 07:14:46</t>
  </si>
  <si>
    <t>01/17/2020 07:14:48</t>
  </si>
  <si>
    <t>01/17/2020 07:14:49</t>
  </si>
  <si>
    <t>01/17/2020 07:14:50</t>
  </si>
  <si>
    <t>01/17/2020 07:14:51</t>
  </si>
  <si>
    <t>01/17/2020 07:14:52</t>
  </si>
  <si>
    <t>01/17/2020 07:14:53</t>
  </si>
  <si>
    <t>01/17/2020 07:14:54</t>
  </si>
  <si>
    <t>01/17/2020 07:14:55</t>
  </si>
  <si>
    <t>01/17/2020 07:14:56</t>
  </si>
  <si>
    <t>01/17/2020 07:14:57</t>
  </si>
  <si>
    <t>01/17/2020 07:14:58</t>
  </si>
  <si>
    <t>01/17/2020 07:14:59</t>
  </si>
  <si>
    <t>01/17/2020 07:15:00</t>
  </si>
  <si>
    <t>01/17/2020 07:15:01</t>
  </si>
  <si>
    <t>01/17/2020 07:15:02</t>
  </si>
  <si>
    <t>01/17/2020 07:15:03</t>
  </si>
  <si>
    <t>01/17/2020 07:15:04</t>
  </si>
  <si>
    <t>01/17/2020 07:15:05</t>
  </si>
  <si>
    <t>01/17/2020 07:15:06</t>
  </si>
  <si>
    <t>01/17/2020 07:14:43</t>
  </si>
  <si>
    <t>https://udpmailboxap01.acs.com.br:8443/h/search?si=0&amp;so=0&amp;sc=76495&amp;sfi=2&amp;st=conversation&amp;action=compose</t>
  </si>
  <si>
    <t>01/17/2020 07:15:13</t>
  </si>
  <si>
    <t>01/17/2020 07:15:43</t>
  </si>
  <si>
    <t>01/17/2020 07:16:13</t>
  </si>
  <si>
    <t>01/17/2020 07:13:49</t>
  </si>
  <si>
    <t>01/17/2020 07:13:50</t>
  </si>
  <si>
    <t>01/17/2020 07:13:51</t>
  </si>
  <si>
    <t>01/17/2020 07:13:52</t>
  </si>
  <si>
    <t>01/17/2020 07:13:53</t>
  </si>
  <si>
    <t>01/17/2020 07:13:54</t>
  </si>
  <si>
    <t>01/17/2020 07:13:55</t>
  </si>
  <si>
    <t>01/17/2020 07:13:56</t>
  </si>
  <si>
    <t>01/17/2020 07:17:42</t>
  </si>
  <si>
    <t>01/17/2020 07:13:57</t>
  </si>
  <si>
    <t>01/17/2020 07:13:58</t>
  </si>
  <si>
    <t>01/17/2020 07:13:59</t>
  </si>
  <si>
    <t>01/17/2020 07:14:00</t>
  </si>
  <si>
    <t>01/17/2020 07:14:01</t>
  </si>
  <si>
    <t>01/17/2020 07:14:02</t>
  </si>
  <si>
    <t>01/17/2020 07:14:03</t>
  </si>
  <si>
    <t>01/17/2020 07:14:04</t>
  </si>
  <si>
    <t>01/17/2020 07:14:05</t>
  </si>
  <si>
    <t>01/17/2020 07:14:06</t>
  </si>
  <si>
    <t>01/17/2020 07:14:07</t>
  </si>
  <si>
    <t>01/17/2020 07:14:08</t>
  </si>
  <si>
    <t>01/17/2020 07:14:09</t>
  </si>
  <si>
    <t>01/17/2020 07:16:56</t>
  </si>
  <si>
    <t>01/17/2020 07:18:41</t>
  </si>
  <si>
    <t>e0960b7a-61e7-4b91-afaa-66b429dc6aef.tmp</t>
  </si>
  <si>
    <t>\\acsfs\profiles$\maxmillianosv\Downloads\e0960b7a-61e7-4b91-afaa-66b429dc6aef.tmp</t>
  </si>
  <si>
    <t>01/17/2020 07:17:21</t>
  </si>
  <si>
    <t>12e9c9f8-2c8e-4eb2-aa0c-3dee167a6f41.tmp</t>
  </si>
  <si>
    <t>\\acsfs\profiles$\maxmillianosv\Downloads\12e9c9f8-2c8e-4eb2-aa0c-3dee167a6f41.tmp</t>
  </si>
  <si>
    <t>01/17/2020 07:17:27</t>
  </si>
  <si>
    <t>a48df3a1-aca7-442a-ae32-e0ee163bbec9.tmp</t>
  </si>
  <si>
    <t>\\acsfs\profiles$\maxmillianosv\Downloads\a48df3a1-aca7-442a-ae32-e0ee163bbec9.tmp</t>
  </si>
  <si>
    <t>01/17/2020 07:17:37</t>
  </si>
  <si>
    <t>60626d14-0ad1-4425-89f8-0cc5ade71731.tmp</t>
  </si>
  <si>
    <t>\\acsfs\profiles$\maxmillianosv\Downloads\60626d14-0ad1-4425-89f8-0cc5ade71731.tmp</t>
  </si>
  <si>
    <t>01/17/2020 07:21:41</t>
  </si>
  <si>
    <t>01/17/2020 07:18:01</t>
  </si>
  <si>
    <t>01/17/2020 07:23:41</t>
  </si>
  <si>
    <t>05cfe45a-251d-4f49-8fc8-9cb4bfd6f8b4.tmp</t>
  </si>
  <si>
    <t>\\acsfs\profiles$\maxmillianosv\Downloads\05cfe45a-251d-4f49-8fc8-9cb4bfd6f8b4.tmp</t>
  </si>
  <si>
    <t>01/17/2020 07:18:28</t>
  </si>
  <si>
    <t>453551d7-f5b6-475f-bcb2-fe63f383d076.tmp</t>
  </si>
  <si>
    <t>\\acsfs\profiles$\maxmillianosv\Downloads\453551d7-f5b6-475f-bcb2-fe63f383d076.tmp</t>
  </si>
  <si>
    <t>01/17/2020 07:20:22</t>
  </si>
  <si>
    <t>2a877443-2b6c-48b8-b6d3-3f1c743bb35a.tmp</t>
  </si>
  <si>
    <t>\\acsfs\profiles$\inarajst\Downloads\2a877443-2b6c-48b8-b6d3-3f1c743bb35a.tmp</t>
  </si>
  <si>
    <t>01/17/2020 07:20:31</t>
  </si>
  <si>
    <t>bd0c1ba4-5514-4e75-b057-76f97f1dea69.tmp</t>
  </si>
  <si>
    <t>\\acsfs\profiles$\inarajst\Downloads\bd0c1ba4-5514-4e75-b057-76f97f1dea69.tmp</t>
  </si>
  <si>
    <t>01/17/2020 07:20:57</t>
  </si>
  <si>
    <t>1a484871-2fb8-4296-bb2d-f540d32ab82f.tmp</t>
  </si>
  <si>
    <t>\\acsfs\profiles$\inarajst\Downloads\1a484871-2fb8-4296-bb2d-f540d32ab82f.tmp</t>
  </si>
  <si>
    <t>01/17/2020 07:21:01</t>
  </si>
  <si>
    <t>2c45499d-ba89-47ba-92cd-260895fd1cd0.tmp</t>
  </si>
  <si>
    <t>\\acsfs\profiles$\inarajst\Downloads\2c45499d-ba89-47ba-92cd-260895fd1cd0.tmp</t>
  </si>
  <si>
    <t>01/17/2020 07:21:15</t>
  </si>
  <si>
    <t>c4ded9ae-b546-4904-af89-16c0a70f825c.tmp</t>
  </si>
  <si>
    <t>\\acsfs\profiles$\inarajst\Downloads\c4ded9ae-b546-4904-af89-16c0a70f825c.tmp</t>
  </si>
  <si>
    <t>01/17/2020 07:21:38</t>
  </si>
  <si>
    <t>8d808812-3575-4285-8977-8c96c00a9db9.tmp</t>
  </si>
  <si>
    <t>\\acsfs\profiles$\inarajst\Downloads\8d808812-3575-4285-8977-8c96c00a9db9.tmp</t>
  </si>
  <si>
    <t>01/17/2020 07:22:23</t>
  </si>
  <si>
    <t>6dee34a8-6310-465c-a605-96feff844539.tmp</t>
  </si>
  <si>
    <t>\\acsfs\profiles$\inarajst\Downloads\6dee34a8-6310-465c-a605-96feff844539.tmp</t>
  </si>
  <si>
    <t>01/17/2020 07:26:42</t>
  </si>
  <si>
    <t>01/17/2020 07:26:20</t>
  </si>
  <si>
    <t>01/17/2020 07:28:41</t>
  </si>
  <si>
    <t>6285646f-7816-4c40-ba40-6546bc30e1d4.tmp</t>
  </si>
  <si>
    <t>\\acsfs\profiles$\inarajst\Downloads\6285646f-7816-4c40-ba40-6546bc30e1d4.tmp</t>
  </si>
  <si>
    <t>01/16/2020 13:46:40</t>
  </si>
  <si>
    <t>01/17/2020 07:29:41</t>
  </si>
  <si>
    <t>01/17/2020 07:27:05</t>
  </si>
  <si>
    <t>88bb7835-a231-4848-86e5-f427641f6baf.tmp</t>
  </si>
  <si>
    <t>\\acsfs\profiles$\websondsa\Downloads\88bb7835-a231-4848-86e5-f427641f6baf.tmp</t>
  </si>
  <si>
    <t>01/17/2020 07:27:46</t>
  </si>
  <si>
    <t>594e3700-e42d-4c44-a37c-2539b7bf2848.tmp</t>
  </si>
  <si>
    <t>\\acsfs\profiles$\websondsa\Downloads\594e3700-e42d-4c44-a37c-2539b7bf2848.tmp</t>
  </si>
  <si>
    <t>01/17/2020 07:28:20</t>
  </si>
  <si>
    <t>92225631-e984-4753-a9a2-f0d9830f8a37.tmp</t>
  </si>
  <si>
    <t>\\acsfs\profiles$\websondsa\Downloads\92225631-e984-4753-a9a2-f0d9830f8a37.tmp</t>
  </si>
  <si>
    <t>01/17/2020 07:28:21</t>
  </si>
  <si>
    <t>e1551a44-ac68-4349-979b-d52b50dbfe20.tmp</t>
  </si>
  <si>
    <t>\\acsfs\profiles$\websondsa\Downloads\e1551a44-ac68-4349-979b-d52b50dbfe20.tmp</t>
  </si>
  <si>
    <t>01/17/2020 07:28:31</t>
  </si>
  <si>
    <t>4b9d2373-2181-4614-9621-de3cf15d980c.tmp</t>
  </si>
  <si>
    <t>\\acsfs\profiles$\websondsa\Downloads\4b9d2373-2181-4614-9621-de3cf15d980c.tmp</t>
  </si>
  <si>
    <t>01/16/2020 15:56:27</t>
  </si>
  <si>
    <t>01/17/2020 07:31:42</t>
  </si>
  <si>
    <t>01/17/2020 07:29:42</t>
  </si>
  <si>
    <t>e00c63f2-1cab-4fb6-b483-d578e9771415.tmp</t>
  </si>
  <si>
    <t>\\acsfs\profiles$\sarahbal\Downloads\e00c63f2-1cab-4fb6-b483-d578e9771415.tmp</t>
  </si>
  <si>
    <t>01/17/2020 07:30:49</t>
  </si>
  <si>
    <t>f40f52a4-7601-468c-ac38-c3ceb64640ad.tmp</t>
  </si>
  <si>
    <t>\\acsfs\profiles$\sarahbal\Downloads\f40f52a4-7601-468c-ac38-c3ceb64640ad.tmp</t>
  </si>
  <si>
    <t>01/17/2020 07:31:05</t>
  </si>
  <si>
    <t>f7876463-90c6-4ac1-a404-6a39dbfe08c4.tmp</t>
  </si>
  <si>
    <t>\\acsfs\profiles$\sarahbal\Downloads\f7876463-90c6-4ac1-a404-6a39dbfe08c4.tmp</t>
  </si>
  <si>
    <t>363f8ad4-1809-4108-bb12-9d34d6ffbadb.tmp</t>
  </si>
  <si>
    <t>\\acsfs\profiles$\dhiulliananads\Downloads\363f8ad4-1809-4108-bb12-9d34d6ffbadb.tmp</t>
  </si>
  <si>
    <t>01/17/2020 07:30:09</t>
  </si>
  <si>
    <t>17e725e4-9717-46d0-98bf-a3dc55511224.tmp</t>
  </si>
  <si>
    <t>\\acsfs\profiles$\dhiulliananads\Downloads\17e725e4-9717-46d0-98bf-a3dc55511224.tmp</t>
  </si>
  <si>
    <t>01/17/2020 07:28:59</t>
  </si>
  <si>
    <t>01/17/2020 07:34:41</t>
  </si>
  <si>
    <t>aa2cee0b-564a-4e77-a73b-6c037843b6b9.tmp</t>
  </si>
  <si>
    <t>\\acsfs\profiles$\ERICALSR\Downloads\aa2cee0b-564a-4e77-a73b-6c037843b6b9.tmp</t>
  </si>
  <si>
    <t>01/17/2020 07:30:36</t>
  </si>
  <si>
    <t>24040121-a2e3-4bc2-b72d-97795681d603.tmp</t>
  </si>
  <si>
    <t>\\acsfs\profiles$\ERICALSR\Downloads\24040121-a2e3-4bc2-b72d-97795681d603.tmp</t>
  </si>
  <si>
    <t>01/17/2020 07:31:49</t>
  </si>
  <si>
    <t>C:\Users\raicdf\Documents\</t>
  </si>
  <si>
    <t>Evidencia Rai.PNG</t>
  </si>
  <si>
    <t>01/17/2020 07:36:42</t>
  </si>
  <si>
    <t>01/17/2020 07:31:15</t>
  </si>
  <si>
    <t>a2e2513f-b036-4d61-a5f2-14ac2548be56.tmp</t>
  </si>
  <si>
    <t>\\acsfs\profiles$\sarahbal\Downloads\a2e2513f-b036-4d61-a5f2-14ac2548be56.tmp</t>
  </si>
  <si>
    <t>01/17/2020 07:31:37</t>
  </si>
  <si>
    <t>c87a48f8-6bd7-4837-b72a-a8519b3da997.tmp</t>
  </si>
  <si>
    <t>\\acsfs\profiles$\sarahbal\Downloads\c87a48f8-6bd7-4837-b72a-a8519b3da997.tmp</t>
  </si>
  <si>
    <t>01/17/2020 07:33:40</t>
  </si>
  <si>
    <t>01/17/2020 07:38:41</t>
  </si>
  <si>
    <t>20189b20-2bef-48e3-9ee7-4af78e51dab1.tmp</t>
  </si>
  <si>
    <t>\\acsfs\profiles$\claudiajca\Downloads\20189b20-2bef-48e3-9ee7-4af78e51dab1.tmp</t>
  </si>
  <si>
    <t>01/17/2020 07:36:10</t>
  </si>
  <si>
    <t>665a7fa3-b7a8-49ef-94da-d8ba47591aa6.tmp</t>
  </si>
  <si>
    <t>\\acsfs\profiles$\claudiajca\Downloads\665a7fa3-b7a8-49ef-94da-d8ba47591aa6.tmp</t>
  </si>
  <si>
    <t>01/17/2020 07:37:19</t>
  </si>
  <si>
    <t>01/17/2020 07:41:41</t>
  </si>
  <si>
    <t>01/17/2020 07:44:41</t>
  </si>
  <si>
    <t>01/17/2020 07:39:32</t>
  </si>
  <si>
    <t>http:///batch/drive/v2internal?%24ct=multipart%2Fmixed%3B%20boundary%3D%22%3D%3D%3D%3D%3D9avcpcw93v7h%3D%3D%3D%3D%3D%22&amp;key=AIzaSyAy9VVXHSpS2IJpptzYtGbLP3-3_l0aBk4</t>
  </si>
  <si>
    <t>01/17/2020 07:39:45</t>
  </si>
  <si>
    <t>http:///batch/drive/v2internal?%24ct=multipart%2Fmixed%3B%20boundary%3D%22%3D%3D%3D%3D%3Dylkj68o6k3ha%3D%3D%3D%3D%3D%22&amp;key=AIzaSyAy9VVXHSpS2IJpptzYtGbLP3-3_l0aBk4</t>
  </si>
  <si>
    <t>http:///batch/drive/v2internal?%24ct=multipart%2Fmixed%3B%20boundary%3D%22%3D%3D%3D%3D%3Dafio3pj35tp7%3D%3D%3D%3D%3D%22&amp;key=AIzaSyAy9VVXHSpS2IJpptzYtGbLP3-3_l0aBk4</t>
  </si>
  <si>
    <t>01/17/2020 07:40:00</t>
  </si>
  <si>
    <t>http:///batch/drive/v2internal?%24ct=multipart%2Fmixed%3B%20boundary%3D%22%3D%3D%3D%3D%3Dotf40xn8g2xt%3D%3D%3D%3D%3D%22&amp;key=AIzaSyAy9VVXHSpS2IJpptzYtGbLP3-3_l0aBk4</t>
  </si>
  <si>
    <t>01/17/2020 07:40:01</t>
  </si>
  <si>
    <t>http:///batch/drive/v2internal?%24ct=multipart%2Fmixed%3B%20boundary%3D%22%3D%3D%3D%3D%3Dk6u97hv8r1lr%3D%3D%3D%3D%3D%22&amp;key=AIzaSyAy9VVXHSpS2IJpptzYtGbLP3-3_l0aBk4</t>
  </si>
  <si>
    <t>http:///batch/drive/v2internal?%24ct=multipart%2Fmixed%3B%20boundary%3D%22%3D%3D%3D%3D%3Dyk66fkha071w%3D%3D%3D%3D%3D%22&amp;key=AIzaSyAy9VVXHSpS2IJpptzYtGbLP3-3_l0aBk4</t>
  </si>
  <si>
    <t>http:///batch/drive/v2internal?%24ct=multipart%2Fmixed%3B%20boundary%3D%22%3D%3D%3D%3D%3Dtvhg96pgawz%3D%3D%3D%3D%3D%22&amp;key=AIzaSyAy9VVXHSpS2IJpptzYtGbLP3-3_l0aBk4</t>
  </si>
  <si>
    <t>01/17/2020 07:40:02</t>
  </si>
  <si>
    <t>http:///batch/drive/v2internal?%24ct=multipart%2Fmixed%3B%20boundary%3D%22%3D%3D%3D%3D%3Dbcq41prwevdf%3D%3D%3D%3D%3D%22&amp;key=AIzaSyAy9VVXHSpS2IJpptzYtGbLP3-3_l0aBk4</t>
  </si>
  <si>
    <t>01/17/2020 07:40:06</t>
  </si>
  <si>
    <t>http:///batch/drive/v2internal?%24ct=multipart%2Fmixed%3B%20boundary%3D%22%3D%3D%3D%3D%3Df1wmp9wqhzzj%3D%3D%3D%3D%3D%22&amp;key=AIzaSyAy9VVXHSpS2IJpptzYtGbLP3-3_l0aBk4</t>
  </si>
  <si>
    <t>http:///batch/drive/v2internal?%24ct=multipart%2Fmixed%3B%20boundary%3D%22%3D%3D%3D%3D%3D8j5c0zk3n2yn%3D%3D%3D%3D%3D%22&amp;key=AIzaSyAy9VVXHSpS2IJpptzYtGbLP3-3_l0aBk4</t>
  </si>
  <si>
    <t>01/17/2020 07:40:25</t>
  </si>
  <si>
    <t>http:///batch/drive/v2internal?%24ct=multipart%2Fmixed%3B%20boundary%3D%22%3D%3D%3D%3D%3D8g03hd9upfka%3D%3D%3D%3D%3D%22&amp;key=AIzaSyAy9VVXHSpS2IJpptzYtGbLP3-3_l0aBk4</t>
  </si>
  <si>
    <t>01/17/2020 07:40:26</t>
  </si>
  <si>
    <t>http:///batch/drive/v2internal?%24ct=multipart%2Fmixed%3B%20boundary%3D%22%3D%3D%3D%3D%3D893rrs6vpnfv%3D%3D%3D%3D%3D%22&amp;key=AIzaSyAy9VVXHSpS2IJpptzYtGbLP3-3_l0aBk4</t>
  </si>
  <si>
    <t>01/17/2020 07:40:27</t>
  </si>
  <si>
    <t>http:///batch/drive/v2internal?%24ct=multipart%2Fmixed%3B%20boundary%3D%22%3D%3D%3D%3D%3Dm9lgz7cdvhyl%3D%3D%3D%3D%3D%22&amp;key=AIzaSyAy9VVXHSpS2IJpptzYtGbLP3-3_l0aBk4</t>
  </si>
  <si>
    <t>01/17/2020 07:40:33</t>
  </si>
  <si>
    <t>"xmlhtt;0;0.271;0.327;0.333;0.356;0.356];0.363;0.371];0.382;0.441;0.462];0.478;0.527;0.551;0.567;0.653];0.669;0.675];0.683];0.697];0.908];0.916;0.93;0.938];0.941];0.964];0];1;1.05;1.105;1.146];1.7271157167530224];1.822];10;103.717;103.717];1042000;105.01499999986845;109.51500000010128;11;11.196;11.509;11661.065000000008;11c5m9ycfufsc7krihjn5d9wg8jcyqlqk;12;12.371;12.381;12.883;12.883];1234;12489.320000000134;12489865;12498.520000000099;12502.050000000054;126.73500000005333;128.87500000010732;13.316816351811706;13155.815000000075;13171.195000000125;13172.974999999951;13174.755000000005;13175.05499999993;13176.439999999957;13177.030000000059;13177.275000000009;13177.560000000085;13177.760000000035;13177.959999999985;13178.165000000035;13178.390000000036;13178.585000000112;13178.769999999986;13178.949999999986;13179.139999999961;13179.325000000063;13220.710000000054;135.94000000011874;1409.8699999999553;14095.074999999952;1413.735000000088;14219.665000000077;14432.234999999991;14437.675000000127;14496.0300000000</t>
  </si>
  <si>
    <t>http://"xmlhtt,0,0.271,0.327,0.333,0.356,0.356],0.363,0.371],0.382,0.441,0.462],0.478,0.527,0.551,0.567,0.653],0.669,0.675],0.683],0.697],0.908],0.916,0.93,0.938],0.941],0.964],0],1,1.05,1.105,1.146],1.7271157167530224],1.822],10,103.717,103.717],1042000,105.01499999986845,109.51500000010128,11,11.196,11.509,11661.065000000008,11c5m9ycfufsc7krihjn5d9wg8jcyqlqk,12,12.371,12.381,12.883,12.883],1234,12489.320000000134,12489865,12498.520000000099,12502.050000000054,126.73500000005333,128.87500000010732,13.316816351811706,13155.815000000075,13171.195000000125,13172.974999999951,13174.755000000005,13175.05499999993,13176.439999999957,13177.030000000059,13177.275000000009,13177.560000000085,13177.760000000035,13177.959999999985,13178.165000000035,13178.390000000036,13178.585000000112,13178.769999999986,13178.949999999986,13179.139999999961,13179.325000000063,13220.710000000054,135.94000000011874,1409.8699999999553,14095.074999999952,1413.735000000088,14219.665000000077,14432.234999999991,14437.675000000127,14496.030</t>
  </si>
  <si>
    <t>"xmlhtt;0;0.271;0.311;0.327;0.333;0.342;0.356;0.356];0.363;0.371];0.382;0.441;0.462];0.478;0.527;0.551;0.567;0.616];0.62];0.653];0.669;0.675];0.683];0.697];0.908];0.916;0.93;0.938];0.941];0.964];0];1;1.05;1.105;1.146];1.7271157167530224];1.822];10;103.717;103.717];1042000;105.01499999986845;109.51500000010128;11;11.196;11.509;11661.065000000008;11c5m9ycfufsc7krihjn5d9wg8jcyqlqk;12;12.371;12.381;12.883;12.883];1234;12489.320000000134;12489865;12498.520000000099;12502.050000000054;126.73500000005333;128.87500000010732;13.316816351811706;13155.815000000075;13171.195000000125;13172.974999999951;13174.755000000005;13175.05499999993;13176.439999999957;13177.030000000059;13177.275000000009;13177.560000000085;13177.760000000035;13177.959999999985;13178.165000000035;13178.390000000036;13178.585000000112;13178.769999999986;13178.949999999986;13179.139999999961;13179.325000000063;13220.710000000054;135.94000000011874;1409.8699999999553;14095.074999999952;1413.735000000088;14219.665000000077;14432.234999999991;14437.6750</t>
  </si>
  <si>
    <t>http://"xmlhtt,0,0.271,0.311,0.327,0.333,0.342,0.356,0.356],0.363,0.371],0.382,0.441,0.462],0.478,0.527,0.551,0.567,0.616],0.62],0.653],0.669,0.675],0.683],0.697],0.908],0.916,0.93,0.938],0.941],0.964],0],1,1.05,1.105,1.146],1.7271157167530224],1.822],10,103.717,103.717],1042000,105.01499999986845,109.51500000010128,11,11.196,11.509,11661.065000000008,11c5m9ycfufsc7krihjn5d9wg8jcyqlqk,12,12.371,12.381,12.883,12.883],1234,12489.320000000134,12489865,12498.520000000099,12502.050000000054,126.73500000005333,128.87500000010732,13.316816351811706,13155.815000000075,13171.195000000125,13172.974999999951,13174.755000000005,13175.05499999993,13176.439999999957,13177.030000000059,13177.275000000009,13177.560000000085,13177.760000000035,13177.959999999985,13178.165000000035,13178.390000000036,13178.585000000112,13178.769999999986,13178.949999999986,13179.139999999961,13179.325000000063,13220.710000000054,135.94000000011874,1409.8699999999553,14095.074999999952,1413.735000000088,14219.665000000077,14432.234999999991,144</t>
  </si>
  <si>
    <t>01/17/2020 07:44:12</t>
  </si>
  <si>
    <t>01/17/2020 07:45:41</t>
  </si>
  <si>
    <t>9f358900-595d-4cb0-9a9b-293a11318b82.tmp</t>
  </si>
  <si>
    <t>\\acsfs\profiles$\BRUNAAR\Downloads\9f358900-595d-4cb0-9a9b-293a11318b82.tmp</t>
  </si>
  <si>
    <t>01/17/2020 07:44:10</t>
  </si>
  <si>
    <t>1fda3fce-57ae-4ec4-8a66-48b770556226.tmp</t>
  </si>
  <si>
    <t>\\acsfs\profiles$\nayarasds\Downloads\1fda3fce-57ae-4ec4-8a66-48b770556226.tmp</t>
  </si>
  <si>
    <t>01/17/2020 07:45:00</t>
  </si>
  <si>
    <t>6e41c0d4-e3ec-4738-bd83-65d665f05b33.tmp</t>
  </si>
  <si>
    <t>\\acsfs\profiles$\nayarasds\Downloads\6e41c0d4-e3ec-4738-bd83-65d665f05b33.tmp</t>
  </si>
  <si>
    <t>01/17/2020 07:46:41</t>
  </si>
  <si>
    <t>01/17/2020 07:48:07</t>
  </si>
  <si>
    <t>01/17/2020 07:48:41</t>
  </si>
  <si>
    <t>8dd40c27-42f4-43b3-8e21-0b33c475724b.tmp</t>
  </si>
  <si>
    <t>\\acsfs\profiles$\danielac\Downloads\8dd40c27-42f4-43b3-8e21-0b33c475724b.tmp</t>
  </si>
  <si>
    <t>01/17/2020 07:45:05</t>
  </si>
  <si>
    <t>01/17/2020 07:49:41</t>
  </si>
  <si>
    <t>01/17/2020 07:47:48</t>
  </si>
  <si>
    <t>http:///batch/drive/v2internal?%24ct=multipart%2Fmixed%3B%20boundary%3D%22%3D%3D%3D%3D%3Dydqroyoecbaw%3D%3D%3D%3D%3D%22&amp;key=AIzaSyAy9VVXHSpS2IJpptzYtGbLP3-3_l0aBk4</t>
  </si>
  <si>
    <t>http:///batch/drive/v2internal?%24ct=multipart%2Fmixed%3B%20boundary%3D%22%3D%3D%3D%3D%3Dwgtezvmlhrib%3D%3D%3D%3D%3D%22&amp;key=AIzaSyAy9VVXHSpS2IJpptzYtGbLP3-3_l0aBk4</t>
  </si>
  <si>
    <t>http:///batch/drive/v2internal?%24ct=multipart%2Fmixed%3B%20boundary%3D%22%3D%3D%3D%3D%3Dt25jb4wlt68b%3D%3D%3D%3D%3D%22&amp;key=AIzaSyAy9VVXHSpS2IJpptzYtGbLP3-3_l0aBk4</t>
  </si>
  <si>
    <t>01/17/2020 07:47:49</t>
  </si>
  <si>
    <t>01/17/2020 07:47:53</t>
  </si>
  <si>
    <t>http:///batch/drive/v2internal?%24ct=multipart%2Fmixed%3B%20boundary%3D%22%3D%3D%3D%3D%3Ddzux1jyy0jn9%3D%3D%3D%3D%3D%22&amp;key=AIzaSyAy9VVXHSpS2IJpptzYtGbLP3-3_l0aBk4</t>
  </si>
  <si>
    <t>01/17/2020 07:47:54</t>
  </si>
  <si>
    <t>http:///batch/drive/v2internal?%24ct=multipart%2Fmixed%3B%20boundary%3D%22%3D%3D%3D%3D%3Djz45u1xdv2hb%3D%3D%3D%3D%3D%22&amp;key=AIzaSyAy9VVXHSpS2IJpptzYtGbLP3-3_l0aBk4</t>
  </si>
  <si>
    <t>http:///batch/drive/v2internal?%24ct=multipart%2Fmixed%3B%20boundary%3D%22%3D%3D%3D%3D%3Dng0mkurinb2g%3D%3D%3D%3D%3D%22&amp;key=AIzaSyAy9VVXHSpS2IJpptzYtGbLP3-3_l0aBk4</t>
  </si>
  <si>
    <t>01/17/2020 07:47:13</t>
  </si>
  <si>
    <t>01/17/2020 07:50:41</t>
  </si>
  <si>
    <t>lu421324aisxj.tmp</t>
  </si>
  <si>
    <t>\\acsfs\profiles$\BRUNAAR\Numero\lu421324aisxj.tmp</t>
  </si>
  <si>
    <t>01/17/2020 07:45:10</t>
  </si>
  <si>
    <t>091a2e77-923f-4f0b-8a1a-1acc1bdee7ba.tmp</t>
  </si>
  <si>
    <t>\\acsfs\profiles$\nayarasds\Downloads\091a2e77-923f-4f0b-8a1a-1acc1bdee7ba.tmp</t>
  </si>
  <si>
    <t>01/17/2020 07:45:39</t>
  </si>
  <si>
    <t>a641edbc-2aca-438e-8eeb-0d40df8b39d4.tmp</t>
  </si>
  <si>
    <t>\\acsfs\profiles$\nayarasds\Downloads\a641edbc-2aca-438e-8eeb-0d40df8b39d4.tmp</t>
  </si>
  <si>
    <t>01/17/2020 07:46:36</t>
  </si>
  <si>
    <t>210400bf-7d40-4acd-b144-c7fefae8f02f.tmp</t>
  </si>
  <si>
    <t>\\acsfs\profiles$\nayarasds\Downloads\210400bf-7d40-4acd-b144-c7fefae8f02f.tmp</t>
  </si>
  <si>
    <t>01/17/2020 07:51:40</t>
  </si>
  <si>
    <t>01/17/2020 07:48:13</t>
  </si>
  <si>
    <t>01/17/2020 07:48:43</t>
  </si>
  <si>
    <t>01/17/2020 07:49:13</t>
  </si>
  <si>
    <t>01/17/2020 07:49:43</t>
  </si>
  <si>
    <t>01/17/2020 07:50:13</t>
  </si>
  <si>
    <t>01/17/2020 07:50:43</t>
  </si>
  <si>
    <t>01/17/2020 07:50:37</t>
  </si>
  <si>
    <t>01/17/2020 07:52:41</t>
  </si>
  <si>
    <t>01/17/2020 07:49:39</t>
  </si>
  <si>
    <t>XLOG_tatianefr_14012020_100834.log</t>
  </si>
  <si>
    <t>\\acsfs\profiles$\tatianefr\My Documents\xworkcenter\logs\XLOG_tatianefr_14012020_100834.log</t>
  </si>
  <si>
    <t>01/17/2020 07:49:42</t>
  </si>
  <si>
    <t>01/17/2020 07:54:41</t>
  </si>
  <si>
    <t>Evidencia Adriele.PNG</t>
  </si>
  <si>
    <t>https://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permissionid,picture,rpermissions,shared,sharedwithmedate,thumbnailversion,title,userpermission(role),workspaceids</t>
  </si>
  <si>
    <t>01/17/2020 07:50:01</t>
  </si>
  <si>
    <t>01/17/2020 07:50:11</t>
  </si>
  <si>
    <t>01/17/2020 07:54:05</t>
  </si>
  <si>
    <t>http:///batch/drive/v2internal?%24ct=multipart%2Fmixed%3B%20boundary%3D%22%3D%3D%3D%3D%3Didm7wtxon632%3D%3D%3D%3D%3D%22&amp;key=AIzaSyAy9VVXHSpS2IJpptzYtGbLP3-3_l0aBk4</t>
  </si>
  <si>
    <t>http:///batch/drive/v2internal?%24ct=multipart%2Fmixed%3B%20boundary%3D%22%3D%3D%3D%3D%3Dl15euw6b51vd%3D%3D%3D%3D%3D%22&amp;key=AIzaSyAy9VVXHSpS2IJpptzYtGbLP3-3_l0aBk4</t>
  </si>
  <si>
    <t>01/17/2020 07:54:06</t>
  </si>
  <si>
    <t>http:///batch/drive/v2internal?%24ct=multipart%2Fmixed%3B%20boundary%3D%22%3D%3D%3D%3D%3Dl09k8k188y0q%3D%3D%3D%3D%3D%22&amp;key=AIzaSyAy9VVXHSpS2IJpptzYtGbLP3-3_l0aBk4</t>
  </si>
  <si>
    <t>01/17/2020 07:49:58</t>
  </si>
  <si>
    <t>e61398ea-9db7-4844-8232-b2d97a042f92.tmp</t>
  </si>
  <si>
    <t>\\acsfs\profiles$\felipetds\Downloads\e61398ea-9db7-4844-8232-b2d97a042f92.tmp</t>
  </si>
  <si>
    <t>01/17/2020 07:51:54</t>
  </si>
  <si>
    <t>c5456d76-9c58-460e-8f0b-4d088531a0a3.tmp</t>
  </si>
  <si>
    <t>\\acsfs\profiles$\felipetds\Downloads\c5456d76-9c58-460e-8f0b-4d088531a0a3.tmp</t>
  </si>
  <si>
    <t>01/17/2020 07:51:17</t>
  </si>
  <si>
    <t>01/17/2020 07:55:40</t>
  </si>
  <si>
    <t>01/17/2020 07:51:39</t>
  </si>
  <si>
    <t>01/17/2020 07:52:28</t>
  </si>
  <si>
    <t>01/17/2020 07:52:33</t>
  </si>
  <si>
    <t>01/17/2020 07:54:08</t>
  </si>
  <si>
    <t>01/17/2020 07:54:14</t>
  </si>
  <si>
    <t>01/17/2020 07:55:14</t>
  </si>
  <si>
    <t>01/17/2020 07:56:41</t>
  </si>
  <si>
    <t>01/17/2020 07:56:13</t>
  </si>
  <si>
    <t>01/17/2020 07:56:15</t>
  </si>
  <si>
    <t>01/17/2020 07:57:40</t>
  </si>
  <si>
    <t>c85d1926-0a2a-45e7-a648-3fd41a481057.tmp</t>
  </si>
  <si>
    <t>\\acsfs\profiles$\gustavoab\Downloads\c85d1926-0a2a-45e7-a648-3fd41a481057.tmp</t>
  </si>
  <si>
    <t>01/17/2020 07:56:51</t>
  </si>
  <si>
    <t>Não confirmado 11159.crdownload</t>
  </si>
  <si>
    <t>\\acsfs\profiles$\gustavoab\Downloads\Não confirmado 11159.crdownload</t>
  </si>
  <si>
    <t>01/17/2020 07:54:56</t>
  </si>
  <si>
    <t>01/17/2020 07:54:57</t>
  </si>
  <si>
    <t>01/17/2020 07:54:58</t>
  </si>
  <si>
    <t>01/17/2020 07:54:59</t>
  </si>
  <si>
    <t>01/17/2020 07:55:00</t>
  </si>
  <si>
    <t>01/17/2020 07:55:01</t>
  </si>
  <si>
    <t>01/17/2020 07:55:02</t>
  </si>
  <si>
    <t>01/17/2020 07:55:03</t>
  </si>
  <si>
    <t>01/17/2020 07:55:04</t>
  </si>
  <si>
    <t>01/17/2020 07:55:05</t>
  </si>
  <si>
    <t>01/17/2020 07:57:12</t>
  </si>
  <si>
    <t>ca5d4720-5c18-45b0-b00f-77c361187e51.tmp</t>
  </si>
  <si>
    <t>\\acsfs\profiles$\claudiajca\Downloads\ca5d4720-5c18-45b0-b00f-77c361187e51.tmp</t>
  </si>
  <si>
    <t>01/17/2020 07:55:06</t>
  </si>
  <si>
    <t>01/17/2020 07:55:07</t>
  </si>
  <si>
    <t>01/17/2020 07:55:08</t>
  </si>
  <si>
    <t>01/17/2020 07:55:09</t>
  </si>
  <si>
    <t>01/17/2020 07:55:10</t>
  </si>
  <si>
    <t>01/17/2020 07:55:11</t>
  </si>
  <si>
    <t>01/17/2020 07:55:12</t>
  </si>
  <si>
    <t>01/17/2020 07:55:13</t>
  </si>
  <si>
    <t>01/17/2020 07:55:15</t>
  </si>
  <si>
    <t>01/17/2020 07:55:16</t>
  </si>
  <si>
    <t>01/17/2020 07:55:17</t>
  </si>
  <si>
    <t>01/17/2020 07:55:18</t>
  </si>
  <si>
    <t>01/17/2020 07:55:19</t>
  </si>
  <si>
    <t>01/17/2020 00:06:22</t>
  </si>
  <si>
    <t>01/17/2020 07:55:20</t>
  </si>
  <si>
    <t>01/17/2020 07:55:21</t>
  </si>
  <si>
    <t>01/17/2020 07:55:22</t>
  </si>
  <si>
    <t>01/17/2020 07:56:37</t>
  </si>
  <si>
    <t>01/17/2020 07:59:41</t>
  </si>
  <si>
    <t>Evidencia Alexandra.PNG</t>
  </si>
  <si>
    <t>01/17/2020 07:56:47</t>
  </si>
  <si>
    <t>01/17/2020 07:57:07</t>
  </si>
  <si>
    <t>01/17/2020 08:00:40</t>
  </si>
  <si>
    <t>01/17/2020 07:55:28</t>
  </si>
  <si>
    <t>01/17/2020 07:56:49</t>
  </si>
  <si>
    <t>01/17/2020 07:57:52</t>
  </si>
  <si>
    <t>01/17/2020 07:58:16</t>
  </si>
  <si>
    <t>01/17/2020 07:59:02</t>
  </si>
  <si>
    <t>01/17/2020 07:59:08</t>
  </si>
  <si>
    <t>01/17/2020 07:59:14</t>
  </si>
  <si>
    <t>01/17/2020 07:59:32</t>
  </si>
  <si>
    <t>01/17/2020 07:59:34</t>
  </si>
  <si>
    <t>01/17/2020 07:57:45</t>
  </si>
  <si>
    <t>01/17/2020 07:57:46</t>
  </si>
  <si>
    <t>01/17/2020 08:01:41</t>
  </si>
  <si>
    <t>01/17/2020 07:58:48</t>
  </si>
  <si>
    <t>01/17/2020 07:58:55</t>
  </si>
  <si>
    <t>01/17/2020 07:59:27</t>
  </si>
  <si>
    <t>01/17/2020 07:59:29</t>
  </si>
  <si>
    <t>01/17/2020 07:59:37</t>
  </si>
  <si>
    <t>01/17/2020 07:59:50</t>
  </si>
  <si>
    <t>01/17/2020 08:00:01</t>
  </si>
  <si>
    <t>01/17/2020 08:00:16</t>
  </si>
  <si>
    <t>01/17/2020 08:00:31</t>
  </si>
  <si>
    <t>01/17/2020 07:58:54</t>
  </si>
  <si>
    <t>01/17/2020 07:57:43</t>
  </si>
  <si>
    <t>01/17/2020 07:58:18</t>
  </si>
  <si>
    <t>01/17/2020 08:02:40</t>
  </si>
  <si>
    <t>dc8dcbae-2f20-4639-9ff1-ecec045eaf79.tmp</t>
  </si>
  <si>
    <t>\\acsfs\profiles$\geovannasm\Downloads\dc8dcbae-2f20-4639-9ff1-ecec045eaf79.tmp</t>
  </si>
  <si>
    <t>01/17/2020 07:58:31</t>
  </si>
  <si>
    <t>b964ea7d-2084-4555-95d5-c688c5d94b69.tmp</t>
  </si>
  <si>
    <t>\\acsfs\profiles$\geovannasm\Downloads\b964ea7d-2084-4555-95d5-c688c5d94b69.tmp</t>
  </si>
  <si>
    <t>01/17/2020 07:58:36</t>
  </si>
  <si>
    <t>7ca30593-9312-4b45-b8ca-4dfd7bd63713.tmp</t>
  </si>
  <si>
    <t>\\acsfs\profiles$\geovannasm\Downloads\7ca30593-9312-4b45-b8ca-4dfd7bd63713.tmp</t>
  </si>
  <si>
    <t>6d389520-210e-4c49-a923-2955c64ef0ea.tmp</t>
  </si>
  <si>
    <t>\\acsfs\profiles$\geovannasm\Downloads\6d389520-210e-4c49-a923-2955c64ef0ea.tmp</t>
  </si>
  <si>
    <t>01/17/2020 07:59:04</t>
  </si>
  <si>
    <t>5a975761-49b0-4f0a-be83-999aa608dd7b.tmp</t>
  </si>
  <si>
    <t>\\acsfs\profiles$\geovannasm\Downloads\5a975761-49b0-4f0a-be83-999aa608dd7b.tmp</t>
  </si>
  <si>
    <t>01/17/2020 08:00:57</t>
  </si>
  <si>
    <t>7ac1e6d7-6069-4dc1-8080-325248015584.tmp</t>
  </si>
  <si>
    <t>\\acsfs\profiles$\geovannasm\Downloads\7ac1e6d7-6069-4dc1-8080-325248015584.tmp</t>
  </si>
  <si>
    <t>01/17/2020 08:01:45</t>
  </si>
  <si>
    <t>d27cad84-13cc-4f50-9be4-42a5f0de37da.tmp</t>
  </si>
  <si>
    <t>\\acsfs\profiles$\geovannasm\Downloads\d27cad84-13cc-4f50-9be4-42a5f0de37da.tmp</t>
  </si>
  <si>
    <t>01/17/2020 08:00:44</t>
  </si>
  <si>
    <t>e523603e-88ce-4526-bd5a-bca78ff13f87.tmp</t>
  </si>
  <si>
    <t>\\acsfs\profiles$\luanarda\Downloads\e523603e-88ce-4526-bd5a-bca78ff13f87.tmp</t>
  </si>
  <si>
    <t>01/17/2020 07:58:32</t>
  </si>
  <si>
    <t>01/17/2020 08:03:41</t>
  </si>
  <si>
    <t>lu88202677b.tmp</t>
  </si>
  <si>
    <t>\\acsfs\profiles$\jonathanwap\lu88202677b.tmp</t>
  </si>
  <si>
    <t>\\acsfs\profiles$\jonathanwap\lu88202677b.tmp\</t>
  </si>
  <si>
    <t>\\acsfs\profiles$\jonathanwap\lu88202677b.tmp\META-INF\</t>
  </si>
  <si>
    <t>\\acsfs\profiles$\jonathanwap\lu88202677b.tmp\Thumbnails\</t>
  </si>
  <si>
    <t>fe515767-44c4-4ba1-83f9-317b96b7d08b.tmp</t>
  </si>
  <si>
    <t>\\acsfs\profiles$\paulovadc\Downloads\fe515767-44c4-4ba1-83f9-317b96b7d08b.tmp</t>
  </si>
  <si>
    <t>01/17/2020 08:01:04</t>
  </si>
  <si>
    <t>15f580d4-c50a-46f8-9510-8f45a62a6beb.tmp</t>
  </si>
  <si>
    <t>\\acsfs\profiles$\paulovadc\Downloads\15f580d4-c50a-46f8-9510-8f45a62a6beb.tmp</t>
  </si>
  <si>
    <t>01/17/2020 08:01:15</t>
  </si>
  <si>
    <t>2a690e44-8922-4e85-ab7e-02c93d2bd3c6.tmp</t>
  </si>
  <si>
    <t>\\acsfs\profiles$\quindaizaagds\Downloads\2a690e44-8922-4e85-ab7e-02c93d2bd3c6.tmp</t>
  </si>
  <si>
    <t>01/17/2020 08:02:17</t>
  </si>
  <si>
    <t>19bac92a-1f84-4d56-a45b-4489c8d80b5f.tmp</t>
  </si>
  <si>
    <t>\\acsfs\profiles$\quindaizaagds\Downloads\19bac92a-1f84-4d56-a45b-4489c8d80b5f.tmp</t>
  </si>
  <si>
    <t>01/17/2020 08:02:13</t>
  </si>
  <si>
    <t>01/17/2020 08:04:40</t>
  </si>
  <si>
    <t>01/17/2020 07:59:24</t>
  </si>
  <si>
    <t>89254f7f-e2d1-4442-88d9-4f4dca1f51a0.tmp</t>
  </si>
  <si>
    <t>\\acsfs\profiles$\leticiala\Downloads\89254f7f-e2d1-4442-88d9-4f4dca1f51a0.tmp</t>
  </si>
  <si>
    <t>01/17/2020 07:59:25</t>
  </si>
  <si>
    <t>bffa891c-31df-4a20-9a56-635e007bd88b.tmp</t>
  </si>
  <si>
    <t>\\acsfs\profiles$\leticiala\Downloads\bffa891c-31df-4a20-9a56-635e007bd88b.tmp</t>
  </si>
  <si>
    <t>0320bea2-1f63-4a68-ae06-7f9b86ab1412.tmp</t>
  </si>
  <si>
    <t>\\acsfs\profiles$\leticiala\Downloads\0320bea2-1f63-4a68-ae06-7f9b86ab1412.tmp</t>
  </si>
  <si>
    <t>01/17/2020 08:03:07</t>
  </si>
  <si>
    <t>Evidencia Aline Sousa.PNG</t>
  </si>
  <si>
    <t>https://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01/17/2020 08:03:17</t>
  </si>
  <si>
    <t>rabmybvpqgtjz gqgx2wkalgbcgkiuffn4lqk5wikfsotodazndq3nzaznzmwmtq2ntc4oaokcpvxon7hsqkpujdl/9d;</t>
  </si>
  <si>
    <t>https://rabmybvpqgtjz gqgx2wkalgbcgkiuffn4lqk5wikfsotodazndq3nzaznzmwmtq2ntc4oaokcpvxon7hsqkpujdl/9d</t>
  </si>
  <si>
    <t>01/17/2020 08:03:27</t>
  </si>
  <si>
    <t>01/17/2020 08:02:43</t>
  </si>
  <si>
    <t>01/17/2020 07:59:46</t>
  </si>
  <si>
    <t>01/17/2020 08:05:41</t>
  </si>
  <si>
    <t>01/17/2020 07:59:57</t>
  </si>
  <si>
    <t>01/17/2020 08:00:04</t>
  </si>
  <si>
    <t>https://joaogvc@algartech.com,katia.cardoso@bv.com.br,marianadjc@algartech.com,rafaelggs@algartech.com,taysdss@algartech.com,viniciussg@algartech.com</t>
  </si>
  <si>
    <t>01/17/2020 08:00:07</t>
  </si>
  <si>
    <t>100014299414656;joaogvc@algartech.com;katia.cardoso@bv.com.br;marianadjc@algartech.com;rafaelggs@algartech.com;taysdss@algartech.com;viniciussg@algartech.com;</t>
  </si>
  <si>
    <t>https://100014299414656,joaogvc@algartech.com,katia.cardoso@bv.com.br,marianadjc@algartech.com,rafaelggs@algartech.com,taysdss@algartech.com,viniciussg@algartech.com</t>
  </si>
  <si>
    <t>01/17/2020 08:00:42</t>
  </si>
  <si>
    <t>01/17/2020 08:00:45</t>
  </si>
  <si>
    <t>01/17/2020 08:01:05</t>
  </si>
  <si>
    <t>01/17/2020 08:01:01</t>
  </si>
  <si>
    <t>3509a9fd-4d7c-4f32-851d-9b41d10d4073.tmp</t>
  </si>
  <si>
    <t>\\acsfs\profiles$\THYAGOSP\Downloads\3509a9fd-4d7c-4f32-851d-9b41d10d4073.tmp</t>
  </si>
  <si>
    <t>01/17/2020 08:03:28</t>
  </si>
  <si>
    <t>9dd84e94-869a-44be-a34c-2a1bc267bdbb.tmp</t>
  </si>
  <si>
    <t>\\acsfs\profiles$\THYAGOSP\Downloads\9dd84e94-869a-44be-a34c-2a1bc267bdbb.tmp</t>
  </si>
  <si>
    <t>01/17/2020 08:03:37</t>
  </si>
  <si>
    <t>7f70133a-cdd9-401b-98eb-a7ade334a2b2.tmp</t>
  </si>
  <si>
    <t>\\acsfs\profiles$\THYAGOSP\Downloads\7f70133a-cdd9-401b-98eb-a7ade334a2b2.tmp</t>
  </si>
  <si>
    <t>01/17/2020 08:00:51</t>
  </si>
  <si>
    <t>43e072d4-2949-427e-9f51-cd7d9b638cf0.tmp</t>
  </si>
  <si>
    <t>\\acsfs\profiles$\vivianalds\Downloads\43e072d4-2949-427e-9f51-cd7d9b638cf0.tmp</t>
  </si>
  <si>
    <t>01/17/2020 08:02:34</t>
  </si>
  <si>
    <t>ed064d62-c393-46a9-aebd-c3ff6622a69b.tmp</t>
  </si>
  <si>
    <t>\\acsfs\profiles$\vivianalds\Downloads\ed064d62-c393-46a9-aebd-c3ff6622a69b.tmp</t>
  </si>
  <si>
    <t>01/17/2020 08:03:39</t>
  </si>
  <si>
    <t>01/17/2020 08:03:40</t>
  </si>
  <si>
    <t>lu10556ftri.tmp</t>
  </si>
  <si>
    <t>\\acsfs\profiles$\VIVIANALDS\My Documents\lu10556ftri.tmp</t>
  </si>
  <si>
    <t>\\acsfs\profiles$\VIVIANALDS\My Documents\lu10556ftri.tmp\</t>
  </si>
  <si>
    <t>\\acsfs\profiles$\VIVIANALDS\My Documents\lu10556ftri.tmp\META-INF\</t>
  </si>
  <si>
    <t>\\acsfs\profiles$\VIVIANALDS\My Documents\lu10556ftri.tmp\Thumbnails\</t>
  </si>
  <si>
    <t>01/17/2020 08:03:42</t>
  </si>
  <si>
    <t>lu10556ftrm.tmp</t>
  </si>
  <si>
    <t>\\acsfs\profiles$\VIVIANALDS\My Documents\lu10556ftrm.tmp</t>
  </si>
  <si>
    <t>\\acsfs\profiles$\VIVIANALDS\My Documents\lu10556ftrm.tmp\</t>
  </si>
  <si>
    <t>\\acsfs\profiles$\VIVIANALDS\My Documents\lu10556ftrm.tmp\META-INF\</t>
  </si>
  <si>
    <t>\\acsfs\profiles$\VIVIANALDS\My Documents\lu10556ftrm.tmp\Thumbnails\</t>
  </si>
  <si>
    <t>01/17/2020 08:03:43</t>
  </si>
  <si>
    <t>01/17/2020 08:03:44</t>
  </si>
  <si>
    <t>lu10556ftrq.tmp</t>
  </si>
  <si>
    <t>\\acsfs\profiles$\VIVIANALDS\My Documents\lu10556ftrq.tmp</t>
  </si>
  <si>
    <t>\\acsfs\profiles$\VIVIANALDS\My Documents\lu10556ftrq.tmp\</t>
  </si>
  <si>
    <t>\\acsfs\profiles$\VIVIANALDS\My Documents\lu10556ftrq.tmp\META-INF\</t>
  </si>
  <si>
    <t>\\acsfs\profiles$\VIVIANALDS\My Documents\lu10556ftrq.tmp\Thumbnails\</t>
  </si>
  <si>
    <t>01/17/2020 08:01:47</t>
  </si>
  <si>
    <t>01/17/2020 08:06:40</t>
  </si>
  <si>
    <t>01/17/2020 08:02:33</t>
  </si>
  <si>
    <t>01/17/2020 08:02:35</t>
  </si>
  <si>
    <t>01/17/2020 08:02:38</t>
  </si>
  <si>
    <t>3f6587f1-108c-42be-8f4a-3b7edef880f5.tmp</t>
  </si>
  <si>
    <t>\\acsfs\profiles$\gabrielaff\Downloads\3f6587f1-108c-42be-8f4a-3b7edef880f5.tmp</t>
  </si>
  <si>
    <t>01/17/2020 08:04:30</t>
  </si>
  <si>
    <t>4465f06d-05d6-46fd-b1ba-fd7c915b20c6.tmp</t>
  </si>
  <si>
    <t>\\acsfs\profiles$\gabrielaff\Downloads\4465f06d-05d6-46fd-b1ba-fd7c915b20c6.tmp</t>
  </si>
  <si>
    <t>01/17/2020 08:02:59</t>
  </si>
  <si>
    <t>01/17/2020 08:07:40</t>
  </si>
  <si>
    <t>686d43fd-c0cb-4146-a6d9-d2518b425fff.tmp</t>
  </si>
  <si>
    <t>\\acsfs\profiles$\luanarda\Downloads\686d43fd-c0cb-4146-a6d9-d2518b425fff.tmp</t>
  </si>
  <si>
    <t>01/17/2020 08:04:36</t>
  </si>
  <si>
    <t>01/17/2020 08:05:23</t>
  </si>
  <si>
    <t>7c2990b2-2f3c-4ea2-9047-ddbc85c900da.tmp</t>
  </si>
  <si>
    <t>\\acsfs\profiles$\luanarda\Downloads\7c2990b2-2f3c-4ea2-9047-ddbc85c900da.tmp</t>
  </si>
  <si>
    <t>01/17/2020 08:05:37</t>
  </si>
  <si>
    <t>c8648868-0b03-40e0-a9a6-aee43a14e361.tmp</t>
  </si>
  <si>
    <t>\\acsfs\profiles$\LUCASNS\Downloads\c8648868-0b03-40e0-a9a6-aee43a14e361.tmp</t>
  </si>
  <si>
    <t>01/17/2020 08:07:14</t>
  </si>
  <si>
    <t>577ea881-a80c-4ca6-8bcd-04ea0aab5b26.tmp</t>
  </si>
  <si>
    <t>\\acsfs\profiles$\LUCASNS\Downloads\577ea881-a80c-4ca6-8bcd-04ea0aab5b26.tmp</t>
  </si>
  <si>
    <t>01/17/2020 08:04:06</t>
  </si>
  <si>
    <t>01/17/2020 08:08:40</t>
  </si>
  <si>
    <t>01/17/2020 08:01:55</t>
  </si>
  <si>
    <t>28bf8dbf-aadf-4db2-a3ef-69bd5766f5a5.tmp</t>
  </si>
  <si>
    <t>\\acsfs\profiles$\geovannasm\Downloads\28bf8dbf-aadf-4db2-a3ef-69bd5766f5a5.tmp</t>
  </si>
  <si>
    <t>0ff55348-3655-45a0-9223-71ddb04ffb6c.tmp</t>
  </si>
  <si>
    <t>\\acsfs\profiles$\geovannasm\Downloads\0ff55348-3655-45a0-9223-71ddb04ffb6c.tmp</t>
  </si>
  <si>
    <t>69b37953-abe2-4af0-96b3-1dc418843e58.tmp</t>
  </si>
  <si>
    <t>\\acsfs\profiles$\geovannasm\Downloads\69b37953-abe2-4af0-96b3-1dc418843e58.tmp</t>
  </si>
  <si>
    <t>01/17/2020 08:05:14</t>
  </si>
  <si>
    <t>01/17/2020 08:09:40</t>
  </si>
  <si>
    <t>eb546d39-ae80-4f3a-9ceb-561f07485a53.tmp</t>
  </si>
  <si>
    <t>\\acsfs\profiles$\geovannasm\Downloads\eb546d39-ae80-4f3a-9ceb-561f07485a53.tmp</t>
  </si>
  <si>
    <t>01/17/2020 08:05:28</t>
  </si>
  <si>
    <t>4ce58edf-235b-43ae-a378-28cda846be5b.tmp</t>
  </si>
  <si>
    <t>\\acsfs\profiles$\geovannasm\Downloads\4ce58edf-235b-43ae-a378-28cda846be5b.tmp</t>
  </si>
  <si>
    <t>01/17/2020 08:05:33</t>
  </si>
  <si>
    <t>eaed5ed1-879a-4055-8a6a-154e27655133.tmp</t>
  </si>
  <si>
    <t>\\acsfs\profiles$\geovannasm\Downloads\eaed5ed1-879a-4055-8a6a-154e27655133.tmp</t>
  </si>
  <si>
    <t>8d337ad4-d6a9-4948-95bc-baa88cbc6a13.tmp</t>
  </si>
  <si>
    <t>\\acsfs\profiles$\geovannasm\Downloads\8d337ad4-d6a9-4948-95bc-baa88cbc6a13.tmp</t>
  </si>
  <si>
    <t>01/17/2020 08:05:50</t>
  </si>
  <si>
    <t>853113cf-a057-40d3-af3c-f0d1a3eb423e.tmp</t>
  </si>
  <si>
    <t>\\acsfs\profiles$\geovannasm\Downloads\853113cf-a057-40d3-af3c-f0d1a3eb423e.tmp</t>
  </si>
  <si>
    <t>01/17/2020 08:04:10</t>
  </si>
  <si>
    <t>924730cc-8425-490d-91d2-14928f12c3ad.tmp</t>
  </si>
  <si>
    <t>\\acsfs\profiles$\leticiala\Downloads\924730cc-8425-490d-91d2-14928f12c3ad.tmp</t>
  </si>
  <si>
    <t>01/17/2020 08:05:47</t>
  </si>
  <si>
    <t>"mozilla/5.0 (windows nt 6.1) applewebkit/537.36 (khtml;"xmlhtt;0;0.271;0.311;0.327;0.333;0.342;0.356;0.356];0.363;0.371];0.382;0.441;0.462];0.478;0.527;0.551;0.567;0.616];0.62];0.653];0.669;0.675];0.683];0.697];0.908];0.916;0.93;0.938];0.941];0.964];0];1;1.05;1.105;1.146];1.7271157167530224];1.822];10;103.717;103.717];1042000;105.01499999986845;109.51500000010128;11;11.196;11.509;11661.065000000008;11c5m9ycfufsc7krihjn5d9wg8jcyqlqk;12;12.371;12.381;12.883;12.883];1234;12489.320000000134;12489865;12498.520000000099;12502.050000000054;126.73500000005333;128.87500000010732;13;13.316816351811706;13155.815000000075;13171.195000000125;13172.974999999951;13174.755000000005;13175.05499999993;13176.439999999957;13177.030000000059;13177.275000000009;13177.560000000085;13177.760000000035;13177.959999999985;13178.165000000035;13178.390000000036;13178.585000000112;13178.769999999986;13178.949999999986;13179.139999999961;13179.325000000063;13220.710000000054;135.94000000011874;13700014;13700109;13700167;13700185;13700235;</t>
  </si>
  <si>
    <t>Evidencia Aline G.PNG</t>
  </si>
  <si>
    <t>https://"mozilla/5.0 (windows nt 6.1) applewebkit/537.36 (khtml,"xmlhtt,0,0.271,0.311,0.327,0.333,0.342,0.356,0.356],0.363,0.371],0.382,0.441,0.462],0.478,0.527,0.551,0.567,0.616],0.62],0.653],0.669,0.675],0.683],0.697],0.908],0.916,0.93,0.938],0.941],0.964],0],1,1.05,1.105,1.146],1.7271157167530224],1.822],10,103.717,103.717],1042000,105.01499999986845,109.51500000010128,11,11.196,11.509,11661.065000000008,11c5m9ycfufsc7krihjn5d9wg8jcyqlqk,12,12.371,12.381,12.883,12.883],1234,12489.320000000134,12489865,12498.520000000099,12502.050000000054,126.73500000005333,128.87500000010732,13,13.316816351811706,13155.815000000075,13171.195000000125,13172.974999999951,13174.755000000005,13175.05499999993,13176.439999999957,13177.030000000059,13177.275000000009,13177.560000000085,13177.760000000035,13177.959999999985,13178.165000000035,13178.390000000036,13178.585000000112,13178.769999999986,13178.949999999986,13179.139999999961,13179.325000000063,13220.710000000054,135.94000000011874,13700014,13700109,13700167,13700185,1</t>
  </si>
  <si>
    <t>01/17/2020 08:06:05</t>
  </si>
  <si>
    <t>01/17/2020 08:06:17</t>
  </si>
  <si>
    <t>https://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01/17/2020 08:05:56</t>
  </si>
  <si>
    <t>01/17/2020 08:10:40</t>
  </si>
  <si>
    <t>01/17/2020 08:06:52</t>
  </si>
  <si>
    <t>100014299414656;joaogvc@algartech.com;marianadjc@algartech.com;planejamentodeoperacoesetrafego@bv.com.br;raphaelmco@algartech.com.br;ricardodfm@algartech.com.br;taysdss@algartech.com;viniciussg@algartech.com;</t>
  </si>
  <si>
    <t>100014299414656,joaogvc@algartech.com,marianadjc@algartech.com,planejamentodeoperacoesetrafego@bv.com.br,raphaelmco@algartech.com.br,ricardodfm@algartech.com.br,taysdss@algartech.com,viniciussg@algartech.com</t>
  </si>
  <si>
    <t>01/17/2020 08:06:56</t>
  </si>
  <si>
    <t>01/17/2020 08:07:02</t>
  </si>
  <si>
    <t>01/17/2020 08:07:52</t>
  </si>
  <si>
    <t>01/17/2020 08:07:56</t>
  </si>
  <si>
    <t>01/17/2020 08:08:14</t>
  </si>
  <si>
    <t>bvs-planejamentodeoperacoesetrafego@bv.com.br;joaogvc@algartech.com;marianadjc@algartech.com;planejamentodeoperacoesetrafego@bv.com.br;raphaelmco@algartech.com.br;ricardodfm@algartech.com.br;taysdss@algartech.com;viniciussg@algartech.com;</t>
  </si>
  <si>
    <t>bvs-planejamentodeoperacoesetrafego@bv.com.br,joaogvc@algartech.com,marianadjc@algartech.com,planejamentodeoperacoesetrafego@bv.com.br,raphaelmco@algartech.com.br,ricardodfm@algartech.com.br,taysdss@algartech.com,viniciussg@algartech.com</t>
  </si>
  <si>
    <t>01/17/2020 08:08:31</t>
  </si>
  <si>
    <t>100014299414656;bvs-planejamentodeoperacoesetrafego@bv.com.br;joaogvc@algartech.com;marianadjc@algartech.com;planejamentodeoperacoesetrafego@bv.com.br;raphaelmco@algartech.com.br;ricardodfm@algartech.com.br;taysdss@algartech.com;viniciussg@algartech.com;</t>
  </si>
  <si>
    <t>100014299414656,bvs-planejamentodeoperacoesetrafego@bv.com.br,joaogvc@algartech.com,marianadjc@algartech.com,planejamentodeoperacoesetrafego@bv.com.br,raphaelmco@algartech.com.br,ricardodfm@algartech.com.br,taysdss@algartech.com,viniciussg@algartech.com</t>
  </si>
  <si>
    <t>01/17/2020 08:08:38</t>
  </si>
  <si>
    <t>01/17/2020 08:09:45</t>
  </si>
  <si>
    <t>bvs-planejamentodeoperacoesetrafego@bv.com.br;joaogvc@algartech.com;marianadjc@algartech.com;planejamentodeoperacoesetrafego@bv.com.br;rafaelggs@algartech.com;raphaelmco@algartech.com.br;ricardodfm@algartech.com.br;taysdss@algartech.com;viniciussg@algartech.com;</t>
  </si>
  <si>
    <t>bvs-planejamentodeoperacoesetrafego@bv.com.br,joaogvc@algartech.com,marianadjc@algartech.com,planejamentodeoperacoesetrafego@bv.com.br,rafaelggs@algartech.com,raphaelmco@algartech.com.br,ricardodfm@algartech.com.br,taysdss@algartech.com,viniciussg@algartech.com</t>
  </si>
  <si>
    <t>01/17/2020 08:09:11</t>
  </si>
  <si>
    <t>01/17/2020 08:11:40</t>
  </si>
  <si>
    <t>01/17/2020 08:09:18</t>
  </si>
  <si>
    <t>01/17/2020 08:10:21</t>
  </si>
  <si>
    <t>bea74461-3e82-47d3-ad2b-abf89badd0b4.tmp</t>
  </si>
  <si>
    <t>\\acsfs\profiles$\geovannasm\Downloads\bea74461-3e82-47d3-ad2b-abf89badd0b4.tmp</t>
  </si>
  <si>
    <t>0eea3d8d-57f7-4309-a4ef-d41dfacfea57.tmp</t>
  </si>
  <si>
    <t>\\acsfs\profiles$\geovannasm\Downloads\0eea3d8d-57f7-4309-a4ef-d41dfacfea57.tmp</t>
  </si>
  <si>
    <t>01/17/2020 08:10:26</t>
  </si>
  <si>
    <t>cf4db0fe-a99e-496a-88d9-2e02dacb2d77.tmp</t>
  </si>
  <si>
    <t>\\acsfs\profiles$\geovannasm\Downloads\cf4db0fe-a99e-496a-88d9-2e02dacb2d77.tmp</t>
  </si>
  <si>
    <t>01/17/2020 08:11:02</t>
  </si>
  <si>
    <t>c023e5d2-80bc-4735-99a6-34943f72d557.tmp</t>
  </si>
  <si>
    <t>\\acsfs\profiles$\sarahbal\Downloads\c023e5d2-80bc-4735-99a6-34943f72d557.tmp</t>
  </si>
  <si>
    <t>01/17/2020 08:11:13</t>
  </si>
  <si>
    <t>01/17/2020 08:10:58</t>
  </si>
  <si>
    <t>01/17/2020 08:14:40</t>
  </si>
  <si>
    <t>89954cb1-76b5-4012-b329-1cd5a7780731.tmp</t>
  </si>
  <si>
    <t>\\acsfs\profiles$\geovannasm\Downloads\89954cb1-76b5-4012-b329-1cd5a7780731.tmp</t>
  </si>
  <si>
    <t>01/17/2020 08:11:26</t>
  </si>
  <si>
    <t>cc137430-8bf4-452d-92fc-221aed82317e.tmp</t>
  </si>
  <si>
    <t>\\acsfs\profiles$\geovannasm\Downloads\cc137430-8bf4-452d-92fc-221aed82317e.tmp</t>
  </si>
  <si>
    <t>01/17/2020 08:11:55</t>
  </si>
  <si>
    <t>e4c38080-ac7f-4bda-9e8f-12c448c3d412.tmp</t>
  </si>
  <si>
    <t>\\acsfs\profiles$\geovannasm\Downloads\e4c38080-ac7f-4bda-9e8f-12c448c3d412.tmp</t>
  </si>
  <si>
    <t>01/17/2020 08:12:43</t>
  </si>
  <si>
    <t>8033c462-9fdc-43ce-afc3-940fbfb98373.tmp</t>
  </si>
  <si>
    <t>\\acsfs\profiles$\geovannasm\Downloads\8033c462-9fdc-43ce-afc3-940fbfb98373.tmp</t>
  </si>
  <si>
    <t>01/17/2020 08:13:12</t>
  </si>
  <si>
    <t>ca78ca94-8366-44c3-88d2-9454099f15f3.tmp</t>
  </si>
  <si>
    <t>\\acsfs\profiles$\geovannasm\Downloads\ca78ca94-8366-44c3-88d2-9454099f15f3.tmp</t>
  </si>
  <si>
    <t>01/17/2020 08:09:55</t>
  </si>
  <si>
    <t>Evidencia Ana Claudia.PNG</t>
  </si>
  <si>
    <t>01/17/2020 08:10:07</t>
  </si>
  <si>
    <t>01/17/2020 08:10:19</t>
  </si>
  <si>
    <t>m/d2zp9xvgakalgbcgkiu5vqgrmk5wikfioultyzmzc5mjy1njy1nzqynduwmdmkcwj3xaxziyuvsmcbmmeonnwcsm78rtomotq3m;</t>
  </si>
  <si>
    <t>https://m/d2zp9xvgakalgbcgkiu5vqgrmk5wikfioultyzmzc5mjy1njy1nzqynduwmdmkcwj3xaxziyuvsmcbmmeonnwcsm78rtomotq3m</t>
  </si>
  <si>
    <t>01/17/2020 08:13:56</t>
  </si>
  <si>
    <t>Evidencia Ana Flavia.PNG</t>
  </si>
  <si>
    <t>01/17/2020 08:14:05</t>
  </si>
  <si>
    <t>01/17/2020 08:14:14</t>
  </si>
  <si>
    <t>01/17/2020 08:11:29</t>
  </si>
  <si>
    <t>01/17/2020 08:15:40</t>
  </si>
  <si>
    <t>01/17/2020 08:15:03</t>
  </si>
  <si>
    <t>01/17/2020 08:15:04</t>
  </si>
  <si>
    <t>01/17/2020 08:16:40</t>
  </si>
  <si>
    <t>01/17/2020 08:16:41</t>
  </si>
  <si>
    <t>01/17/2020 08:11:32</t>
  </si>
  <si>
    <t>0db047a2-c3ff-442e-a488-8a42362c73f2.tmp</t>
  </si>
  <si>
    <t>\\acsfs\profiles$\geovannasm\Downloads\0db047a2-c3ff-442e-a488-8a42362c73f2.tmp</t>
  </si>
  <si>
    <t>01/17/2020 08:13:13</t>
  </si>
  <si>
    <t>01/17/2020 08:14:59</t>
  </si>
  <si>
    <t>01/17/2020 08:17:41</t>
  </si>
  <si>
    <t>c0e47dd6-2770-4696-8798-a54f975fd1d2.tmp</t>
  </si>
  <si>
    <t>\\acsfs\profiles$\antoniosva\Downloads\c0e47dd6-2770-4696-8798-a54f975fd1d2.tmp</t>
  </si>
  <si>
    <t>01/17/2020 08:15:54</t>
  </si>
  <si>
    <t>8fadeb26-c3f1-43b4-903c-6770a1271d67.tmp</t>
  </si>
  <si>
    <t>\\acsfs\profiles$\antoniosva\Downloads\8fadeb26-c3f1-43b4-903c-6770a1271d67.tmp</t>
  </si>
  <si>
    <t>01/17/2020 08:18:07</t>
  </si>
  <si>
    <t>01/17/2020 08:18:40</t>
  </si>
  <si>
    <t>b4cad646-99c8-411e-a27a-e3f599b618c1.tmp</t>
  </si>
  <si>
    <t>\\acsfs\profiles$\wenderbnm\Downloads\b4cad646-99c8-411e-a27a-e3f599b618c1.tmp</t>
  </si>
  <si>
    <t>01/17/2020 08:14:19</t>
  </si>
  <si>
    <t>01/17/2020 08:19:41</t>
  </si>
  <si>
    <t>a140d88e-a9e5-4864-ac95-e012771716a9.tmp</t>
  </si>
  <si>
    <t>\\acsfs\profiles$\henriquehmdo\Downloads\a140d88e-a9e5-4864-ac95-e012771716a9.tmp</t>
  </si>
  <si>
    <t>01/17/2020 08:14:32</t>
  </si>
  <si>
    <t>01/17/2020 08:15:31</t>
  </si>
  <si>
    <t>c548606f-08b8-449b-9104-78d62a1cb67d.tmp</t>
  </si>
  <si>
    <t>\\acsfs\profiles$\henriquehmdo\Downloads\c548606f-08b8-449b-9104-78d62a1cb67d.tmp</t>
  </si>
  <si>
    <t>01/17/2020 08:17:59</t>
  </si>
  <si>
    <t>01/17/2020 08:13:57</t>
  </si>
  <si>
    <t>c6f8995a-b63e-474d-ad10-49706a899a98.tmp</t>
  </si>
  <si>
    <t>\\acsfs\profiles$\geovannasm\Downloads\c6f8995a-b63e-474d-ad10-49706a899a98.tmp</t>
  </si>
  <si>
    <t>01/17/2020 08:15:11</t>
  </si>
  <si>
    <t>a42dbcf1-7157-4635-b2d8-66f317fcb25f.tmp</t>
  </si>
  <si>
    <t>\\acsfs\profiles$\geovannasm\Downloads\a42dbcf1-7157-4635-b2d8-66f317fcb25f.tmp</t>
  </si>
  <si>
    <t>01/17/2020 08:15:24</t>
  </si>
  <si>
    <t>31b6c6d0-99f6-418b-a5fe-faff0d645c50.tmp</t>
  </si>
  <si>
    <t>\\acsfs\profiles$\geovannasm\Downloads\31b6c6d0-99f6-418b-a5fe-faff0d645c50.tmp</t>
  </si>
  <si>
    <t>01/17/2020 08:15:30</t>
  </si>
  <si>
    <t>b03c502c-eeb3-4859-ba91-9e42be4c160e.tmp</t>
  </si>
  <si>
    <t>\\acsfs\profiles$\geovannasm\Downloads\b03c502c-eeb3-4859-ba91-9e42be4c160e.tmp</t>
  </si>
  <si>
    <t>01/17/2020 08:15:37</t>
  </si>
  <si>
    <t>9a7d2d11-41c0-42e4-8b8e-860bebb2eb91.tmp</t>
  </si>
  <si>
    <t>\\acsfs\profiles$\geovannasm\Downloads\9a7d2d11-41c0-42e4-8b8e-860bebb2eb91.tmp</t>
  </si>
  <si>
    <t>01/17/2020 08:17:11</t>
  </si>
  <si>
    <t>95339d23-f846-4d5f-98e0-863cdcb2e1f6.tmp</t>
  </si>
  <si>
    <t>\\acsfs\profiles$\geovannasm\Downloads\95339d23-f846-4d5f-98e0-863cdcb2e1f6.tmp</t>
  </si>
  <si>
    <t>01/17/2020 08:17:18</t>
  </si>
  <si>
    <t>4c65a4d4-01c2-44a0-82e0-8f37e65e8477.tmp</t>
  </si>
  <si>
    <t>\\acsfs\profiles$\geovannasm\Downloads\4c65a4d4-01c2-44a0-82e0-8f37e65e8477.tmp</t>
  </si>
  <si>
    <t>01/17/2020 08:18:05</t>
  </si>
  <si>
    <t>93508359-8d0e-402e-9b35-610a78120f0f.tmp</t>
  </si>
  <si>
    <t>\\acsfs\profiles$\geovannasm\Downloads\93508359-8d0e-402e-9b35-610a78120f0f.tmp</t>
  </si>
  <si>
    <t>01/17/2020 08:18:17</t>
  </si>
  <si>
    <t>69805051-58f6-4a75-89b7-b93cb935e071.tmp</t>
  </si>
  <si>
    <t>\\acsfs\profiles$\geovannasm\Downloads\69805051-58f6-4a75-89b7-b93cb935e071.tmp</t>
  </si>
  <si>
    <t>01/17/2020 08:18:45</t>
  </si>
  <si>
    <t>48d98504-3db3-4635-b639-6e408fef199d.tmp</t>
  </si>
  <si>
    <t>\\acsfs\profiles$\geovannasm\Downloads\48d98504-3db3-4635-b639-6e408fef199d.tmp</t>
  </si>
  <si>
    <t>01/17/2020 08:16:37</t>
  </si>
  <si>
    <t>Evidencia Ana Paula.PNG</t>
  </si>
  <si>
    <t>01/17/2020 08:16:46</t>
  </si>
  <si>
    <t>01/17/2020 08:16:56</t>
  </si>
  <si>
    <t>01/17/2020 08:19:08</t>
  </si>
  <si>
    <t>Evidencia Antonio.PNG</t>
  </si>
  <si>
    <t>01/17/2020 08:21:40</t>
  </si>
  <si>
    <t>01/17/2020 08:17:27</t>
  </si>
  <si>
    <t>d4cbebc7-13eb-4b93-96fa-b7bb3c2e27cd.tmp</t>
  </si>
  <si>
    <t>\\acsfs\profiles$\ANAPDSB\Downloads\d4cbebc7-13eb-4b93-96fa-b7bb3c2e27cd.tmp</t>
  </si>
  <si>
    <t>01/17/2020 08:17:37</t>
  </si>
  <si>
    <t>\\acsfs\profiles$\ANAPDSB\Downloads\Q29udHJvbGxlci5DYWxjdWxhZG9yYURlVmVuY2lt (24).ica</t>
  </si>
  <si>
    <t>01/17/2020 08:18:48</t>
  </si>
  <si>
    <t>f9a9fdde-aeb5-4908-9858-1ee3d108c035.tmp</t>
  </si>
  <si>
    <t>\\acsfs\profiles$\ANAPDSB\Downloads\f9a9fdde-aeb5-4908-9858-1ee3d108c035.tmp</t>
  </si>
  <si>
    <t>01/17/2020 08:21:01</t>
  </si>
  <si>
    <t>01/17/2020 08:18:13</t>
  </si>
  <si>
    <t>01/17/2020 08:18:43</t>
  </si>
  <si>
    <t>01/17/2020 08:19:13</t>
  </si>
  <si>
    <t>01/17/2020 08:19:43</t>
  </si>
  <si>
    <t>01/17/2020 08:17:02</t>
  </si>
  <si>
    <t>01/17/2020 08:22:41</t>
  </si>
  <si>
    <t>1f08bb6f-b712-4903-b894-685fa2169611.tmp</t>
  </si>
  <si>
    <t>\\acsfs\profiles$\DALVADFB\Downloads\1f08bb6f-b712-4903-b894-685fa2169611.tmp</t>
  </si>
  <si>
    <t>01/17/2020 08:18:54</t>
  </si>
  <si>
    <t>474167bf-391a-4e9d-bb05-3b378a0b2a4b.tmp</t>
  </si>
  <si>
    <t>\\acsfs\profiles$\DALVADFB\Downloads\474167bf-391a-4e9d-bb05-3b378a0b2a4b.tmp</t>
  </si>
  <si>
    <t>91761416-f59e-4a34-ae5c-f38bfd918389.tmp</t>
  </si>
  <si>
    <t>\\acsfs\profiles$\antoniosva\Downloads\91761416-f59e-4a34-ae5c-f38bfd918389.tmp</t>
  </si>
  <si>
    <t>01/17/2020 08:18:02</t>
  </si>
  <si>
    <t>0c38ad0d-25a7-4d0a-adc6-b42c85d64283.tmp</t>
  </si>
  <si>
    <t>\\acsfs\profiles$\antoniosva\Downloads\0c38ad0d-25a7-4d0a-adc6-b42c85d64283.tmp</t>
  </si>
  <si>
    <t>01/17/2020 08:18:55</t>
  </si>
  <si>
    <t>2b7a9139-8e08-4882-aa65-1912a74097cf.tmp</t>
  </si>
  <si>
    <t>\\acsfs\profiles$\antoniosva\Downloads\2b7a9139-8e08-4882-aa65-1912a74097cf.tmp</t>
  </si>
  <si>
    <t>01/17/2020 08:20:26</t>
  </si>
  <si>
    <t>01/17/2020 08:20:59</t>
  </si>
  <si>
    <t>lu314041g7pxj.tmp</t>
  </si>
  <si>
    <t>\\acsfs\profiles$\ALEXANDREMM\lu314041g7pxj.tmp</t>
  </si>
  <si>
    <t>\\acsfs\profiles$\ALEXANDREMM\lu314041g7pxj.tmp\</t>
  </si>
  <si>
    <t>\\acsfs\profiles$\ALEXANDREMM\lu314041g7pxj.tmp\META-INF\</t>
  </si>
  <si>
    <t>\\acsfs\profiles$\ALEXANDREMM\lu314041g7pxj.tmp\Thumbnails\</t>
  </si>
  <si>
    <t>01/17/2020 08:19:15</t>
  </si>
  <si>
    <t>01/17/2020 08:23:40</t>
  </si>
  <si>
    <t>fe077273-f69c-40e9-a925-d657ca2e8ffc.tmp</t>
  </si>
  <si>
    <t>\\acsfs\profiles$\wenderbnm\Downloads\fe077273-f69c-40e9-a925-d657ca2e8ffc.tmp</t>
  </si>
  <si>
    <t>01/17/2020 08:19:48</t>
  </si>
  <si>
    <t>01/17/2020 08:24:40</t>
  </si>
  <si>
    <t>54f0e90d-f15b-441b-8f62-b1ae608455d0.tmp</t>
  </si>
  <si>
    <t>\\acsfs\profiles$\websondsa\Downloads\54f0e90d-f15b-441b-8f62-b1ae608455d0.tmp</t>
  </si>
  <si>
    <t>01/17/2020 08:19:18</t>
  </si>
  <si>
    <t>01/17/2020 08:19:29</t>
  </si>
  <si>
    <t>01/17/2020 08:22:38</t>
  </si>
  <si>
    <t>Evidencia Eduardo.PNG</t>
  </si>
  <si>
    <t>01/17/2020 08:22:47</t>
  </si>
  <si>
    <t>01/17/2020 08:23:36</t>
  </si>
  <si>
    <t>01/17/2020 08:20:34</t>
  </si>
  <si>
    <t>01/17/2020 08:25:41</t>
  </si>
  <si>
    <t>bvcartes-supervisores@algarnet.onmicrosoft.com;joaogvc@algartech.com;katia.cardoso@bv.com.br;leonardoao@algartech.com;marianadjc@algartech.com;paulacn@algartech.com;ricardodfm@algartech.com.br;taysdss@algartech.com;viniciussg@algartech.com;</t>
  </si>
  <si>
    <t>bvcartes-supervisores@algarnet.onmicrosoft.com,joaogvc@algartech.com,katia.cardoso@bv.com.br,leonardoao@algartech.com,marianadjc@algartech.com,paulacn@algartech.com,ricardodfm@algartech.com.br,taysdss@algartech.com,viniciussg@algartech.com</t>
  </si>
  <si>
    <t>01/17/2020 08:20:42</t>
  </si>
  <si>
    <t>01/17/2020 08:20:52</t>
  </si>
  <si>
    <t>01/17/2020 08:20:58</t>
  </si>
  <si>
    <t>01/17/2020 08:21:10</t>
  </si>
  <si>
    <t>01/17/2020 08:21:24</t>
  </si>
  <si>
    <t>01/17/2020 08:21:42</t>
  </si>
  <si>
    <t>mail.google.com/_/upload?authuser=0&amp;dcp=asu-n&amp;upload_id=AEnB2UpX59mNgQwaF-xxug7CHbxDizFPcdqmwCN43mcrGhONTBsAmIbqTwwFmgoNJsNtXN2JhpUiF4qZOk_m_mBgOIx6qXuTXIOavOEBHqa6gwjsXOzNqP8&amp;upload_protocol=resumable</t>
  </si>
  <si>
    <t>01/17/2020 08:22:01</t>
  </si>
  <si>
    <t>01/17/2020 08:23:55</t>
  </si>
  <si>
    <t>ca8db3a0-99e9-478d-9dc6-d327f0596ba4.tmp</t>
  </si>
  <si>
    <t>\\acsfs\profiles$\nayarasds\Downloads\ca8db3a0-99e9-478d-9dc6-d327f0596ba4.tmp</t>
  </si>
  <si>
    <t>01/17/2020 08:21:31</t>
  </si>
  <si>
    <t>80f689fb-366b-4b2c-90fa-1407844ad795.tmp</t>
  </si>
  <si>
    <t>\\acsfs\profiles$\ayalabfi\Downloads\80f689fb-366b-4b2c-90fa-1407844ad795.tmp</t>
  </si>
  <si>
    <t>01/17/2020 08:21:32</t>
  </si>
  <si>
    <t>16570611-4784-4477-b1c6-a951ea7f50a9.tmp</t>
  </si>
  <si>
    <t>\\acsfs\profiles$\ayalabfi\Downloads\16570611-4784-4477-b1c6-a951ea7f50a9.tmp</t>
  </si>
  <si>
    <t>01/17/2020 08:21:33</t>
  </si>
  <si>
    <t>d1d67f86-d1fa-4a7e-b191-841a1e4b818f.tmp</t>
  </si>
  <si>
    <t>\\acsfs\profiles$\ayalabfi\Downloads\d1d67f86-d1fa-4a7e-b191-841a1e4b818f.tmp</t>
  </si>
  <si>
    <t>01/17/2020 08:23:06</t>
  </si>
  <si>
    <t>494f7ea0-33fa-4a88-80d6-0b04ad28e58a.tmp</t>
  </si>
  <si>
    <t>\\acsfs\profiles$\ayalabfi\Downloads\494f7ea0-33fa-4a88-80d6-0b04ad28e58a.tmp</t>
  </si>
  <si>
    <t>01/17/2020 08:24:39</t>
  </si>
  <si>
    <t>ff11f2fd-0335-4ef3-9ddc-5a21533d29a1.tmp</t>
  </si>
  <si>
    <t>\\acsfs\profiles$\mariajra\Downloads\ff11f2fd-0335-4ef3-9ddc-5a21533d29a1.tmp</t>
  </si>
  <si>
    <t>01/17/2020 08:26:40</t>
  </si>
  <si>
    <t>cf95a8d5-5036-4014-9628-2fd5a65db9d2.tmp</t>
  </si>
  <si>
    <t>\\acsfs\profiles$\geovannasm\Downloads\cf95a8d5-5036-4014-9628-2fd5a65db9d2.tmp</t>
  </si>
  <si>
    <t>01/17/2020 08:23:09</t>
  </si>
  <si>
    <t>3c581736-1dbd-44db-bf21-c10ea216d42c.tmp</t>
  </si>
  <si>
    <t>\\acsfs\profiles$\geovannasm\Downloads\3c581736-1dbd-44db-bf21-c10ea216d42c.tmp</t>
  </si>
  <si>
    <t>01/17/2020 08:23:20</t>
  </si>
  <si>
    <t>309d60a9-2021-4c4f-bc5b-ed6eacbf8baf.tmp</t>
  </si>
  <si>
    <t>\\acsfs\profiles$\geovannasm\Downloads\309d60a9-2021-4c4f-bc5b-ed6eacbf8baf.tmp</t>
  </si>
  <si>
    <t>01/17/2020 08:23:31</t>
  </si>
  <si>
    <t>802bf693-8209-4dce-a7e1-29104508cb63.tmp</t>
  </si>
  <si>
    <t>\\acsfs\profiles$\geovannasm\Downloads\802bf693-8209-4dce-a7e1-29104508cb63.tmp</t>
  </si>
  <si>
    <t>01/17/2020 08:25:32</t>
  </si>
  <si>
    <t>CitrixReceiverWeb.exe.2dwrnf4.partial</t>
  </si>
  <si>
    <t>\\acsfs\profiles$\geovannasm\Downloads\CitrixReceiverWeb.exe.2dwrnf4.partial</t>
  </si>
  <si>
    <t>01/17/2020 08:24:58</t>
  </si>
  <si>
    <t>01/17/2020 08:27:41</t>
  </si>
  <si>
    <t>01/17/2020 08:28:44</t>
  </si>
  <si>
    <t>01/17/2020 08:29:41</t>
  </si>
  <si>
    <t>c5dcaab9-57d5-4060-86cf-d1ed5e9c969a.tmp</t>
  </si>
  <si>
    <t>\\acsfs\profiles$\lorrainerdl\Downloads\c5dcaab9-57d5-4060-86cf-d1ed5e9c969a.tmp</t>
  </si>
  <si>
    <t>01/17/2020 08:28:46</t>
  </si>
  <si>
    <t>84aff172-0ef6-4e98-82f2-77834a0442ec.tmp</t>
  </si>
  <si>
    <t>\\acsfs\profiles$\lorrainerdl\Downloads\84aff172-0ef6-4e98-82f2-77834a0442ec.tmp</t>
  </si>
  <si>
    <t>01/17/2020 08:27:10</t>
  </si>
  <si>
    <t>f90e2b52-c5f0-4057-92eb-8ae13cb1b6f6.tmp</t>
  </si>
  <si>
    <t>\\acsfs\profiles$\KARENDSR\Downloads\f90e2b52-c5f0-4057-92eb-8ae13cb1b6f6.tmp</t>
  </si>
  <si>
    <t>01/17/2020 08:27:55</t>
  </si>
  <si>
    <t>bf05b9db-7db0-4519-adea-8062db9bd100.tmp</t>
  </si>
  <si>
    <t>\\acsfs\profiles$\KARENDSR\Downloads\bf05b9db-7db0-4519-adea-8062db9bd100.tmp</t>
  </si>
  <si>
    <t>e362b03a-dfe1-4fa6-af7a-7073e00c89bd.tmp</t>
  </si>
  <si>
    <t>\\acsfs\profiles$\KARENDSR\Downloads\e362b03a-dfe1-4fa6-af7a-7073e00c89bd.tmp</t>
  </si>
  <si>
    <t>01/17/2020 08:27:36</t>
  </si>
  <si>
    <t>Evidencia Ester.PNG</t>
  </si>
  <si>
    <t>01/17/2020 08:27:46</t>
  </si>
  <si>
    <t>01/17/2020 08:28:13</t>
  </si>
  <si>
    <t>01/17/2020 08:24:28</t>
  </si>
  <si>
    <t>10.200.67.33</t>
  </si>
  <si>
    <t>01/17/2020 08:27:37</t>
  </si>
  <si>
    <t>01/17/2020 08:30:41</t>
  </si>
  <si>
    <t>01/17/2020 08:27:39</t>
  </si>
  <si>
    <t>01/17/2020 08:27:43</t>
  </si>
  <si>
    <t>01/17/2020 08:27:48</t>
  </si>
  <si>
    <t>01/17/2020 08:27:51</t>
  </si>
  <si>
    <t>01/17/2020 08:27:58</t>
  </si>
  <si>
    <t>01/17/2020 08:28:01</t>
  </si>
  <si>
    <t>01/17/2020 08:28:18</t>
  </si>
  <si>
    <t>01/17/2020 08:28:22</t>
  </si>
  <si>
    <t>01/17/2020 08:28:30</t>
  </si>
  <si>
    <t>01/17/2020 08:28:34</t>
  </si>
  <si>
    <t>01/17/2020 08:28:37</t>
  </si>
  <si>
    <t>01/17/2020 08:28:52</t>
  </si>
  <si>
    <t>01/17/2020 08:29:00</t>
  </si>
  <si>
    <t>01/17/2020 08:29:06</t>
  </si>
  <si>
    <t>01/17/2020 08:29:14</t>
  </si>
  <si>
    <t>01/17/2020 08:29:20</t>
  </si>
  <si>
    <t>01/17/2020 08:29:26</t>
  </si>
  <si>
    <t>01/17/2020 08:29:34</t>
  </si>
  <si>
    <t>01/17/2020 08:26:16</t>
  </si>
  <si>
    <t>5c2d7b1a-f63b-4b66-86f6-4f7ff050f92c.tmp</t>
  </si>
  <si>
    <t>\\acsfs\profiles$\geovannasm\Downloads\5c2d7b1a-f63b-4b66-86f6-4f7ff050f92c.tmp</t>
  </si>
  <si>
    <t>01/17/2020 08:26:44</t>
  </si>
  <si>
    <t>e8c9e1c4-cb72-457a-9a12-1c2201c6d6f1.tmp</t>
  </si>
  <si>
    <t>\\acsfs\profiles$\geovannasm\Downloads\e8c9e1c4-cb72-457a-9a12-1c2201c6d6f1.tmp</t>
  </si>
  <si>
    <t>01/17/2020 08:26:55</t>
  </si>
  <si>
    <t>a87865e4-300b-4f68-b2d0-df564c357da6.tmp</t>
  </si>
  <si>
    <t>\\acsfs\profiles$\geovannasm\Downloads\a87865e4-300b-4f68-b2d0-df564c357da6.tmp</t>
  </si>
  <si>
    <t>01/17/2020 08:28:02</t>
  </si>
  <si>
    <t>ceab17fc-8ebb-40e7-80b1-b0d6c0a54c58.tmp</t>
  </si>
  <si>
    <t>\\acsfs\profiles$\THYAGOSP\Downloads\ceab17fc-8ebb-40e7-80b1-b0d6c0a54c58.tmp</t>
  </si>
  <si>
    <t>01/17/2020 08:29:44</t>
  </si>
  <si>
    <t>605e6de3-9a37-4d50-9fbd-d3c9529e55ef.tmp</t>
  </si>
  <si>
    <t>\\acsfs\profiles$\lorraynevam\Downloads\605e6de3-9a37-4d50-9fbd-d3c9529e55ef.tmp</t>
  </si>
  <si>
    <t>01/17/2020 08:30:13</t>
  </si>
  <si>
    <t>01/17/2020 08:31:40</t>
  </si>
  <si>
    <t>4e215e2f-0e2a-43e0-8cdd-bfac6e49d990.tmp</t>
  </si>
  <si>
    <t>\\acsfs\profiles$\geovannasm\Downloads\4e215e2f-0e2a-43e0-8cdd-bfac6e49d990.tmp</t>
  </si>
  <si>
    <t>01/17/2020 08:27:23</t>
  </si>
  <si>
    <t>\\acsfs\profiles$\marcosvnds\Contacts\</t>
  </si>
  <si>
    <t>MARCOS VINICIUS NARCIZO DA SILVA (21444).contact</t>
  </si>
  <si>
    <t>\\acsfs\profiles$\marcosvnds\Contacts\MARCOS VINICIUS NARCIZO DA SILVA (21444).contact</t>
  </si>
  <si>
    <t>\\acsfs\profiles$\marcosvnds\My Documents\My Videos\</t>
  </si>
  <si>
    <t>\\acsfs\profiles$\marcosvnds\My Documents\My Videos\desktop.ini</t>
  </si>
  <si>
    <t>\\acsfs\profiles$\marcosvnds\My Documents\My Pictures\</t>
  </si>
  <si>
    <t>\\acsfs\profiles$\marcosvnds\My Documents\My Pictures\desktop.ini</t>
  </si>
  <si>
    <t>01/17/2020 08:27:38</t>
  </si>
  <si>
    <t>\\acsfs\profiles$\marcosvnds\Contacts\desktop.ini</t>
  </si>
  <si>
    <t>\\acsfs\profiles$\marcosvnds\Favorites\</t>
  </si>
  <si>
    <t>\\acsfs\profiles$\marcosvnds\Favorites\desktop.ini</t>
  </si>
  <si>
    <t>01/17/2020 08:31:41</t>
  </si>
  <si>
    <t>\\acsfs\profiles$\marcosvnds\My Documents\My Music\</t>
  </si>
  <si>
    <t>\\acsfs\profiles$\marcosvnds\My Documents\My Music\desktop.ini</t>
  </si>
  <si>
    <t>\\acsfs\profiles$\marcosvnds\Searches\</t>
  </si>
  <si>
    <t>\\acsfs\profiles$\marcosvnds\Searches\desktop.ini</t>
  </si>
  <si>
    <t>\\acsfs\profiles$\marcosvnds\Downloads\desktop.ini</t>
  </si>
  <si>
    <t>01/17/2020 08:27:40</t>
  </si>
  <si>
    <t>\\acsfs\profiles$\marcosvnds\My Documents\</t>
  </si>
  <si>
    <t>\\acsfs\profiles$\marcosvnds\My Documents\desktop.ini</t>
  </si>
  <si>
    <t>\\acsfs\profiles$\marcosvnds\Saved Games\</t>
  </si>
  <si>
    <t>\\acsfs\profiles$\marcosvnds\Saved Games\desktop.ini</t>
  </si>
  <si>
    <t>01/17/2020 08:27:54</t>
  </si>
  <si>
    <t>\\acsfs\profiles$\marcosvnds\Favorites\Links for Brasil\</t>
  </si>
  <si>
    <t>\\acsfs\profiles$\marcosvnds\Favorites\Links for Brasil\desktop.ini</t>
  </si>
  <si>
    <t>\\acsfs\profiles$\marcosvnds\Favorites\Links for Brasil\Microsoft Brasil.url</t>
  </si>
  <si>
    <t>01/17/2020 08:27:56</t>
  </si>
  <si>
    <t>\\acsfs\profiles$\marcosvnds\Favorites\Links for Brasil\Windows Brasil.url</t>
  </si>
  <si>
    <t>01/17/2020 08:27:57</t>
  </si>
  <si>
    <t>\\acsfs\profiles$\marcosvnds\Favorites\Links for Brasil\MSN Brasil.url</t>
  </si>
  <si>
    <t>01/17/2020 08:29:51</t>
  </si>
  <si>
    <t>08dabd70-f5b7-4563-91d1-3dc0ee02f7e4.tmp</t>
  </si>
  <si>
    <t>\\acsfs\profiles$\marcosvnds\Downloads\08dabd70-f5b7-4563-91d1-3dc0ee02f7e4.tmp</t>
  </si>
  <si>
    <t>01/17/2020 08:29:57</t>
  </si>
  <si>
    <t>8330a943-25f0-4d73-b351-a2e2821f1193.tmp</t>
  </si>
  <si>
    <t>\\acsfs\profiles$\marcosvnds\Downloads\8330a943-25f0-4d73-b351-a2e2821f1193.tmp</t>
  </si>
  <si>
    <t>01/17/2020 08:30:43</t>
  </si>
  <si>
    <t>fc3b1e66-54b8-434a-b590-f4ab181f4a87.tmp</t>
  </si>
  <si>
    <t>\\acsfs\profiles$\marcosvnds\Downloads\fc3b1e66-54b8-434a-b590-f4ab181f4a87.tmp</t>
  </si>
  <si>
    <t>01/17/2020 08:29:38</t>
  </si>
  <si>
    <t>c5723d74-d7e1-4935-9cbe-bdc355482594.tmp</t>
  </si>
  <si>
    <t>\\acsfs\profiles$\sarahbal\Downloads\c5723d74-d7e1-4935-9cbe-bdc355482594.tmp</t>
  </si>
  <si>
    <t>01/17/2020 08:31:13</t>
  </si>
  <si>
    <t>01/17/2020 08:28:04</t>
  </si>
  <si>
    <t>8b3d3c86-bea2-4a94-9f52-d3dcad0a5580.tmp</t>
  </si>
  <si>
    <t>\\acsfs\profiles$\dhiulliananads\Downloads\8b3d3c86-bea2-4a94-9f52-d3dcad0a5580.tmp</t>
  </si>
  <si>
    <t>01/17/2020 08:32:56</t>
  </si>
  <si>
    <t>01/17/2020 08:34:41</t>
  </si>
  <si>
    <t>77101ff8-eabb-46a0-95ce-870a07f4742b.tmp</t>
  </si>
  <si>
    <t>\\acsfs\profiles$\henriquehmdo\Downloads\77101ff8-eabb-46a0-95ce-870a07f4742b.tmp</t>
  </si>
  <si>
    <t>c08bfa4a-cc86-43eb-9962-d1ecc740feaa.tmp</t>
  </si>
  <si>
    <t>\\acsfs\profiles$\larissaad\Downloads\c08bfa4a-cc86-43eb-9962-d1ecc740feaa.tmp</t>
  </si>
  <si>
    <t>01/17/2020 08:30:06</t>
  </si>
  <si>
    <t>0c706ee0-a3cf-4911-8de6-fce2967cc803.tmp</t>
  </si>
  <si>
    <t>\\acsfs\profiles$\larissaad\Downloads\0c706ee0-a3cf-4911-8de6-fce2967cc803.tmp</t>
  </si>
  <si>
    <t>01/17/2020 08:29:36</t>
  </si>
  <si>
    <t>77f71fed-3123-4d6d-9ba8-a3c2a7165caf.tmp</t>
  </si>
  <si>
    <t>\\acsfs\profiles$\lorrainerdl\Downloads\77f71fed-3123-4d6d-9ba8-a3c2a7165caf.tmp</t>
  </si>
  <si>
    <t>01/17/2020 08:30:54</t>
  </si>
  <si>
    <t>31718347-f398-44aa-8621-769321ed6feb.tmp</t>
  </si>
  <si>
    <t>\\acsfs\profiles$\lorrainerdl\Downloads\31718347-f398-44aa-8621-769321ed6feb.tmp</t>
  </si>
  <si>
    <t>01/17/2020 08:31:22</t>
  </si>
  <si>
    <t>Evidencia Inara.PNG</t>
  </si>
  <si>
    <t>01/17/2020 08:31:31</t>
  </si>
  <si>
    <t>01/17/2020 08:34:10</t>
  </si>
  <si>
    <t>01/17/2020 08:29:49</t>
  </si>
  <si>
    <t>01/17/2020 08:35:42</t>
  </si>
  <si>
    <t>mail.google.com/_/upload?authuser=0&amp;dcp=asu-n&amp;upload_id=AEnB2UrAzLiq6H3oo6iNByd2RucNwc5qY6eXmxf4YTPwylVrmp7gD4oRafS1hgA0TBfCS0ccf4qKDOGxcGflTjN7rL1B1zr5f7wZb5NXHVbxRefLmhu8pQ0&amp;upload_protocol=resumable</t>
  </si>
  <si>
    <t>01/17/2020 08:29:50</t>
  </si>
  <si>
    <t>01/17/2020 08:31:56</t>
  </si>
  <si>
    <t>\\acsfs\profiles$\geovannasm\Contacts\</t>
  </si>
  <si>
    <t>GEOVANNA SOUSA MARTINS (24).contact</t>
  </si>
  <si>
    <t>\\acsfs\profiles$\geovannasm\Contacts\GEOVANNA SOUSA MARTINS (24).contact</t>
  </si>
  <si>
    <t>01/17/2020 08:32:08</t>
  </si>
  <si>
    <t>\\acsfs\profiles$\geovannasm\My Documents\My Videos\</t>
  </si>
  <si>
    <t>\\acsfs\profiles$\geovannasm\My Documents\My Videos\desktop.ini</t>
  </si>
  <si>
    <t>\\acsfs\profiles$\geovannasm\My Documents\My Pictures\</t>
  </si>
  <si>
    <t>\\acsfs\profiles$\geovannasm\My Documents\My Pictures\desktop.ini</t>
  </si>
  <si>
    <t>01/17/2020 08:32:09</t>
  </si>
  <si>
    <t>\\acsfs\profiles$\geovannasm\Contacts\desktop.ini</t>
  </si>
  <si>
    <t>\\acsfs\profiles$\geovannasm\Favorites\</t>
  </si>
  <si>
    <t>\\acsfs\profiles$\geovannasm\Favorites\desktop.ini</t>
  </si>
  <si>
    <t>\\acsfs\profiles$\geovannasm\My Documents\My Music\</t>
  </si>
  <si>
    <t>\\acsfs\profiles$\geovannasm\My Documents\My Music\desktop.ini</t>
  </si>
  <si>
    <t>01/17/2020 08:32:10</t>
  </si>
  <si>
    <t>\\acsfs\profiles$\geovannasm\Searches\</t>
  </si>
  <si>
    <t>\\acsfs\profiles$\geovannasm\Searches\desktop.ini</t>
  </si>
  <si>
    <t>\\acsfs\profiles$\geovannasm\Downloads\desktop.ini</t>
  </si>
  <si>
    <t>01/17/2020 08:32:11</t>
  </si>
  <si>
    <t>\\acsfs\profiles$\geovannasm\My Documents\desktop.ini</t>
  </si>
  <si>
    <t>01/17/2020 08:32:12</t>
  </si>
  <si>
    <t>\\acsfs\profiles$\geovannasm\Saved Games\</t>
  </si>
  <si>
    <t>\\acsfs\profiles$\geovannasm\Saved Games\desktop.ini</t>
  </si>
  <si>
    <t>01/17/2020 08:32:23</t>
  </si>
  <si>
    <t>\\acsfs\profiles$\geovannasm\Favorites\Links for Brasil\</t>
  </si>
  <si>
    <t>\\acsfs\profiles$\geovannasm\Favorites\Links for Brasil\desktop.ini</t>
  </si>
  <si>
    <t>\\acsfs\profiles$\geovannasm\Favorites\Links for Brasil\Microsoft Brasil.url</t>
  </si>
  <si>
    <t>01/17/2020 08:32:24</t>
  </si>
  <si>
    <t>\\acsfs\profiles$\geovannasm\Favorites\Links for Brasil\Windows Brasil.url</t>
  </si>
  <si>
    <t>\\acsfs\profiles$\geovannasm\Favorites\Links for Brasil\MSN Brasil.url</t>
  </si>
  <si>
    <t>01/17/2020 08:34:12</t>
  </si>
  <si>
    <t>609e5bb1-35d4-431e-8363-989b63ba02ce.tmp</t>
  </si>
  <si>
    <t>\\acsfs\profiles$\geovannasm\Downloads\609e5bb1-35d4-431e-8363-989b63ba02ce.tmp</t>
  </si>
  <si>
    <t>01/17/2020 08:34:55</t>
  </si>
  <si>
    <t>269a6ed7-0bc8-4121-bf37-c07701a00ef6.tmp</t>
  </si>
  <si>
    <t>\\acsfs\profiles$\geovannasm\Downloads\269a6ed7-0bc8-4121-bf37-c07701a00ef6.tmp</t>
  </si>
  <si>
    <t>01/17/2020 08:31:07</t>
  </si>
  <si>
    <t>0049f1ea-162f-4ab7-97a9-9324eac31abf.tmp</t>
  </si>
  <si>
    <t>\\acsfs\profiles$\lorraynevam\Downloads\0049f1ea-162f-4ab7-97a9-9324eac31abf.tmp</t>
  </si>
  <si>
    <t>01/17/2020 08:32:35</t>
  </si>
  <si>
    <t>5059ad99-8231-4066-bc72-d91955922d1e.tmp</t>
  </si>
  <si>
    <t>\\acsfs\profiles$\vivianalds\Downloads\5059ad99-8231-4066-bc72-d91955922d1e.tmp</t>
  </si>
  <si>
    <t>01/17/2020 08:31:21</t>
  </si>
  <si>
    <t>01/17/2020 08:36:41</t>
  </si>
  <si>
    <t>7d069d31-fbbd-4fac-b38c-25caf3b9e4bc.tmp</t>
  </si>
  <si>
    <t>\\acsfs\profiles$\marcosvnds\Downloads\7d069d31-fbbd-4fac-b38c-25caf3b9e4bc.tmp</t>
  </si>
  <si>
    <t>01/17/2020 08:31:46</t>
  </si>
  <si>
    <t>0fd12533-241e-4a77-9e24-d3da0a6c7c9e.tmp</t>
  </si>
  <si>
    <t>\\acsfs\profiles$\marcosvnds\Downloads\0fd12533-241e-4a77-9e24-d3da0a6c7c9e.tmp</t>
  </si>
  <si>
    <t>01/17/2020 08:32:02</t>
  </si>
  <si>
    <t>c2cbd27c-2eac-4211-8237-7b6a50adbe9a.tmp</t>
  </si>
  <si>
    <t>\\acsfs\profiles$\marcosvnds\Downloads\c2cbd27c-2eac-4211-8237-7b6a50adbe9a.tmp</t>
  </si>
  <si>
    <t>01/17/2020 08:34:39</t>
  </si>
  <si>
    <t>01/17/2020 08:31:43</t>
  </si>
  <si>
    <t>01/17/2020 08:32:13</t>
  </si>
  <si>
    <t>01/17/2020 08:32:43</t>
  </si>
  <si>
    <t>01/17/2020 08:33:13</t>
  </si>
  <si>
    <t>01/17/2020 08:36:13</t>
  </si>
  <si>
    <t>01/17/2020 08:37:41</t>
  </si>
  <si>
    <t>01/17/2020 08:36:32</t>
  </si>
  <si>
    <t>549e64d7-d79f-42d9-8dcf-36887c39c935.tmp</t>
  </si>
  <si>
    <t>\\acsfs\profiles$\Angelicacldr\Downloads\549e64d7-d79f-42d9-8dcf-36887c39c935.tmp</t>
  </si>
  <si>
    <t>01/17/2020 08:33:48</t>
  </si>
  <si>
    <t>01/17/2020 08:33:49</t>
  </si>
  <si>
    <t>lu314041g7pxq.tmp</t>
  </si>
  <si>
    <t>\\acsfs\profiles$\ALEXANDREMM\lu314041g7pxq.tmp</t>
  </si>
  <si>
    <t>\\acsfs\profiles$\ALEXANDREMM\lu314041g7pxq.tmp\</t>
  </si>
  <si>
    <t>\\acsfs\profiles$\ALEXANDREMM\lu314041g7pxq.tmp\META-INF\</t>
  </si>
  <si>
    <t>\\acsfs\profiles$\ALEXANDREMM\lu314041g7pxq.tmp\Thumbnails\</t>
  </si>
  <si>
    <t>01/17/2020 08:34:18</t>
  </si>
  <si>
    <t>01/17/2020 08:38:41</t>
  </si>
  <si>
    <t>63b3309a-3c51-4824-a81d-76f9f7cf8b70.tmp</t>
  </si>
  <si>
    <t>\\acsfs\profiles$\nataliacsl\Downloads\63b3309a-3c51-4824-a81d-76f9f7cf8b70.tmp</t>
  </si>
  <si>
    <t>01/17/2020 08:34:19</t>
  </si>
  <si>
    <t>7b32cb41-8262-4ceb-a1b7-ef4d496c9c10.tmp</t>
  </si>
  <si>
    <t>\\acsfs\profiles$\nataliacsl\Downloads\7b32cb41-8262-4ceb-a1b7-ef4d496c9c10.tmp</t>
  </si>
  <si>
    <t>01/17/2020 08:37:26</t>
  </si>
  <si>
    <t>87f5fb77-55ab-4c49-9a62-83b9defdebf6.tmp</t>
  </si>
  <si>
    <t>\\acsfs\profiles$\anafsb\Downloads\87f5fb77-55ab-4c49-9a62-83b9defdebf6.tmp</t>
  </si>
  <si>
    <t>01/17/2020 08:36:25</t>
  </si>
  <si>
    <t>01/17/2020 08:39:41</t>
  </si>
  <si>
    <t>01/17/2020 08:36:49</t>
  </si>
  <si>
    <t>Evidencia Jhonata.PNG</t>
  </si>
  <si>
    <t>01/17/2020 08:36:59</t>
  </si>
  <si>
    <t>01/17/2020 08:37:11</t>
  </si>
  <si>
    <t>01/17/2020 08:35:50</t>
  </si>
  <si>
    <t>01/17/2020 08:40:41</t>
  </si>
  <si>
    <t>01/17/2020 08:38:52</t>
  </si>
  <si>
    <t>lu421324aisxn.tmp</t>
  </si>
  <si>
    <t>\\acsfs\profiles$\BRUNAAR\Numero\lu421324aisxn.tmp</t>
  </si>
  <si>
    <t>01/17/2020 08:32:34</t>
  </si>
  <si>
    <t>\\acsfs\ACS\001 - Qualidade Lilian\PAULO\Cópia de RELATORIO PARA FAROL.xlsx\</t>
  </si>
  <si>
    <t>\\acsfs\ACS\001 - Qualidade Lilian\PAULO\Cópia de RELATORIO PARA FAROL.xlsx</t>
  </si>
  <si>
    <t>Cópia de RELATORIO PARA FAROL.xlsx</t>
  </si>
  <si>
    <t>01/17/2020 08:35:47</t>
  </si>
  <si>
    <t>cf9e96de-b617-4254-8b9a-986ee06defd5.tmp</t>
  </si>
  <si>
    <t>\\acsfs\profiles$\geovannasm\Downloads\cf9e96de-b617-4254-8b9a-986ee06defd5.tmp</t>
  </si>
  <si>
    <t>01/17/2020 08:35:27</t>
  </si>
  <si>
    <t>01/17/2020 08:35:28</t>
  </si>
  <si>
    <t>01/17/2020 08:40:42</t>
  </si>
  <si>
    <t>01/17/2020 08:35:34</t>
  </si>
  <si>
    <t>92af9ca2-41b1-40a6-8339-9bb1d3d8ddfd.tmp</t>
  </si>
  <si>
    <t>\\acsfs\profiles$\lorraynevam\Downloads\92af9ca2-41b1-40a6-8339-9bb1d3d8ddfd.tmp</t>
  </si>
  <si>
    <t>01/17/2020 08:38:33</t>
  </si>
  <si>
    <t>01/17/2020 08:36:44</t>
  </si>
  <si>
    <t>01/17/2020 08:41:41</t>
  </si>
  <si>
    <t>01/17/2020 08:37:48</t>
  </si>
  <si>
    <t>01/17/2020 08:39:08</t>
  </si>
  <si>
    <t>01/17/2020 08:36:43</t>
  </si>
  <si>
    <t>01/17/2020 08:37:13</t>
  </si>
  <si>
    <t>01/17/2020 08:37:43</t>
  </si>
  <si>
    <t>01/17/2020 08:38:43</t>
  </si>
  <si>
    <t>01/17/2020 08:39:43</t>
  </si>
  <si>
    <t>01/17/2020 08:40:43</t>
  </si>
  <si>
    <t>01/17/2020 08:41:13</t>
  </si>
  <si>
    <t>01/17/2020 08:38:06</t>
  </si>
  <si>
    <t>01/17/2020 08:42:41</t>
  </si>
  <si>
    <t>2587ef45-47d9-4871-b28c-e08e0b7089b3.tmp</t>
  </si>
  <si>
    <t>\\acsfs\profiles$\Angelicacldr\Downloads\2587ef45-47d9-4871-b28c-e08e0b7089b3.tmp</t>
  </si>
  <si>
    <t>01/17/2020 08:38:09</t>
  </si>
  <si>
    <t>ae47aae1-ff72-4aa4-87ff-f9b56c58de0d.tmp</t>
  </si>
  <si>
    <t>\\acsfs\profiles$\Angelicacldr\Downloads\ae47aae1-ff72-4aa4-87ff-f9b56c58de0d.tmp</t>
  </si>
  <si>
    <t>01/17/2020 08:39:26</t>
  </si>
  <si>
    <t>c4a2ed2d-6be5-46ec-ae5d-4c1b224a1902.tmp</t>
  </si>
  <si>
    <t>\\acsfs\profiles$\Angelicacldr\Downloads\c4a2ed2d-6be5-46ec-ae5d-4c1b224a1902.tmp</t>
  </si>
  <si>
    <t>01/17/2020 08:39:37</t>
  </si>
  <si>
    <t>df001cae-17d6-49e2-ba89-5ff94a86d2f8.tmp</t>
  </si>
  <si>
    <t>\\acsfs\profiles$\Angelicacldr\Downloads\df001cae-17d6-49e2-ba89-5ff94a86d2f8.tmp</t>
  </si>
  <si>
    <t>01/17/2020 08:40:11</t>
  </si>
  <si>
    <t>ec1bff6d-1edd-46ec-9c2c-217f14ccfc4d.tmp</t>
  </si>
  <si>
    <t>\\acsfs\profiles$\Angelicacldr\Downloads\ec1bff6d-1edd-46ec-9c2c-217f14ccfc4d.tmp</t>
  </si>
  <si>
    <t>01/17/2020 08:40:27</t>
  </si>
  <si>
    <t>582c2f59-1189-4881-9316-d308f68c8350.tmp</t>
  </si>
  <si>
    <t>\\acsfs\profiles$\Angelicacldr\Downloads\582c2f59-1189-4881-9316-d308f68c8350.tmp</t>
  </si>
  <si>
    <t>01/17/2020 08:38:11</t>
  </si>
  <si>
    <t>01/17/2020 08:40:36</t>
  </si>
  <si>
    <t>01/17/2020 08:44:41</t>
  </si>
  <si>
    <t>01/17/2020 08:42:25</t>
  </si>
  <si>
    <t>\\acsfs\profiles$\eduardobb\My Documents\xworkcenter\logs\</t>
  </si>
  <si>
    <t>XLOG_eduardobb_17012020_084205.log</t>
  </si>
  <si>
    <t>\\acsfs\profiles$\eduardobb\My Documents\xworkcenter\logs\XLOG_eduardobb_17012020_084205.log</t>
  </si>
  <si>
    <t>01/17/2020 08:40:13</t>
  </si>
  <si>
    <t>Evidencia Jose Lucas.PNG</t>
  </si>
  <si>
    <t>01/17/2020 08:40:25</t>
  </si>
  <si>
    <t>01/17/2020 08:41:50</t>
  </si>
  <si>
    <t>\\acsfs\Deptos\Operacao\Banco_Votorantim\Supervisao\SUPERS BV CARTÕES\MARIANA\Registros\Lançamentos\</t>
  </si>
  <si>
    <t>Comissao equipe Mari DEZEMBRO 2019.xlsx</t>
  </si>
  <si>
    <t>\\acsfs\Deptos\Operacao\Banco_Votorantim\Supervisao\SUPERS BV CARTÕES\MARIANA\Registros\Lançamentos\Comissao equipe Mari DEZEMBRO 2019.xlsx</t>
  </si>
  <si>
    <t>01/17/2020 08:43:29</t>
  </si>
  <si>
    <t>01/17/2020 08:45:41</t>
  </si>
  <si>
    <t>100014299414656;joaogvc@algartech.com;marianadjc@algartech.com;rafaelggs@algartech.com;taysdss@algartech.com;viniciussg@algartech.com;</t>
  </si>
  <si>
    <t>https://100014299414656,joaogvc@algartech.com,marianadjc@algartech.com,rafaelggs@algartech.com,taysdss@algartech.com,viniciussg@algartech.com</t>
  </si>
  <si>
    <t>01/17/2020 08:43:34</t>
  </si>
  <si>
    <t>100014299414656;bvcartes-supervisores@algarnet.onmicrosoft.com;joaogvc@algartech.com;leonardoao@algartech.com;marianadjc@algartech.com;paulacn@algartech.com;ricardodfm@algartech.com.br;taysdss@algartech.com;viniciussg@algartech.com;</t>
  </si>
  <si>
    <t>https://100014299414656,bvcartes-supervisores@algarnet.onmicrosoft.com,joaogvc@algartech.com,leonardoao@algartech.com,marianadjc@algartech.com,paulacn@algartech.com,ricardodfm@algartech.com.br,taysdss@algartech.com,viniciussg@algartech.com</t>
  </si>
  <si>
    <t>01/17/2020 08:41:27</t>
  </si>
  <si>
    <t>21e14f8e-6fa9-4029-bd39-4d38526fa9b9.tmp</t>
  </si>
  <si>
    <t>\\acsfs\profiles$\victoriaksr\Downloads\21e14f8e-6fa9-4029-bd39-4d38526fa9b9.tmp</t>
  </si>
  <si>
    <t>01/17/2020 08:41:33</t>
  </si>
  <si>
    <t>bc3f1817-c066-42bd-bb17-fffd22279e6a.tmp</t>
  </si>
  <si>
    <t>\\acsfs\profiles$\victoriaksr\Downloads\bc3f1817-c066-42bd-bb17-fffd22279e6a.tmp</t>
  </si>
  <si>
    <t>01/17/2020 08:46:41</t>
  </si>
  <si>
    <t>01/17/2020 08:43:19</t>
  </si>
  <si>
    <t>01/17/2020 08:43:20</t>
  </si>
  <si>
    <t>01/17/2020 08:41:43</t>
  </si>
  <si>
    <t>01/17/2020 08:47:42</t>
  </si>
  <si>
    <t>01/17/2020 08:47:23</t>
  </si>
  <si>
    <t>01/17/2020 08:49:42</t>
  </si>
  <si>
    <t>d17ee892-5ce4-4e87-82d3-02693aac2f05.tmp</t>
  </si>
  <si>
    <t>\\acsfs\profiles$\geovannasm\Downloads\d17ee892-5ce4-4e87-82d3-02693aac2f05.tmp</t>
  </si>
  <si>
    <t>01/17/2020 08:48:05</t>
  </si>
  <si>
    <t>61f47958-3d7a-4bf0-b666-53a28cb608bc.tmp</t>
  </si>
  <si>
    <t>\\acsfs\profiles$\geovannasm\Downloads\61f47958-3d7a-4bf0-b666-53a28cb608bc.tmp</t>
  </si>
  <si>
    <t>01/17/2020 08:48:18</t>
  </si>
  <si>
    <t>11b6a847-e581-4018-8d30-97dc2a00861e.tmp</t>
  </si>
  <si>
    <t>\\acsfs\profiles$\geovannasm\Downloads\11b6a847-e581-4018-8d30-97dc2a00861e.tmp</t>
  </si>
  <si>
    <t>01/17/2020 08:48:20</t>
  </si>
  <si>
    <t>471dbc97-cdf1-49db-8092-44ac968c6c59.tmp</t>
  </si>
  <si>
    <t>\\acsfs\profiles$\geovannasm\Downloads\471dbc97-cdf1-49db-8092-44ac968c6c59.tmp</t>
  </si>
  <si>
    <t>01/17/2020 08:46:59</t>
  </si>
  <si>
    <t>4c576353-b2e8-4317-b334-70b1cbab732a.tmp</t>
  </si>
  <si>
    <t>\\acsfs\profiles$\leticiala\Downloads\4c576353-b2e8-4317-b334-70b1cbab732a.tmp</t>
  </si>
  <si>
    <t>2a509ae4-2302-4099-b880-3d7d66ab343b.tmp</t>
  </si>
  <si>
    <t>\\acsfs\profiles$\leticiala\Downloads\2a509ae4-2302-4099-b880-3d7d66ab343b.tmp</t>
  </si>
  <si>
    <t>01/17/2020 08:49:31</t>
  </si>
  <si>
    <t>01/17/2020 08:50:41</t>
  </si>
  <si>
    <t>01/17/2020 08:50:00</t>
  </si>
  <si>
    <t>\\acsfs\profiles$\victoriaksr\Downloads\.~lock.Filas.xlsx#</t>
  </si>
  <si>
    <t>01/17/2020 08:47:47</t>
  </si>
  <si>
    <t>01/17/2020 08:51:41</t>
  </si>
  <si>
    <t>01/17/2020 08:48:07</t>
  </si>
  <si>
    <t>01/17/2020 08:48:24</t>
  </si>
  <si>
    <t>01/17/2020 08:49:09</t>
  </si>
  <si>
    <t>01/17/2020 08:50:16</t>
  </si>
  <si>
    <t>01/17/2020 08:49:33</t>
  </si>
  <si>
    <t>01/17/2020 08:53:41</t>
  </si>
  <si>
    <t>https://udpwfmniceap02/web/guest/home?p_auth=ggrj6frw&amp;p_p_id=58&amp;p_p_lifecycle=1&amp;p_p_state=maximized&amp;p_p_mode=view&amp;savelastpath=0&amp;_58_struts_action=/login/forgot_password</t>
  </si>
  <si>
    <t>01/17/2020 08:52:21</t>
  </si>
  <si>
    <t>CASO 00820786 - OPERADORA BEATRIZ PEREIRA MENDES DA SILVA_1_6772222389950429011_1_32.wav</t>
  </si>
  <si>
    <t>\\acsfs\Deptos\EDUCACAO EMPRESARIAL\KÉSIA\OUVIDORIA, PROCON, BACEN E RECLAME AQUI\CASO 00820786 - OPERADORA BEATRIZ PEREIRA MENDES DA SILVA_1_6772222389950429011_1_32.wav</t>
  </si>
  <si>
    <t>01/17/2020 08:54:41</t>
  </si>
  <si>
    <t>01/17/2020 08:49:26</t>
  </si>
  <si>
    <t>656296e8-01ad-477a-8821-848309bb3d56.tmp</t>
  </si>
  <si>
    <t>\\acsfs\profiles$\geovannasm\Downloads\656296e8-01ad-477a-8821-848309bb3d56.tmp</t>
  </si>
  <si>
    <t>01/17/2020 08:49:36</t>
  </si>
  <si>
    <t>da65935f-9f2d-492f-acc3-9ef290e1565a.tmp</t>
  </si>
  <si>
    <t>\\acsfs\profiles$\geovannasm\Downloads\da65935f-9f2d-492f-acc3-9ef290e1565a.tmp</t>
  </si>
  <si>
    <t>9ba0b00f-7bb0-40e0-aeeb-4da2c2710bcb.tmp</t>
  </si>
  <si>
    <t>\\acsfs\profiles$\geovannasm\Downloads\9ba0b00f-7bb0-40e0-aeeb-4da2c2710bcb.tmp</t>
  </si>
  <si>
    <t>01/17/2020 08:51:18</t>
  </si>
  <si>
    <t>0c036e68-56e9-430a-89df-b953a7c342e5.tmp</t>
  </si>
  <si>
    <t>\\acsfs\profiles$\geovannasm\Downloads\0c036e68-56e9-430a-89df-b953a7c342e5.tmp</t>
  </si>
  <si>
    <t>01/17/2020 08:52:15</t>
  </si>
  <si>
    <t>01/17/2020 08:55:41</t>
  </si>
  <si>
    <t>10.200.66.56</t>
  </si>
  <si>
    <t>D0-67-E5-FF-1B-D2</t>
  </si>
  <si>
    <t>VOTORANT-AFB004</t>
  </si>
  <si>
    <t>victoravdo</t>
  </si>
  <si>
    <t>67f6d953-9051-4dc5-b43a-3650b9792f8c</t>
  </si>
  <si>
    <t>https://www.portalsinergyrh.com.br/candidato/curriculo/meuperfil</t>
  </si>
  <si>
    <t>C:\Users\victoravdo\Pictures\</t>
  </si>
  <si>
    <t>01/17/2020 08:50:10</t>
  </si>
  <si>
    <t>\\acsfs\profiles$\victoriaksr\Downloads\.~lock.1721 1724 ate 16012020.xlsx#</t>
  </si>
  <si>
    <t>01/17/2020 08:50:59</t>
  </si>
  <si>
    <t>01/17/2020 08:56:41</t>
  </si>
  <si>
    <t>01/17/2020 08:51:03</t>
  </si>
  <si>
    <t>01/17/2020 08:51:32</t>
  </si>
  <si>
    <t>01/17/2020 08:51:36</t>
  </si>
  <si>
    <t>01/17/2020 08:53:36</t>
  </si>
  <si>
    <t>b1dd575e-b341-4f44-85c0-567ce313eb95.tmp</t>
  </si>
  <si>
    <t>\\acsfs\profiles$\talitafdc\Downloads\b1dd575e-b341-4f44-85c0-567ce313eb95.tmp</t>
  </si>
  <si>
    <t>01/17/2020 08:55:28</t>
  </si>
  <si>
    <t>c388f1e7-a9d7-445f-afdc-670372b7fe55.tmp</t>
  </si>
  <si>
    <t>\\acsfs\profiles$\talitafdc\Downloads\c388f1e7-a9d7-445f-afdc-670372b7fe55.tmp</t>
  </si>
  <si>
    <t>01/17/2020 08:51:45</t>
  </si>
  <si>
    <t>mail.google.com/sync/u/0/i/s?hl=pt-BR&amp;c=1112</t>
  </si>
  <si>
    <t>01/17/2020 08:51:49</t>
  </si>
  <si>
    <t>mail.google.com/sync/u/0/i/s?hl=pt-BR&amp;c=1114</t>
  </si>
  <si>
    <t>01/17/2020 08:51:53</t>
  </si>
  <si>
    <t>01/17/2020 08:51:57</t>
  </si>
  <si>
    <t>01/17/2020 08:51:58</t>
  </si>
  <si>
    <t>01/17/2020 08:52:09</t>
  </si>
  <si>
    <t>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ricardodfm@algartech.com.br;senildapdo@algartecnologia.com.br;supervisaobancovotorantim@algartech.com;taysdss@algartech.com;thiagolrc@bv.algartech.com;</t>
  </si>
  <si>
    <t>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ricardodfm@algartech.com.br,senildapdo@algartecnologia.com.br,supervisaobancovotorantim@algartech.com,taysdss@algartech.com,thiagolrc@bv.algartech.com</t>
  </si>
  <si>
    <t>01/17/2020 08:52:25</t>
  </si>
  <si>
    <t>01/17/2020 08:52:50</t>
  </si>
  <si>
    <t>01/17/2020 08:53:10</t>
  </si>
  <si>
    <t>01/17/2020 08:58:41</t>
  </si>
  <si>
    <t>01/17/2020 08:52:56</t>
  </si>
  <si>
    <t>Pausas.txt</t>
  </si>
  <si>
    <t>\\acsfs\profiles$\paulovadc\Pausas.txt</t>
  </si>
  <si>
    <t>01/16/2020 22:08:42</t>
  </si>
  <si>
    <t>01/16/2020 22:08:44</t>
  </si>
  <si>
    <t>01/17/2020 08:57:26</t>
  </si>
  <si>
    <t>11ba4719-52f7-40e6-aa4c-e3b11ec9b77c.tmp</t>
  </si>
  <si>
    <t>\\acsfs\profiles$\rafaelamsv\Downloads\11ba4719-52f7-40e6-aa4c-e3b11ec9b77c.tmp</t>
  </si>
  <si>
    <t>01/17/2020 08:57:38</t>
  </si>
  <si>
    <t>18e564e3-c251-4547-bfba-515e80a5d755.tmp</t>
  </si>
  <si>
    <t>\\acsfs\profiles$\rafaelamsv\Downloads\18e564e3-c251-4547-bfba-515e80a5d755.tmp</t>
  </si>
  <si>
    <t>01/17/2020 08:58:51</t>
  </si>
  <si>
    <t>01/17/2020 08:59:41</t>
  </si>
  <si>
    <t>8141055a-6b5f-42c4-979d-3d0162480979.tmp</t>
  </si>
  <si>
    <t>\\acsfs\profiles$\fabianafv\Downloads\8141055a-6b5f-42c4-979d-3d0162480979.tmp</t>
  </si>
  <si>
    <t>01/17/2020 08:55:48</t>
  </si>
  <si>
    <t>01/17/2020 09:01:41</t>
  </si>
  <si>
    <t>9c4ed76e-d452-4fe8-ba0a-abc9cb3064d4.tmp</t>
  </si>
  <si>
    <t>\\acsfs\profiles$\talitafdc\Downloads\9c4ed76e-d452-4fe8-ba0a-abc9cb3064d4.tmp</t>
  </si>
  <si>
    <t>01/17/2020 09:00:45</t>
  </si>
  <si>
    <t>2f28ca25-2385-4fe6-add8-b6a3d8f34674.tmp</t>
  </si>
  <si>
    <t>\\acsfs\profiles$\sarahbal\Downloads\2f28ca25-2385-4fe6-add8-b6a3d8f34674.tmp</t>
  </si>
  <si>
    <t>01/17/2020 09:00:14</t>
  </si>
  <si>
    <t>01/17/2020 09:00:52</t>
  </si>
  <si>
    <t>01/17/2020 09:02:40</t>
  </si>
  <si>
    <t>d50e3be3-0956-48ad-b3b2-66a524003bda.tmp</t>
  </si>
  <si>
    <t>\\acsfs\profiles$\gabriellalpr\Downloads\d50e3be3-0956-48ad-b3b2-66a524003bda.tmp</t>
  </si>
  <si>
    <t>01/17/2020 09:01:14</t>
  </si>
  <si>
    <t>5f805a4b-c349-40b4-bf89-5b2e9a6e0948.tmp</t>
  </si>
  <si>
    <t>\\acsfs\profiles$\gabriellalpr\Downloads\5f805a4b-c349-40b4-bf89-5b2e9a6e0948.tmp</t>
  </si>
  <si>
    <t>01/17/2020 09:01:38</t>
  </si>
  <si>
    <t>a91e9e41-e238-4bcd-bd8a-c03198a40630.tmp</t>
  </si>
  <si>
    <t>\\acsfs\profiles$\gabriellalpr\Downloads\a91e9e41-e238-4bcd-bd8a-c03198a40630.tmp</t>
  </si>
  <si>
    <t>01/17/2020 09:02:07</t>
  </si>
  <si>
    <t>064e2880-cb09-4721-8288-1a6608d79df4.tmp</t>
  </si>
  <si>
    <t>\\acsfs\profiles$\gabriellalpr\Downloads\064e2880-cb09-4721-8288-1a6608d79df4.tmp</t>
  </si>
  <si>
    <t>01/17/2020 09:02:02</t>
  </si>
  <si>
    <t>766e2b84-3de8-4c31-9b45-cb20e9188224.tmp</t>
  </si>
  <si>
    <t>\\acsfs\profiles$\danielmlds\Downloads\766e2b84-3de8-4c31-9b45-cb20e9188224.tmp</t>
  </si>
  <si>
    <t>01/17/2020 08:58:53</t>
  </si>
  <si>
    <t>17a3636f-c61c-47c8-8dd3-022fe2f2bc15.tmp</t>
  </si>
  <si>
    <t>\\acsfs\profiles$\esterasg\Downloads\17a3636f-c61c-47c8-8dd3-022fe2f2bc15.tmp</t>
  </si>
  <si>
    <t>01/17/2020 08:59:57</t>
  </si>
  <si>
    <t>577378fe-383d-4867-b99d-efbd685c0d8b.tmp</t>
  </si>
  <si>
    <t>\\acsfs\profiles$\esterasg\Downloads\577378fe-383d-4867-b99d-efbd685c0d8b.tmp</t>
  </si>
  <si>
    <t>01/17/2020 09:00:29</t>
  </si>
  <si>
    <t>654ae9d0-4451-471c-9ecf-a0571c9a8e2e.tmp</t>
  </si>
  <si>
    <t>\\acsfs\profiles$\esterasg\Downloads\654ae9d0-4451-471c-9ecf-a0571c9a8e2e.tmp</t>
  </si>
  <si>
    <t>01/17/2020 09:01:08</t>
  </si>
  <si>
    <t>92608cf5-a488-4582-b8a1-5ece8353f920.tmp</t>
  </si>
  <si>
    <t>\\acsfs\profiles$\esterasg\Downloads\92608cf5-a488-4582-b8a1-5ece8353f920.tmp</t>
  </si>
  <si>
    <t>01/17/2020 09:01:37</t>
  </si>
  <si>
    <t>40bb66d2-698c-4753-8b88-970c8e2c5bc2.tmp</t>
  </si>
  <si>
    <t>\\acsfs\profiles$\esterasg\Downloads\40bb66d2-698c-4753-8b88-970c8e2c5bc2.tmp</t>
  </si>
  <si>
    <t>01/17/2020 09:02:30</t>
  </si>
  <si>
    <t>32518771-9287-4f73-8cd6-b6a573d210c0.tmp</t>
  </si>
  <si>
    <t>\\acsfs\profiles$\esterasg\Downloads\32518771-9287-4f73-8cd6-b6a573d210c0.tmp</t>
  </si>
  <si>
    <t>01/17/2020 08:59:31</t>
  </si>
  <si>
    <t>01/17/2020 09:03:41</t>
  </si>
  <si>
    <t>ad4a69b1-79ed-4f3a-bdbf-7be4abba388d.tmp</t>
  </si>
  <si>
    <t>\\acsfs\profiles$\monicargds\Downloads\ad4a69b1-79ed-4f3a-bdbf-7be4abba388d.tmp</t>
  </si>
  <si>
    <t>01/17/2020 09:01:43</t>
  </si>
  <si>
    <t>Lucasbs</t>
  </si>
  <si>
    <t>e2b0d050-a8b6-430b-b422-900b2752676e.tmp</t>
  </si>
  <si>
    <t>\\acsfs\profiles$\LUCASBS\Downloads\e2b0d050-a8b6-430b-b422-900b2752676e.tmp</t>
  </si>
  <si>
    <t>01/17/2020 09:02:20</t>
  </si>
  <si>
    <t>e710a669-e484-4461-8327-d19a0a35aa82.tmp</t>
  </si>
  <si>
    <t>\\acsfs\profiles$\Flaviojmm\Downloads\e710a669-e484-4461-8327-d19a0a35aa82.tmp</t>
  </si>
  <si>
    <t>01/17/2020 09:03:23</t>
  </si>
  <si>
    <t>049d7db4-d9b4-413f-aefe-e167a45244af.tmp</t>
  </si>
  <si>
    <t>\\acsfs\profiles$\Flaviojmm\Downloads\049d7db4-d9b4-413f-aefe-e167a45244af.tmp</t>
  </si>
  <si>
    <t>01/17/2020 09:00:39</t>
  </si>
  <si>
    <t>01/17/2020 09:04:40</t>
  </si>
  <si>
    <t>01/17/2020 09:02:37</t>
  </si>
  <si>
    <t>01/17/2020 09:02:59</t>
  </si>
  <si>
    <t>aa497b31-d332-4b9c-b52e-282df198226b.tmp</t>
  </si>
  <si>
    <t>\\acsfs\profiles$\fabianafv\Downloads\aa497b31-d332-4b9c-b52e-282df198226b.tmp</t>
  </si>
  <si>
    <t>01/17/2020 09:02:44</t>
  </si>
  <si>
    <t>2af1fad0-62fd-4b8e-bf88-4d12359ada80.tmp</t>
  </si>
  <si>
    <t>\\acsfs\profiles$\fabianafv\Downloads\2af1fad0-62fd-4b8e-bf88-4d12359ada80.tmp</t>
  </si>
  <si>
    <t>01/17/2020 09:05:41</t>
  </si>
  <si>
    <t>01/17/2020 09:04:06</t>
  </si>
  <si>
    <t>\\acsfs\profiles$\LUCASQDSS\Favorites\Cartão Protegido - MAPFRE.url\</t>
  </si>
  <si>
    <t>\\acsfs\profiles$\LUCASQDSS\Favorites\Cartão Protegido - MAPFRE.url\:favicon:$DATA</t>
  </si>
  <si>
    <t>\\acsfs\profiles$\LUCASQDSS\Favorites\</t>
  </si>
  <si>
    <t>Cartão Protegido - MAPFRE.url</t>
  </si>
  <si>
    <t>\\acsfs\profiles$\LUCASQDSS\Favorites\Cartão Protegido - MAPFRE.url</t>
  </si>
  <si>
    <t>01/17/2020 09:01:58</t>
  </si>
  <si>
    <t>01/17/2020 09:06:40</t>
  </si>
  <si>
    <t>c4a0c293-cb0e-4459-afb1-74145b35f1f9.tmp</t>
  </si>
  <si>
    <t>\\acsfs\profiles$\gabrielhca\Downloads\c4a0c293-cb0e-4459-afb1-74145b35f1f9.tmp</t>
  </si>
  <si>
    <t>01/17/2020 09:02:27</t>
  </si>
  <si>
    <t>cf9032c5-501e-4b0e-9c04-0996034ac6f8.tmp</t>
  </si>
  <si>
    <t>\\acsfs\profiles$\gabrielhca\Downloads\cf9032c5-501e-4b0e-9c04-0996034ac6f8.tmp</t>
  </si>
  <si>
    <t>01/17/2020 09:03:56</t>
  </si>
  <si>
    <t>787bd5df-5e8c-4b77-a28d-b214fb5e833c.tmp</t>
  </si>
  <si>
    <t>\\acsfs\profiles$\gabrielhca\Downloads\787bd5df-5e8c-4b77-a28d-b214fb5e833c.tmp</t>
  </si>
  <si>
    <t>01/17/2020 09:04:02</t>
  </si>
  <si>
    <t>e3c6957a-a569-47cb-b98f-25433f4c154f.tmp</t>
  </si>
  <si>
    <t>\\acsfs\profiles$\gabrielhca\Downloads\e3c6957a-a569-47cb-b98f-25433f4c154f.tmp</t>
  </si>
  <si>
    <t>01/17/2020 09:04:10</t>
  </si>
  <si>
    <t>bf7df319-5255-41d4-9f17-b75f40e715d7.tmp</t>
  </si>
  <si>
    <t>\\acsfs\profiles$\gabrielhca\Downloads\bf7df319-5255-41d4-9f17-b75f40e715d7.tmp</t>
  </si>
  <si>
    <t>01/17/2020 09:05:46</t>
  </si>
  <si>
    <t>246ef06d-38bf-4e00-9be7-c2f06adffd28.tmp</t>
  </si>
  <si>
    <t>\\acsfs\profiles$\lucasgpe\Downloads\246ef06d-38bf-4e00-9be7-c2f06adffd28.tmp</t>
  </si>
  <si>
    <t>01/17/2020 09:02:32</t>
  </si>
  <si>
    <t>01/17/2020 09:04:50</t>
  </si>
  <si>
    <t>01/17/2020 09:05:06</t>
  </si>
  <si>
    <t>01/17/2020 09:03:14</t>
  </si>
  <si>
    <t>01/17/2020 09:05:44</t>
  </si>
  <si>
    <t>01/17/2020 09:06:14</t>
  </si>
  <si>
    <t>01/17/2020 09:04:44</t>
  </si>
  <si>
    <t>01/17/2020 09:07:41</t>
  </si>
  <si>
    <t>c28ae891-bd36-45f2-88dd-eeaaa8539504.tmp</t>
  </si>
  <si>
    <t>\\acsfs\profiles$\gabriellalpr\Downloads\c28ae891-bd36-45f2-88dd-eeaaa8539504.tmp</t>
  </si>
  <si>
    <t>01/17/2020 09:09:41</t>
  </si>
  <si>
    <t>01/17/2020 09:04:03</t>
  </si>
  <si>
    <t>e2114aaf-0b96-4a3a-986f-12a17b5c3064.tmp</t>
  </si>
  <si>
    <t>\\acsfs\profiles$\kellzylenneasr\Downloads\e2114aaf-0b96-4a3a-986f-12a17b5c3064.tmp</t>
  </si>
  <si>
    <t>01/17/2020 09:04:35</t>
  </si>
  <si>
    <t>f8f3459b-2176-4504-9f4e-7e8657d07fbf.tmp</t>
  </si>
  <si>
    <t>\\acsfs\profiles$\kellzylenneasr\Downloads\f8f3459b-2176-4504-9f4e-7e8657d07fbf.tmp</t>
  </si>
  <si>
    <t>01/17/2020 09:05:29</t>
  </si>
  <si>
    <t>01/17/2020 09:05:30</t>
  </si>
  <si>
    <t>01/17/2020 09:06:01</t>
  </si>
  <si>
    <t>01/17/2020 09:06:02</t>
  </si>
  <si>
    <t>01/17/2020 09:07:27</t>
  </si>
  <si>
    <t>01/17/2020 09:07:37</t>
  </si>
  <si>
    <t>01/17/2020 09:07:40</t>
  </si>
  <si>
    <t>01/17/2020 09:08:20</t>
  </si>
  <si>
    <t>01/17/2020 09:07:50</t>
  </si>
  <si>
    <t>01/17/2020 09:10:40</t>
  </si>
  <si>
    <t>0866993a-3055-41a7-9c7c-c385239cb886.tmp</t>
  </si>
  <si>
    <t>\\acsfs\profiles$\isabellegtds\Downloads\0866993a-3055-41a7-9c7c-c385239cb886.tmp</t>
  </si>
  <si>
    <t>01/17/2020 09:09:07</t>
  </si>
  <si>
    <t>2a2d0d9b-9b3e-403e-a2c6-3134241823c8.tmp</t>
  </si>
  <si>
    <t>\\acsfs\profiles$\isabellegtds\Downloads\2a2d0d9b-9b3e-403e-a2c6-3134241823c8.tmp</t>
  </si>
  <si>
    <t>01/17/2020 09:09:18</t>
  </si>
  <si>
    <t>6f277401-d61c-4a32-b00c-a858dec99c7d.tmp</t>
  </si>
  <si>
    <t>\\acsfs\profiles$\isabellegtds\Downloads\6f277401-d61c-4a32-b00c-a858dec99c7d.tmp</t>
  </si>
  <si>
    <t>01/17/2020 09:09:32</t>
  </si>
  <si>
    <t>c2c84d04-b180-4403-bf73-0f0fbc5125ff.tmp</t>
  </si>
  <si>
    <t>\\acsfs\profiles$\ayalabfi\Downloads\c2c84d04-b180-4403-bf73-0f0fbc5125ff.tmp</t>
  </si>
  <si>
    <t>01/17/2020 09:06:46</t>
  </si>
  <si>
    <t>01/17/2020 09:11:41</t>
  </si>
  <si>
    <t>01/17/2020 09:08:44</t>
  </si>
  <si>
    <t>5a0e4e73-cfdd-45c7-9402-8b88829fdfb9.tmp</t>
  </si>
  <si>
    <t>\\acsfs\profiles$\lucasgpe\Downloads\5a0e4e73-cfdd-45c7-9402-8b88829fdfb9.tmp</t>
  </si>
  <si>
    <t>01/17/2020 09:10:12</t>
  </si>
  <si>
    <t>01/17/2020 09:07:44</t>
  </si>
  <si>
    <t>01/17/2020 09:08:14</t>
  </si>
  <si>
    <t>01/17/2020 09:11:14</t>
  </si>
  <si>
    <t>01/17/2020 09:12:40</t>
  </si>
  <si>
    <t>01/17/2020 09:09:27</t>
  </si>
  <si>
    <t>01/17/2020 09:13:41</t>
  </si>
  <si>
    <t>b4bd1342-2173-40a3-9210-f3e59d681f17.tmp</t>
  </si>
  <si>
    <t>\\acsfs\profiles$\LUCASBS\Downloads\b4bd1342-2173-40a3-9210-f3e59d681f17.tmp</t>
  </si>
  <si>
    <t>01/17/2020 09:11:12</t>
  </si>
  <si>
    <t>01/17/2020 09:09:05</t>
  </si>
  <si>
    <t>\\acsfs\profiles$\FLAVIOJMM\My Documents\</t>
  </si>
  <si>
    <t>\\acsfs\profiles$\FLAVIOJMM\My Documents\.~lock.Reneg Vcto 17-01 Flavio.ods#</t>
  </si>
  <si>
    <t>01/17/2020 09:11:17</t>
  </si>
  <si>
    <t>01/17/2020 09:14:40</t>
  </si>
  <si>
    <t>29184e56-625b-4cfe-a436-565cf2245ada.tmp</t>
  </si>
  <si>
    <t>\\acsfs\profiles$\esterasg\Downloads\29184e56-625b-4cfe-a436-565cf2245ada.tmp</t>
  </si>
  <si>
    <t>01/17/2020 09:11:54</t>
  </si>
  <si>
    <t>149cbdbc-7ad7-40f5-8662-0a7b649ec178.tmp</t>
  </si>
  <si>
    <t>\\acsfs\profiles$\esterasg\Downloads\149cbdbc-7ad7-40f5-8662-0a7b649ec178.tmp</t>
  </si>
  <si>
    <t>01/17/2020 09:13:06</t>
  </si>
  <si>
    <t>\\acsfs\profiles$\milennyss\My Documents\</t>
  </si>
  <si>
    <t>Acessos.txt</t>
  </si>
  <si>
    <t>\\acsfs\profiles$\milennyss\My Documents\Acessos.txt</t>
  </si>
  <si>
    <t>01/17/2020 09:10:27</t>
  </si>
  <si>
    <t>01/17/2020 09:15:40</t>
  </si>
  <si>
    <t>01/17/2020 09:16:40</t>
  </si>
  <si>
    <t>ba7d57d2-3360-4720-bff9-4f3a631006bf.tmp</t>
  </si>
  <si>
    <t>\\acsfs\profiles$\marcosvnds\Downloads\ba7d57d2-3360-4720-bff9-4f3a631006bf.tmp</t>
  </si>
  <si>
    <t>01/17/2020 09:15:37</t>
  </si>
  <si>
    <t>264535fc-91a4-4005-b004-70ce13339bfe.tmp</t>
  </si>
  <si>
    <t>\\acsfs\profiles$\lucasgpe\Downloads\264535fc-91a4-4005-b004-70ce13339bfe.tmp</t>
  </si>
  <si>
    <t>01/17/2020 09:12:44</t>
  </si>
  <si>
    <t>a1c0b305-9e9b-482c-8ba5-bbd8ab921e67.tmp</t>
  </si>
  <si>
    <t>\\acsfs\profiles$\gabrielaff\Downloads\a1c0b305-9e9b-482c-8ba5-bbd8ab921e67.tmp</t>
  </si>
  <si>
    <t>9ac3f590-49d8-4286-aa93-97d8e33eb5f9.tmp</t>
  </si>
  <si>
    <t>\\acsfs\profiles$\gabrielaff\Downloads\9ac3f590-49d8-4286-aa93-97d8e33eb5f9.tmp</t>
  </si>
  <si>
    <t>01/17/2020 09:13:55</t>
  </si>
  <si>
    <t>47d69fa2-6b0f-4059-b87d-82b1cfc363c0.tmp</t>
  </si>
  <si>
    <t>\\acsfs\profiles$\gabrielaff\Downloads\47d69fa2-6b0f-4059-b87d-82b1cfc363c0.tmp</t>
  </si>
  <si>
    <t>01/17/2020 09:14:25</t>
  </si>
  <si>
    <t>a260514c-ee57-4396-b616-cda213bca0e0.tmp</t>
  </si>
  <si>
    <t>\\acsfs\profiles$\gabrielaff\Downloads\a260514c-ee57-4396-b616-cda213bca0e0.tmp</t>
  </si>
  <si>
    <t>01/17/2020 09:12:39</t>
  </si>
  <si>
    <t>01/17/2020 09:15:42</t>
  </si>
  <si>
    <t>.~lock.ATIVO BV CARTÕES.ods#</t>
  </si>
  <si>
    <t>\\acsfs\profiles$\dhiulliananads\My Documents\.~lock.ATIVO BV CARTÕES.ods#</t>
  </si>
  <si>
    <t>01/17/2020 09:15:44</t>
  </si>
  <si>
    <t>01/17/2020 09:19:40</t>
  </si>
  <si>
    <t>01/17/2020 09:15:28</t>
  </si>
  <si>
    <t>132e611c-e779-45a5-b4bb-1b1e8691f73f.tmp</t>
  </si>
  <si>
    <t>\\acsfs\profiles$\esterasg\Downloads\132e611c-e779-45a5-b4bb-1b1e8691f73f.tmp</t>
  </si>
  <si>
    <t>01/17/2020 09:15:52</t>
  </si>
  <si>
    <t>fe387606-247d-49ee-a991-776b3055d3e8.tmp</t>
  </si>
  <si>
    <t>\\acsfs\profiles$\PEDROHAB\Downloads\fe387606-247d-49ee-a991-776b3055d3e8.tmp</t>
  </si>
  <si>
    <t>01/17/2020 09:15:53</t>
  </si>
  <si>
    <t>51d48f1f-f193-4e2a-b482-04a8950b871e.tmp</t>
  </si>
  <si>
    <t>\\acsfs\profiles$\PEDROHAB\Downloads\51d48f1f-f193-4e2a-b482-04a8950b871e.tmp</t>
  </si>
  <si>
    <t>01/17/2020 09:18:55</t>
  </si>
  <si>
    <t>10.200.67.6</t>
  </si>
  <si>
    <t>58d174c6-3048-49fb-979d-a24093096cb0.tmp</t>
  </si>
  <si>
    <t>\\acsfs\profiles$\geovannasm\Downloads\58d174c6-3048-49fb-979d-a24093096cb0.tmp</t>
  </si>
  <si>
    <t>01/17/2020 09:17:52</t>
  </si>
  <si>
    <t>01/17/2020 09:21:40</t>
  </si>
  <si>
    <t>01/17/2020 09:17:14</t>
  </si>
  <si>
    <t>20bc96d0-5ff7-4e18-b436-042c5622dc5c.tmp</t>
  </si>
  <si>
    <t>\\acsfs\profiles$\gabrielaff\Downloads\20bc96d0-5ff7-4e18-b436-042c5622dc5c.tmp</t>
  </si>
  <si>
    <t>01/17/2020 09:18:16</t>
  </si>
  <si>
    <t>ae1e3ccf-754d-48f6-a7dc-972caf71fa2b.tmp</t>
  </si>
  <si>
    <t>\\acsfs\profiles$\gabrielaff\Downloads\ae1e3ccf-754d-48f6-a7dc-972caf71fa2b.tmp</t>
  </si>
  <si>
    <t>01/17/2020 09:18:27</t>
  </si>
  <si>
    <t>01/17/2020 09:19:23</t>
  </si>
  <si>
    <t>01/17/2020 09:19:24</t>
  </si>
  <si>
    <t>01/17/2020 09:18:44</t>
  </si>
  <si>
    <t>01/17/2020 09:23:40</t>
  </si>
  <si>
    <t>01/17/2020 09:22:49</t>
  </si>
  <si>
    <t>01/17/2020 09:22:51</t>
  </si>
  <si>
    <t>01/17/2020 09:24:41</t>
  </si>
  <si>
    <t>01/17/2020 09:20:39</t>
  </si>
  <si>
    <t>9cbae7b3-be90-486f-9ee3-6638d6a08d05.tmp</t>
  </si>
  <si>
    <t>\\acsfs\profiles$\larissaad\Downloads\9cbae7b3-be90-486f-9ee3-6638d6a08d05.tmp</t>
  </si>
  <si>
    <t>01/17/2020 09:23:23</t>
  </si>
  <si>
    <t>bed68132-a3e9-4348-aa25-96070d5aadd4.tmp</t>
  </si>
  <si>
    <t>\\acsfs\profiles$\rafaelacdoc\Downloads\bed68132-a3e9-4348-aa25-96070d5aadd4.tmp</t>
  </si>
  <si>
    <t>01/17/2020 09:19:36</t>
  </si>
  <si>
    <t>e2da5cbd-ee7b-45fb-9bc9-f14026d74095.tmp</t>
  </si>
  <si>
    <t>\\acsfs\profiles$\lorrainerdl\Downloads\e2da5cbd-ee7b-45fb-9bc9-f14026d74095.tmp</t>
  </si>
  <si>
    <t>01/17/2020 09:22:26</t>
  </si>
  <si>
    <t>ce1cb0f0-b008-4a47-988f-3b20120b1b83.tmp</t>
  </si>
  <si>
    <t>\\acsfs\profiles$\fabianafv\Downloads\ce1cb0f0-b008-4a47-988f-3b20120b1b83.tmp</t>
  </si>
  <si>
    <t>01/17/2020 09:20:05</t>
  </si>
  <si>
    <t>e290075d-ddad-4f19-8f91-90b23f7c8cdd.tmp</t>
  </si>
  <si>
    <t>\\acsfs\profiles$\geovannasm\Downloads\e290075d-ddad-4f19-8f91-90b23f7c8cdd.tmp</t>
  </si>
  <si>
    <t>01/17/2020 09:20:15</t>
  </si>
  <si>
    <t>7c683f23-f97d-499d-8a76-a6e8fef3f4e3.tmp</t>
  </si>
  <si>
    <t>\\acsfs\profiles$\geovannasm\Downloads\7c683f23-f97d-499d-8a76-a6e8fef3f4e3.tmp</t>
  </si>
  <si>
    <t>01/17/2020 09:21:03</t>
  </si>
  <si>
    <t>01/17/2020 09:25:40</t>
  </si>
  <si>
    <t>01/17/2020 09:21:09</t>
  </si>
  <si>
    <t>bvcartes-supervisores@algarnet.onmicrosoft.com;bvs-planejamentodeoperacoesetrafego@bv.com.br;joaogvc@algartech.com;leonardoao@algartech.com;marianadjc@algartech.com;paulacn@algartech.com;planejamentodeoperacoesetrafego@bv.com.br;raphaelmco@algartech.com.br;ricardodfm@algartech.com.br;taysdss@algartech.com;viniciussg@algartech.com;</t>
  </si>
  <si>
    <t>bvcartes-supervisores@algarnet.onmicrosoft.com,bvs-planejamentodeoperacoesetrafego@bv.com.br,joaogvc@algartech.com,leonardoao@algartech.com,marianadjc@algartech.com,paulacn@algartech.com,planejamentodeoperacoesetrafego@bv.com.br,raphaelmco@algartech.com.br,ricardodfm@algartech.com.br,taysdss@algartech.com,viniciussg@algartech.com</t>
  </si>
  <si>
    <t>01/17/2020 09:21:38</t>
  </si>
  <si>
    <t>01/17/2020 09:22:17</t>
  </si>
  <si>
    <t>01/17/2020 09:22:20</t>
  </si>
  <si>
    <t>01/17/2020 09:22:25</t>
  </si>
  <si>
    <t>01/17/2020 09:22:35</t>
  </si>
  <si>
    <t>mail.google.com/sync/u/0/i/s?hl=pt-BR&amp;c=395</t>
  </si>
  <si>
    <t>01/17/2020 09:21:05</t>
  </si>
  <si>
    <t>9e10fad8-30d0-45e0-b1fe-715bc44063c9.tmp</t>
  </si>
  <si>
    <t>\\acsfs\profiles$\ayalabfi\Downloads\9e10fad8-30d0-45e0-b1fe-715bc44063c9.tmp</t>
  </si>
  <si>
    <t>01/17/2020 09:26:40</t>
  </si>
  <si>
    <t>01/17/2020 09:21:44</t>
  </si>
  <si>
    <t>01/17/2020 09:22:14</t>
  </si>
  <si>
    <t>01/17/2020 09:26:43</t>
  </si>
  <si>
    <t>01/17/2020 09:27:40</t>
  </si>
  <si>
    <t>01/17/2020 09:26:49</t>
  </si>
  <si>
    <t>01/17/2020 09:28:41</t>
  </si>
  <si>
    <t>01/17/2020 09:26:37</t>
  </si>
  <si>
    <t>01/17/2020 09:27:34</t>
  </si>
  <si>
    <t>01/17/2020 09:27:37</t>
  </si>
  <si>
    <t>01/17/2020 09:27:55</t>
  </si>
  <si>
    <t>01/17/2020 09:28:02</t>
  </si>
  <si>
    <t>01/17/2020 09:28:09</t>
  </si>
  <si>
    <t>01/17/2020 09:24:17</t>
  </si>
  <si>
    <t>01/17/2020 09:29:41</t>
  </si>
  <si>
    <t>69f3465d-a088-4b5b-881c-a52b2bf27c3c.tmp</t>
  </si>
  <si>
    <t>\\acsfs\profiles$\websondsa\Downloads\69f3465d-a088-4b5b-881c-a52b2bf27c3c.tmp</t>
  </si>
  <si>
    <t>01/17/2020 09:24:04</t>
  </si>
  <si>
    <t>01/17/2020 09:25:31</t>
  </si>
  <si>
    <t>44f26e33-7769-479b-aa05-3f024c2f34b7.tmp</t>
  </si>
  <si>
    <t>\\acsfs\profiles$\rafaelacdoc\Downloads\44f26e33-7769-479b-aa05-3f024c2f34b7.tmp</t>
  </si>
  <si>
    <t>01/17/2020 09:28:44</t>
  </si>
  <si>
    <t>0c626b05-cccc-4d5d-88f2-b80a9e847666.tmp</t>
  </si>
  <si>
    <t>\\acsfs\profiles$\nathaliarmr\Downloads\0c626b05-cccc-4d5d-88f2-b80a9e847666.tmp</t>
  </si>
  <si>
    <t>01/17/2020 09:25:59</t>
  </si>
  <si>
    <t>YuriCS</t>
  </si>
  <si>
    <t>\\acsfs\profiles$\yurics\Downloads\</t>
  </si>
  <si>
    <t>b3ddb925-4066-4931-be59-16b94b6c4990.tmp</t>
  </si>
  <si>
    <t>\\acsfs\profiles$\yurics\Downloads\b3ddb925-4066-4931-be59-16b94b6c4990.tmp</t>
  </si>
  <si>
    <t>01/17/2020 09:28:31</t>
  </si>
  <si>
    <t>4f03f388-8f96-4e16-8f6d-8c87568dc8c6.tmp</t>
  </si>
  <si>
    <t>\\acsfs\profiles$\yurics\Downloads\4f03f388-8f96-4e16-8f6d-8c87568dc8c6.tmp</t>
  </si>
  <si>
    <t>01/17/2020 09:28:47</t>
  </si>
  <si>
    <t>a52c569f-edb3-45a5-980e-7ae66aec51ea.tmp</t>
  </si>
  <si>
    <t>\\acsfs\profiles$\yurics\Downloads\a52c569f-edb3-45a5-980e-7ae66aec51ea.tmp</t>
  </si>
  <si>
    <t>01/17/2020 09:29:07</t>
  </si>
  <si>
    <t>34f42924-fbee-4055-a7b2-278c39e78709.tmp</t>
  </si>
  <si>
    <t>\\acsfs\profiles$\yurics\Downloads\34f42924-fbee-4055-a7b2-278c39e78709.tmp</t>
  </si>
  <si>
    <t>01/17/2020 09:29:24</t>
  </si>
  <si>
    <t>b877f5a4-3c7e-4143-a5fa-7b9926514f4d.tmp</t>
  </si>
  <si>
    <t>\\acsfs\profiles$\yurics\Downloads\b877f5a4-3c7e-4143-a5fa-7b9926514f4d.tmp</t>
  </si>
  <si>
    <t>01/17/2020 09:29:26</t>
  </si>
  <si>
    <t>01/17/2020 09:30:41</t>
  </si>
  <si>
    <t>\\acsfs\DEPTOS\Operacao\Banco_Votorantim\Qualidade\Eliane\Contestação MUTANT DEZEMBRO\</t>
  </si>
  <si>
    <t>Fechamento DEZEMBRO.txt</t>
  </si>
  <si>
    <t>\\acsfs\DEPTOS\Operacao\Banco_Votorantim\Qualidade\Eliane\Contestação MUTANT DEZEMBRO\Fechamento DEZEMBRO.txt</t>
  </si>
  <si>
    <t>01/17/2020 09:31:41</t>
  </si>
  <si>
    <t>01/17/2020 09:27:45</t>
  </si>
  <si>
    <t>01/17/2020 09:28:45</t>
  </si>
  <si>
    <t>01/17/2020 09:30:45</t>
  </si>
  <si>
    <t>01/17/2020 09:31:15</t>
  </si>
  <si>
    <t>01/17/2020 09:31:28</t>
  </si>
  <si>
    <t>01/17/2020 09:32:40</t>
  </si>
  <si>
    <t>\\acsfs\profiles$\antoniosva\My Documents\xworkcenter\logs\</t>
  </si>
  <si>
    <t>XLOG_antoniosva_17012020_084215.log</t>
  </si>
  <si>
    <t>\\acsfs\profiles$\antoniosva\My Documents\xworkcenter\logs\XLOG_antoniosva_17012020_084215.log</t>
  </si>
  <si>
    <t>01/17/2020 09:30:51</t>
  </si>
  <si>
    <t>141e5ce4-d2f3-40cf-b5a2-d715e3dc3d35.tmp</t>
  </si>
  <si>
    <t>\\acsfs\profiles$\luanarda\Downloads\141e5ce4-d2f3-40cf-b5a2-d715e3dc3d35.tmp</t>
  </si>
  <si>
    <t>01/17/2020 09:28:29</t>
  </si>
  <si>
    <t>01/17/2020 09:33:41</t>
  </si>
  <si>
    <t>01/17/2020 09:28:52</t>
  </si>
  <si>
    <t>01/17/2020 09:29:18</t>
  </si>
  <si>
    <t>01/17/2020 09:29:27</t>
  </si>
  <si>
    <t>01/17/2020 09:29:38</t>
  </si>
  <si>
    <t>01/17/2020 09:30:34</t>
  </si>
  <si>
    <t>CASO 00820786 - CAROLINE RODRIGUES DA SILVA COUTINHO.pdf</t>
  </si>
  <si>
    <t>\\acsfs\Deptos\EDUCACAO EMPRESARIAL\KÉSIA\OUVIDORIA, PROCON, BACEN E RECLAME AQUI\CASO 00820786 - CAROLINE RODRIGUES DA SILVA COUTINHO.pdf</t>
  </si>
  <si>
    <t>01/17/2020 09:30:53</t>
  </si>
  <si>
    <t>01/17/2020 09:31:17</t>
  </si>
  <si>
    <t>01/17/2020 09:31:21</t>
  </si>
  <si>
    <t>01/17/2020 09:31:22</t>
  </si>
  <si>
    <t>01/17/2020 09:31:24</t>
  </si>
  <si>
    <t>01/17/2020 09:32:09</t>
  </si>
  <si>
    <t>01/17/2020 09:30:36</t>
  </si>
  <si>
    <t>01/17/2020 09:34:41</t>
  </si>
  <si>
    <t>01/17/2020 09:29:44</t>
  </si>
  <si>
    <t>6608379f-1a9c-4725-95fc-e2ffeb6cf860.tmp</t>
  </si>
  <si>
    <t>\\acsfs\profiles$\lorrainerdl\Downloads\6608379f-1a9c-4725-95fc-e2ffeb6cf860.tmp</t>
  </si>
  <si>
    <t>01/17/2020 09:33:33</t>
  </si>
  <si>
    <t>906604b8-ac6e-46bb-9e81-e06e1c482b82.tmp</t>
  </si>
  <si>
    <t>\\acsfs\profiles$\PEDROHAB\Downloads\906604b8-ac6e-46bb-9e81-e06e1c482b82.tmp</t>
  </si>
  <si>
    <t>01/17/2020 09:30:54</t>
  </si>
  <si>
    <t>9fe90df0-7922-44c9-94f7-ce7f2938e47d.tmp</t>
  </si>
  <si>
    <t>\\acsfs\profiles$\nathaliarmr\Downloads\9fe90df0-7922-44c9-94f7-ce7f2938e47d.tmp</t>
  </si>
  <si>
    <t>01/17/2020 09:31:50</t>
  </si>
  <si>
    <t>c92b244e-4480-4540-98a5-673db2da7e78.tmp</t>
  </si>
  <si>
    <t>\\acsfs\profiles$\nathaliarmr\Downloads\c92b244e-4480-4540-98a5-673db2da7e78.tmp</t>
  </si>
  <si>
    <t>01/17/2020 09:30:18</t>
  </si>
  <si>
    <t>01/17/2020 09:35:40</t>
  </si>
  <si>
    <t>https://bvcartes-supervisores@algarnet.onmicrosoft.com,bvs-planejamentodeoperacoesetrafego@bv.com.br,joaogvc@algartech.com,leonardoao@algartech.com,marianadjc@algartech.com,paulacn@algartech.com,planejamentodeoperacoesetrafego@bv.com.br,raphaelmco@algartech.com.br,ricardodfm@algartech.com.br,taysdss@algartech.com,viniciussg@algartech.com</t>
  </si>
  <si>
    <t>01/17/2020 09:31:43</t>
  </si>
  <si>
    <t>01/17/2020 09:36:41</t>
  </si>
  <si>
    <t>e63e5ab3-6123-4cf5-b9cf-7aa1f77ce562.tmp</t>
  </si>
  <si>
    <t>\\acsfs\profiles$\lucasgpe\Downloads\e63e5ab3-6123-4cf5-b9cf-7aa1f77ce562.tmp</t>
  </si>
  <si>
    <t>01/17/2020 09:34:13</t>
  </si>
  <si>
    <t>934a61b5-66fb-48f0-839f-f278156da465.tmp</t>
  </si>
  <si>
    <t>\\acsfs\profiles$\lucasgpe\Downloads\934a61b5-66fb-48f0-839f-f278156da465.tmp</t>
  </si>
  <si>
    <t>01/17/2020 09:34:01</t>
  </si>
  <si>
    <t>01/17/2020 09:32:01</t>
  </si>
  <si>
    <t>01/17/2020 09:32:51</t>
  </si>
  <si>
    <t>mail.google.com/sync/u/0/i/s?hl=pt-BR&amp;c=1130</t>
  </si>
  <si>
    <t>01/17/2020 09:33:20</t>
  </si>
  <si>
    <t>mail.google.com/sync/u/0/i/s?hl=pt-BR&amp;c=1134</t>
  </si>
  <si>
    <t>01/17/2020 09:33:28</t>
  </si>
  <si>
    <t>01/17/2020 09:33:50</t>
  </si>
  <si>
    <t>01/17/2020 09:33:55</t>
  </si>
  <si>
    <t>mail.google.com/sync/u/0/i/s?hl=pt-BR&amp;c=1142</t>
  </si>
  <si>
    <t>01/17/2020 09:34:16</t>
  </si>
  <si>
    <t>01/17/2020 09:34:19</t>
  </si>
  <si>
    <t>01/17/2020 09:34:33</t>
  </si>
  <si>
    <t>01/17/2020 09:36:15</t>
  </si>
  <si>
    <t>01/17/2020 09:37:40</t>
  </si>
  <si>
    <t>01/17/2020 09:35:46</t>
  </si>
  <si>
    <t>efeb7c66-df93-4647-8e58-2b1a96e9bc3e.tmp</t>
  </si>
  <si>
    <t>\\acsfs\profiles$\danielmlds\Downloads\efeb7c66-df93-4647-8e58-2b1a96e9bc3e.tmp</t>
  </si>
  <si>
    <t>01/17/2020 09:38:41</t>
  </si>
  <si>
    <t>01/17/2020 09:39:41</t>
  </si>
  <si>
    <t>e8664419-0945-4fb1-b8ac-db763e8f7432.tmp</t>
  </si>
  <si>
    <t>\\acsfs\profiles$\larissaad\Downloads\e8664419-0945-4fb1-b8ac-db763e8f7432.tmp</t>
  </si>
  <si>
    <t>01/17/2020 09:38:15</t>
  </si>
  <si>
    <t>59043dc9-5e5e-40a5-a40e-0721484044d1.tmp</t>
  </si>
  <si>
    <t>\\acsfs\profiles$\leticiala\Downloads\59043dc9-5e5e-40a5-a40e-0721484044d1.tmp</t>
  </si>
  <si>
    <t>01/17/2020 09:38:48</t>
  </si>
  <si>
    <t>01/17/2020 09:40:41</t>
  </si>
  <si>
    <t>01/17/2020 09:38:51</t>
  </si>
  <si>
    <t>5f4a189e-3d6d-422c-96e4-38a5cf6cd43f.tmp</t>
  </si>
  <si>
    <t>\\acsfs\profiles$\jhonatadss\Downloads\5f4a189e-3d6d-422c-96e4-38a5cf6cd43f.tmp</t>
  </si>
  <si>
    <t>44012c17-4d09-4471-a060-e73dbb5cdfb6.tmp</t>
  </si>
  <si>
    <t>\\acsfs\profiles$\jhonatadss\Downloads\44012c17-4d09-4471-a060-e73dbb5cdfb6.tmp</t>
  </si>
  <si>
    <t>01/17/2020 09:39:43</t>
  </si>
  <si>
    <t>5004bcb7-ecc2-4cc8-ac5c-18b6d29bb524.tmp</t>
  </si>
  <si>
    <t>\\acsfs\profiles$\jhonatadss\Downloads\5004bcb7-ecc2-4cc8-ac5c-18b6d29bb524.tmp</t>
  </si>
  <si>
    <t>01/17/2020 09:41:41</t>
  </si>
  <si>
    <t>01/17/2020 09:38:33</t>
  </si>
  <si>
    <t>0bbed4cb-8e64-497e-97c2-18341ea1ac1d.tmp</t>
  </si>
  <si>
    <t>\\acsfs\profiles$\adelvinsonle\Downloads\0bbed4cb-8e64-497e-97c2-18341ea1ac1d.tmp</t>
  </si>
  <si>
    <t>01/17/2020 09:38:39</t>
  </si>
  <si>
    <t>01/17/2020 09:36:45</t>
  </si>
  <si>
    <t>01/17/2020 09:37:45</t>
  </si>
  <si>
    <t>01/17/2020 09:39:45</t>
  </si>
  <si>
    <t>01/17/2020 09:40:45</t>
  </si>
  <si>
    <t>01/17/2020 09:43:41</t>
  </si>
  <si>
    <t>01/17/2020 09:42:12</t>
  </si>
  <si>
    <t>01/17/2020 09:42:17</t>
  </si>
  <si>
    <t>lu649212c9lk.tmp</t>
  </si>
  <si>
    <t>\\acsfs\profiles$\FLAVIOJMM\My Documents\lu649212c9lk.tmp</t>
  </si>
  <si>
    <t>\\acsfs\profiles$\FLAVIOJMM\My Documents\lu649212c9lk.tmp\</t>
  </si>
  <si>
    <t>\\acsfs\profiles$\FLAVIOJMM\My Documents\lu649212c9lk.tmp\META-INF\</t>
  </si>
  <si>
    <t>\\acsfs\profiles$\FLAVIOJMM\My Documents\lu649212c9lk.tmp\Thumbnails\</t>
  </si>
  <si>
    <t>01/17/2020 09:44:41</t>
  </si>
  <si>
    <t>01/17/2020 09:43:30</t>
  </si>
  <si>
    <t>d7197ed1-1639-4149-8996-47c614301ec0.tmp</t>
  </si>
  <si>
    <t>\\acsfs\profiles$\LAISLG\Downloads\d7197ed1-1639-4149-8996-47c614301ec0.tmp</t>
  </si>
  <si>
    <t>01/17/2020 09:45:41</t>
  </si>
  <si>
    <t>01/17/2020 09:40:59</t>
  </si>
  <si>
    <t>71a88402-47a5-41ef-9b78-46175e2e1d4e.tmp</t>
  </si>
  <si>
    <t>\\acsfs\profiles$\jhonatadss\Downloads\71a88402-47a5-41ef-9b78-46175e2e1d4e.tmp</t>
  </si>
  <si>
    <t>01/17/2020 09:41:01</t>
  </si>
  <si>
    <t>b76b649e-af25-4731-a145-61f26c741adb.tmp</t>
  </si>
  <si>
    <t>\\acsfs\profiles$\jhonatadss\Downloads\b76b649e-af25-4731-a145-61f26c741adb.tmp</t>
  </si>
  <si>
    <t>01/17/2020 09:41:07</t>
  </si>
  <si>
    <t>d95035ed-d62a-4687-a983-243005c8a9b0.tmp</t>
  </si>
  <si>
    <t>\\acsfs\profiles$\jhonatadss\Downloads\d95035ed-d62a-4687-a983-243005c8a9b0.tmp</t>
  </si>
  <si>
    <t>01/17/2020 09:42:11</t>
  </si>
  <si>
    <t>f27ab3c7-5934-4cbe-abee-93b78414c374.tmp</t>
  </si>
  <si>
    <t>\\acsfs\profiles$\lucasqdss\Downloads\f27ab3c7-5934-4cbe-abee-93b78414c374.tmp</t>
  </si>
  <si>
    <t>01/17/2020 09:46:41</t>
  </si>
  <si>
    <t>01/17/2020 09:41:47</t>
  </si>
  <si>
    <t>mail.google.com/sync/u/0/i/s?hl=pt-BR&amp;c=1152</t>
  </si>
  <si>
    <t>01/17/2020 09:43:03</t>
  </si>
  <si>
    <t>https://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viniciussg@algartech.com</t>
  </si>
  <si>
    <t>01/17/2020 09:43:40</t>
  </si>
  <si>
    <t>01/17/2020 09:44:03</t>
  </si>
  <si>
    <t>01/17/2020 09:45:53</t>
  </si>
  <si>
    <t>01/17/2020 09:41:45</t>
  </si>
  <si>
    <t>b2f4c17a-becd-4d6a-a956-c88aa4076f55.tmp</t>
  </si>
  <si>
    <t>\\acsfs\profiles$\adelvinsonle\Downloads\b2f4c17a-becd-4d6a-a956-c88aa4076f55.tmp</t>
  </si>
  <si>
    <t>01/17/2020 09:43:15</t>
  </si>
  <si>
    <t>01/17/2020 09:43:45</t>
  </si>
  <si>
    <t>01/17/2020 09:45:16</t>
  </si>
  <si>
    <t>01/17/2020 09:48:41</t>
  </si>
  <si>
    <t>01/16/2020 18:19:12</t>
  </si>
  <si>
    <t>dadosXdocx.xlsx</t>
  </si>
  <si>
    <t>\\acsfs\ACS\Gabriel da Silva\Contemporânea\Acessos\dadosXdocx.xlsx</t>
  </si>
  <si>
    <t>01/16/2020 18:19:36</t>
  </si>
  <si>
    <t>01/16/2020 18:20:08</t>
  </si>
  <si>
    <t>outlook.office.com/owa/service.svc?action=CreateItem&amp;app=Mail&amp;n=431</t>
  </si>
  <si>
    <t>aline.toledo@call.neobpo.com.br;eliane.martins@bv.com.br;erick.barreto@call.neobpo.com.br;renata.farina@bv.com.br;tivit.jsalvino@bv.com.br;valquiria.ghirotti@call.neobpo.com.br;</t>
  </si>
  <si>
    <t>aline.toledo@call.neobpo.com.br,eliane.martins@bv.com.br,erick.barreto@call.neobpo.com.br,renata.farina@bv.com.br,tivit.jsalvino@bv.com.br,valquiria.ghirotti@call.neobpo.com.br</t>
  </si>
  <si>
    <t>01/16/2020 18:20:20</t>
  </si>
  <si>
    <t>outlook.office.com/owa/service.svc?action=CreateItem&amp;app=Mail&amp;n=453</t>
  </si>
  <si>
    <t>01/16/2020 18:20:49</t>
  </si>
  <si>
    <t>01/16/2020 18:20:59</t>
  </si>
  <si>
    <t>01/17/2020 09:47:04</t>
  </si>
  <si>
    <t>NPS - ALGAR.JPG</t>
  </si>
  <si>
    <t>01/17/2020 09:48:01</t>
  </si>
  <si>
    <t>01/17/2020 09:49:42</t>
  </si>
  <si>
    <t>1476ca48-e3c0-42ea-872f-593c88460557.tmp</t>
  </si>
  <si>
    <t>\\acsfs\profiles$\rafaelacdoc\Downloads\1476ca48-e3c0-42ea-872f-593c88460557.tmp</t>
  </si>
  <si>
    <t>01/17/2020 09:48:39</t>
  </si>
  <si>
    <t>94b8976d-b756-4d1f-a858-14e9b9dc898e.tmp</t>
  </si>
  <si>
    <t>\\acsfs\profiles$\rafaelacdoc\Downloads\94b8976d-b756-4d1f-a858-14e9b9dc898e.tmp</t>
  </si>
  <si>
    <t>01/17/2020 09:44:04</t>
  </si>
  <si>
    <t>dd0980db-5cdf-4c49-99a0-2cd65ecde844.tmp</t>
  </si>
  <si>
    <t>\\acsfs\profiles$\LAISLG\Downloads\dd0980db-5cdf-4c49-99a0-2cd65ecde844.tmp</t>
  </si>
  <si>
    <t>01/17/2020 09:51:41</t>
  </si>
  <si>
    <t>01/17/2020 09:51:42</t>
  </si>
  <si>
    <t>01/17/2020 09:46:31</t>
  </si>
  <si>
    <t>01/17/2020 09:46:55</t>
  </si>
  <si>
    <t>01/17/2020 09:46:58</t>
  </si>
  <si>
    <t>01/17/2020 09:47:18</t>
  </si>
  <si>
    <t>01/17/2020 09:47:49</t>
  </si>
  <si>
    <t>100022417546165;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https://100022417546165,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01/17/2020 09:48:55</t>
  </si>
  <si>
    <t>01/17/2020 09:49:28</t>
  </si>
  <si>
    <t>mail.google.com/sync/u/0/i/s?hl=pt-BR&amp;c=1178</t>
  </si>
  <si>
    <t>01/17/2020 09:49:32</t>
  </si>
  <si>
    <t>01/17/2020 09:49:51</t>
  </si>
  <si>
    <t>01/17/2020 09:49:55</t>
  </si>
  <si>
    <t>01/17/2020 09:50:02</t>
  </si>
  <si>
    <t>100022417546165;andrelpsa@algartech.com;cpc-controldeskavon@algartech.com;joaogvc@algartech.com;joseasn@algartech.com;josiascdsj@algartech.com;leonardoao@algartech.com;marianadjc@algartech.com;maristelavodq@bv.algartech.com;paulacn@algartech.com;qualidadealgarbv@algartech.com;supervisaobancovotorantim@algartech.com;taysdss@algartech.com;thiagolrc@bv.algartech.com;</t>
  </si>
  <si>
    <t>100022417546165,andrelpsa@algartech.com,cpc-controldeskavon@algartech.com,joaogvc@algartech.com,joseasn@algartech.com,josiascdsj@algartech.com,leonardoao@algartech.com,marianadjc@algartech.com,maristelavodq@bv.algartech.com,paulacn@algartech.com,qualidadealgarbv@algartech.com,supervisaobancovotorantim@algartech.com,taysdss@algartech.com,thiagolrc@bv.algartech.com</t>
  </si>
  <si>
    <t>01/17/2020 09:50:07</t>
  </si>
  <si>
    <t>01/17/2020 09:50:22</t>
  </si>
  <si>
    <t>mail.google.com/sync/u/0/i/s?hl=pt-BR&amp;c=1191</t>
  </si>
  <si>
    <t>01/17/2020 09:50:31</t>
  </si>
  <si>
    <t>100022417546165;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ricardodfm@algartech.com.br;senildapdo@algartecnologia.com.br;supervisaobancovotorantim@algartech.com;taysdss@algartech.com;thiagolrc@bv.algartech.com;</t>
  </si>
  <si>
    <t>100022417546165,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ricardodfm@algartech.com.br,senildapdo@algartecnologia.com.br,supervisaobancovotorantim@algartech.com,taysdss@algartech.com,thiagolrc@bv.algartech.com</t>
  </si>
  <si>
    <t>01/17/2020 09:50:35</t>
  </si>
  <si>
    <t>01/17/2020 09:50:39</t>
  </si>
  <si>
    <t>01/17/2020 09:50:42</t>
  </si>
  <si>
    <t>01/17/2020 09:50:45</t>
  </si>
  <si>
    <t>01/17/2020 09:48:46</t>
  </si>
  <si>
    <t>01/17/2020 09:49:46</t>
  </si>
  <si>
    <t>01/17/2020 09:50:25</t>
  </si>
  <si>
    <t>01/17/2020 09:53:41</t>
  </si>
  <si>
    <t>01/17/2020 09:48:57</t>
  </si>
  <si>
    <t>01/17/2020 09:54:41</t>
  </si>
  <si>
    <t>a00867d5-142d-414c-a447-076b5e803bbc.tmp</t>
  </si>
  <si>
    <t>\\acsfs\profiles$\rafaelacdoc\Downloads\a00867d5-142d-414c-a447-076b5e803bbc.tmp</t>
  </si>
  <si>
    <t>01/17/2020 09:49:15</t>
  </si>
  <si>
    <t>ae2e1e2f-f251-48b0-bee5-9dc6e81dff94.tmp</t>
  </si>
  <si>
    <t>\\acsfs\profiles$\rafaelacdoc\Downloads\ae2e1e2f-f251-48b0-bee5-9dc6e81dff94.tmp</t>
  </si>
  <si>
    <t>d43c3121-3e99-4d84-92a4-9a95d7c40a51.tmp</t>
  </si>
  <si>
    <t>\\acsfs\profiles$\ALYNYA\Downloads\d43c3121-3e99-4d84-92a4-9a95d7c40a51.tmp</t>
  </si>
  <si>
    <t>01/17/2020 09:49:58</t>
  </si>
  <si>
    <t>01/17/2020 09:55:41</t>
  </si>
  <si>
    <t>01/17/2020 09:50:03</t>
  </si>
  <si>
    <t>01/17/2020 09:50:11</t>
  </si>
  <si>
    <t>andrelpsa@algartech.com;joaogvc@algartech.com;leonardoao@algartech.com;marianadjc@algartech.com;maristelavodq@bv.algartech.com;paulacn@algartech.com;rafaelggs@algartech.com;ricardodfm@algartech.com.br;taysdss@algartech.com;viniciussg@algartech.com;</t>
  </si>
  <si>
    <t>andrelpsa@algartech.com,joaogvc@algartech.com,leonardoao@algartech.com,marianadjc@algartech.com,maristelavodq@bv.algartech.com,paulacn@algartech.com,rafaelggs@algartech.com,ricardodfm@algartech.com.br,taysdss@algartech.com,viniciussg@algartech.com</t>
  </si>
  <si>
    <t>01/17/2020 09:50:19</t>
  </si>
  <si>
    <t>01/17/2020 09:50:24</t>
  </si>
  <si>
    <t>01/17/2020 09:51:09</t>
  </si>
  <si>
    <t>01/17/2020 09:53:06</t>
  </si>
  <si>
    <t>100014299414656;andrelpsa@algartech.com;joaogvc@algartech.com;leonardoao@algartech.com;marianadjc@algartech.com;maristelavodq@bv.algartech.com;paulacn@algartech.com;rafaelggs@algartech.com;ricardodfm@algartech.com.br;taysdss@algartech.com;viniciussg@algartech.com;</t>
  </si>
  <si>
    <t>100014299414656,andrelpsa@algartech.com,joaogvc@algartech.com,leonardoao@algartech.com,marianadjc@algartech.com,maristelavodq@bv.algartech.com,paulacn@algartech.com,rafaelggs@algartech.com,ricardodfm@algartech.com.br,taysdss@algartech.com,viniciussg@algartech.com</t>
  </si>
  <si>
    <t>01/17/2020 09:53:15</t>
  </si>
  <si>
    <t>01/17/2020 09:53:21</t>
  </si>
  <si>
    <t>100014123564284;andrelpsa@algartech.com;joaogvc@algartech.com;leonardoao@algartech.com;marianadjc@algartech.com;maristelavodq@bv.algartech.com;paulacn@algartech.com;rafaelggs@algartech.com;ricardodfm@algartech.com.br;taysdss@algartech.com;viniciussg@algartech.com;</t>
  </si>
  <si>
    <t>100014123564284,andrelpsa@algartech.com,joaogvc@algartech.com,leonardoao@algartech.com,marianadjc@algartech.com,maristelavodq@bv.algartech.com,paulacn@algartech.com,rafaelggs@algartech.com,ricardodfm@algartech.com.br,taysdss@algartech.com,viniciussg@algartech.com</t>
  </si>
  <si>
    <t>01/17/2020 09:53:39</t>
  </si>
  <si>
    <t>01/17/2020 09:53:57</t>
  </si>
  <si>
    <t>mail.google.com/_/upload?authuser=0&amp;dcp=asu-n&amp;upload_id=AEnB2UqfDU_ImxSEWDg5hboqvsnk_ijY0pzhxuHg6hdhY3-zQPrjuU41k8zND6UPtbXryNJsQ4BsPysuK8EEnvK7YVG1IXYP2A&amp;upload_protocol=resumable</t>
  </si>
  <si>
    <t>01/17/2020 09:53:19</t>
  </si>
  <si>
    <t>01/17/2020 09:56:41</t>
  </si>
  <si>
    <t>7d01e22a-cd25-405f-a09c-0930388207c4.tmp</t>
  </si>
  <si>
    <t>\\acsfs\profiles$\lorenabmc\Downloads\7d01e22a-cd25-405f-a09c-0930388207c4.tmp</t>
  </si>
  <si>
    <t>01/17/2020 09:54:58</t>
  </si>
  <si>
    <t>mail.google.com/sync/u/0/i/s?hl=pt-BR&amp;c=1222</t>
  </si>
  <si>
    <t>01/17/2020 09:55:05</t>
  </si>
  <si>
    <t>mail.google.com/sync/u/0/i/s?hl=pt-BR&amp;c=1224</t>
  </si>
  <si>
    <t>01/17/2020 09:55:16</t>
  </si>
  <si>
    <t>01/17/2020 09:55:26</t>
  </si>
  <si>
    <t>01/17/2020 09:55:32</t>
  </si>
  <si>
    <t>mail.google.com/sync/u/0/i/s?hl=pt-BR&amp;c=1231</t>
  </si>
  <si>
    <t>100022417546165,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01/17/2020 09:55:37</t>
  </si>
  <si>
    <t>mail.google.com/sync/u/0/i/s?hl=pt-BR&amp;c=1233</t>
  </si>
  <si>
    <t>01/17/2020 09:55:54</t>
  </si>
  <si>
    <t>01/17/2020 09:54:46</t>
  </si>
  <si>
    <t>01/17/2020 09:58:41</t>
  </si>
  <si>
    <t>01/17/2020 09:58:04</t>
  </si>
  <si>
    <t>10.200.67.39</t>
  </si>
  <si>
    <t>01/17/2020 09:58:18</t>
  </si>
  <si>
    <t>2eecd32c-d299-4329-9f09-d0588cf7553e.tmp</t>
  </si>
  <si>
    <t>\\acsfs\profiles$\cintiadjl\Downloads\2eecd32c-d299-4329-9f09-d0588cf7553e.tmp</t>
  </si>
  <si>
    <t>01/17/2020 09:58:21</t>
  </si>
  <si>
    <t>72dab1a0-d717-4adf-bca6-1d14d61b622e.tmp</t>
  </si>
  <si>
    <t>\\acsfs\profiles$\cintiadjl\Downloads\72dab1a0-d717-4adf-bca6-1d14d61b622e.tmp</t>
  </si>
  <si>
    <t>01/17/2020 09:55:59</t>
  </si>
  <si>
    <t>lu649212c9lt.tmp</t>
  </si>
  <si>
    <t>\\acsfs\profiles$\FLAVIOJMM\My Documents\lu649212c9lt.tmp</t>
  </si>
  <si>
    <t>\\acsfs\profiles$\FLAVIOJMM\My Documents\lu649212c9lt.tmp\</t>
  </si>
  <si>
    <t>\\acsfs\profiles$\FLAVIOJMM\My Documents\lu649212c9lt.tmp\META-INF\</t>
  </si>
  <si>
    <t>\\acsfs\profiles$\FLAVIOJMM\My Documents\lu649212c9lt.tmp\Thumbnails\</t>
  </si>
  <si>
    <t>01/17/2020 09:54:37</t>
  </si>
  <si>
    <t>marta.JPG</t>
  </si>
  <si>
    <t>01/17/2020 09:55:21</t>
  </si>
  <si>
    <t>01/17/2020 09:55:47</t>
  </si>
  <si>
    <t>01/17/2020 09:56:27</t>
  </si>
  <si>
    <t>01/17/2020 09:59:51</t>
  </si>
  <si>
    <t>01/17/2020 10:00:41</t>
  </si>
  <si>
    <t>189441ad-8b0d-45b4-941c-4a8aff2e82cd.tmp</t>
  </si>
  <si>
    <t>\\acsfs\profiles$\matheushds\Downloads\189441ad-8b0d-45b4-941c-4a8aff2e82cd.tmp</t>
  </si>
  <si>
    <t>01/17/2020 09:58:33</t>
  </si>
  <si>
    <t>01/17/2020 10:00:15</t>
  </si>
  <si>
    <t>01/17/2020 09:56:56</t>
  </si>
  <si>
    <t>01/17/2020 10:01:42</t>
  </si>
  <si>
    <t>43d0a310-c340-4140-9efe-ed89a1531812.tmp</t>
  </si>
  <si>
    <t>\\acsfs\profiles$\lorenabmc\Downloads\43d0a310-c340-4140-9efe-ed89a1531812.tmp</t>
  </si>
  <si>
    <t>01/17/2020 10:00:11</t>
  </si>
  <si>
    <t>01/17/2020 09:56:26</t>
  </si>
  <si>
    <t>mail.google.com/sync/u/0/i/s?hl=pt-BR&amp;c=1239</t>
  </si>
  <si>
    <t>01/17/2020 09:56:54</t>
  </si>
  <si>
    <t>mail.google.com/sync/u/0/i/s?hl=pt-BR&amp;c=1241</t>
  </si>
  <si>
    <t>01/17/2020 09:57:02</t>
  </si>
  <si>
    <t>mail.google.com/sync/u/0/i/s?hl=pt-BR&amp;c=1243</t>
  </si>
  <si>
    <t>100014082285011;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viniciussg@algartech.com;</t>
  </si>
  <si>
    <t>100014082285011,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viniciussg@algartech.com</t>
  </si>
  <si>
    <t>01/17/2020 09:57:28</t>
  </si>
  <si>
    <t>mail.google.com/sync/u/0/i/s?hl=pt-BR&amp;c=1246</t>
  </si>
  <si>
    <t>01/17/2020 09:57:00</t>
  </si>
  <si>
    <t>01/17/2020 09:57:01</t>
  </si>
  <si>
    <t>01/16/2020 21:41:20</t>
  </si>
  <si>
    <t>01/17/2020 09:57:31</t>
  </si>
  <si>
    <t>01/17/2020 10:02:41</t>
  </si>
  <si>
    <t>507b6ac4-47b3-4836-b2e6-06ed0f65c7ed.tmp</t>
  </si>
  <si>
    <t>\\acsfs\profiles$\LUCASNS\Downloads\507b6ac4-47b3-4836-b2e6-06ed0f65c7ed.tmp</t>
  </si>
  <si>
    <t>b5a8b05e-c885-4256-a19c-3f88a4a52b00.tmp</t>
  </si>
  <si>
    <t>\\acsfs\profiles$\LUCASNS\Downloads\b5a8b05e-c885-4256-a19c-3f88a4a52b00.tmp</t>
  </si>
  <si>
    <t>01/17/2020 10:02:13</t>
  </si>
  <si>
    <t>01/17/2020 10:04:41</t>
  </si>
  <si>
    <t>01/17/2020 10:04:27</t>
  </si>
  <si>
    <t>01/17/2020 10:05:41</t>
  </si>
  <si>
    <t>8da7fb89-4914-4a99-af62-a012ac9b1efb.tmp</t>
  </si>
  <si>
    <t>\\acsfs\profiles$\gabrielafs\Downloads\8da7fb89-4914-4a99-af62-a012ac9b1efb.tmp</t>
  </si>
  <si>
    <t>1a69f682-3916-407b-b621-d9277a0d3424.tmp</t>
  </si>
  <si>
    <t>\\acsfs\profiles$\gabrielafs\Downloads\1a69f682-3916-407b-b621-d9277a0d3424.tmp</t>
  </si>
  <si>
    <t>01/17/2020 10:04:28</t>
  </si>
  <si>
    <t>b8b1c802-769c-468d-ab4d-68b5df30cc09.tmp</t>
  </si>
  <si>
    <t>\\acsfs\profiles$\gabrielafs\Downloads\b8b1c802-769c-468d-ab4d-68b5df30cc09.tmp</t>
  </si>
  <si>
    <t>01/17/2020 10:04:29</t>
  </si>
  <si>
    <t>de0a4e48-3bbd-446c-a441-382d646ae896.tmp</t>
  </si>
  <si>
    <t>\\acsfs\profiles$\gabrielafs\Downloads\de0a4e48-3bbd-446c-a441-382d646ae896.tmp</t>
  </si>
  <si>
    <t>01/17/2020 10:02:53</t>
  </si>
  <si>
    <t>d19f978b-c3b1-4b16-96dd-6da01c783cc4.tmp</t>
  </si>
  <si>
    <t>\\acsfs\profiles$\matheushds\Downloads\d19f978b-c3b1-4b16-96dd-6da01c783cc4.tmp</t>
  </si>
  <si>
    <t>01/17/2020 10:03:36</t>
  </si>
  <si>
    <t>e5d8ab39-c99b-4c44-9534-14c90a9f8e09.tmp</t>
  </si>
  <si>
    <t>\\acsfs\profiles$\matheushds\Downloads\e5d8ab39-c99b-4c44-9534-14c90a9f8e09.tmp</t>
  </si>
  <si>
    <t>01/17/2020 09:59:59</t>
  </si>
  <si>
    <t>01/17/2020 10:01:49</t>
  </si>
  <si>
    <t>e7d23a21-1865-4454-aa2a-b54f7d20f9ed.tmp</t>
  </si>
  <si>
    <t>\\acsfs\profiles$\THYAGOSP\Downloads\e7d23a21-1865-4454-aa2a-b54f7d20f9ed.tmp</t>
  </si>
  <si>
    <t>01/17/2020 10:01:59</t>
  </si>
  <si>
    <t>6db46d6d-9164-4fcf-8ce0-243677f66e96.tmp</t>
  </si>
  <si>
    <t>\\acsfs\profiles$\THYAGOSP\Downloads\6db46d6d-9164-4fcf-8ce0-243677f66e96.tmp</t>
  </si>
  <si>
    <t>01/17/2020 10:02:24</t>
  </si>
  <si>
    <t>7735c92b-0a82-41bf-9bd9-9c7d41b4349a.tmp</t>
  </si>
  <si>
    <t>\\acsfs\profiles$\THYAGOSP\Downloads\7735c92b-0a82-41bf-9bd9-9c7d41b4349a.tmp</t>
  </si>
  <si>
    <t>01/17/2020 10:01:12</t>
  </si>
  <si>
    <t>01/17/2020 10:01:27</t>
  </si>
  <si>
    <t>01/17/2020 10:00:56</t>
  </si>
  <si>
    <t>01/17/2020 10:06:41</t>
  </si>
  <si>
    <t>01/17/2020 10:00:59</t>
  </si>
  <si>
    <t>01/17/2020 10:05:28</t>
  </si>
  <si>
    <t>5d5e8c17-584f-4d61-8a2a-38f2f5b029c0.tmp</t>
  </si>
  <si>
    <t>\\acsfs\profiles$\lucasgpe\Downloads\5d5e8c17-584f-4d61-8a2a-38f2f5b029c0.tmp</t>
  </si>
  <si>
    <t>01/17/2020 10:02:43</t>
  </si>
  <si>
    <t>16d06aa2-52a5-44d3-a24e-3a0c275c90b9.tmp</t>
  </si>
  <si>
    <t>\\acsfs\profiles$\mariagsg\Downloads\16d06aa2-52a5-44d3-a24e-3a0c275c90b9.tmp</t>
  </si>
  <si>
    <t>15998321-29c0-4fc7-9546-9467865aba5e.tmp</t>
  </si>
  <si>
    <t>\\acsfs\profiles$\mariagsg\Downloads\15998321-29c0-4fc7-9546-9467865aba5e.tmp</t>
  </si>
  <si>
    <t>01/17/2020 10:02:47</t>
  </si>
  <si>
    <t>01/17/2020 10:03:19</t>
  </si>
  <si>
    <t>01/17/2020 10:03:40</t>
  </si>
  <si>
    <t>dbb7ade1-9877-42d8-8baf-82ad7839488a.tmp</t>
  </si>
  <si>
    <t>\\acsfs\profiles$\mariagsg\Downloads\dbb7ade1-9877-42d8-8baf-82ad7839488a.tmp</t>
  </si>
  <si>
    <t>01/17/2020 10:04:18</t>
  </si>
  <si>
    <t>93c0574a-b667-4ba3-96a8-28ddda171bb9.tmp</t>
  </si>
  <si>
    <t>\\acsfs\profiles$\gabrielaff\Downloads\93c0574a-b667-4ba3-96a8-28ddda171bb9.tmp</t>
  </si>
  <si>
    <t>01/17/2020 10:04:47</t>
  </si>
  <si>
    <t>01/17/2020 10:05:47</t>
  </si>
  <si>
    <t>01/17/2020 10:06:17</t>
  </si>
  <si>
    <t>01/17/2020 10:05:31</t>
  </si>
  <si>
    <t>01/17/2020 10:08:41</t>
  </si>
  <si>
    <t>MOAN.JPG</t>
  </si>
  <si>
    <t>01/17/2020 10:06:07</t>
  </si>
  <si>
    <t>01/17/2020 10:07:00</t>
  </si>
  <si>
    <t>01/17/2020 10:08:01</t>
  </si>
  <si>
    <t>01/17/2020 10:09:41</t>
  </si>
  <si>
    <t>01/17/2020 10:08:02</t>
  </si>
  <si>
    <t>01/17/2020 10:08:03</t>
  </si>
  <si>
    <t>01/17/2020 10:08:04</t>
  </si>
  <si>
    <t>01/17/2020 10:08:19</t>
  </si>
  <si>
    <t>01/17/2020 10:08:20</t>
  </si>
  <si>
    <t>01/17/2020 10:08:48</t>
  </si>
  <si>
    <t>01/17/2020 10:10:41</t>
  </si>
  <si>
    <t>e18dc08d-8253-4063-9c15-9f105b009308.tmp</t>
  </si>
  <si>
    <t>\\acsfs\profiles$\gabrielafs\Downloads\e18dc08d-8253-4063-9c15-9f105b009308.tmp</t>
  </si>
  <si>
    <t>01/17/2020 10:06:49</t>
  </si>
  <si>
    <t>81f3231c-1427-4392-9ff3-0b6f2c30ec03.tmp</t>
  </si>
  <si>
    <t>\\acsfs\profiles$\matheushds\Downloads\81f3231c-1427-4392-9ff3-0b6f2c30ec03.tmp</t>
  </si>
  <si>
    <t>01/17/2020 10:09:04</t>
  </si>
  <si>
    <t>97453373-9c54-4969-b0c1-0c1ac105a5a6.tmp</t>
  </si>
  <si>
    <t>\\acsfs\profiles$\jhonatadss\Downloads\97453373-9c54-4969-b0c1-0c1ac105a5a6.tmp</t>
  </si>
  <si>
    <t>01/17/2020 10:08:46</t>
  </si>
  <si>
    <t>01/17/2020 10:08:50</t>
  </si>
  <si>
    <t>01/17/2020 10:09:59</t>
  </si>
  <si>
    <t>Vendas - Copia.ods</t>
  </si>
  <si>
    <t>\\acsfs\profiles$\VIVIANALDS\My Documents\Vendas - Copia.ods</t>
  </si>
  <si>
    <t>\\acsfs\profiles$\VIVIANALDS\My Documents\Vendas - Copia.ods\</t>
  </si>
  <si>
    <t>\\acsfs\profiles$\VIVIANALDS\My Documents\Vendas - Copia.ods\META-INF\</t>
  </si>
  <si>
    <t>\\acsfs\profiles$\VIVIANALDS\My Documents\Vendas - Copia.ods\Thumbnails\</t>
  </si>
  <si>
    <t>01/17/2020 10:10:05</t>
  </si>
  <si>
    <t>.~lock.Vendas - Copia.ods#</t>
  </si>
  <si>
    <t>\\acsfs\profiles$\VIVIANALDS\My Documents\.~lock.Vendas - Copia.ods#</t>
  </si>
  <si>
    <t>01/17/2020 10:09:47</t>
  </si>
  <si>
    <t>01/17/2020 10:11:41</t>
  </si>
  <si>
    <t>9363e05d-eafd-4013-865c-79c8109671bf.tmp</t>
  </si>
  <si>
    <t>\\acsfs\profiles$\lorenabmc\Downloads\9363e05d-eafd-4013-865c-79c8109671bf.tmp</t>
  </si>
  <si>
    <t>01/17/2020 10:07:17</t>
  </si>
  <si>
    <t>2be1917b-d90e-4499-a7a9-7501c5f31d2e.tmp</t>
  </si>
  <si>
    <t>\\acsfs\profiles$\gabrielhca\Downloads\2be1917b-d90e-4499-a7a9-7501c5f31d2e.tmp</t>
  </si>
  <si>
    <t>01/17/2020 10:09:46</t>
  </si>
  <si>
    <t>01/17/2020 10:10:27</t>
  </si>
  <si>
    <t>01/17/2020 10:07:33</t>
  </si>
  <si>
    <t>01/17/2020 10:07:34</t>
  </si>
  <si>
    <t>01/17/2020 10:08:17</t>
  </si>
  <si>
    <t>01/17/2020 10:09:17</t>
  </si>
  <si>
    <t>01/17/2020 10:10:17</t>
  </si>
  <si>
    <t>01/17/2020 10:10:47</t>
  </si>
  <si>
    <t>01/17/2020 10:11:17</t>
  </si>
  <si>
    <t>01/17/2020 10:12:41</t>
  </si>
  <si>
    <t>01/17/2020 10:13:41</t>
  </si>
  <si>
    <t>01/17/2020 10:09:43</t>
  </si>
  <si>
    <t>railson.JPG</t>
  </si>
  <si>
    <t>01/17/2020 10:10:04</t>
  </si>
  <si>
    <t>01/17/2020 10:10:26</t>
  </si>
  <si>
    <t>01/17/2020 10:13:31</t>
  </si>
  <si>
    <t>JORGE.JPG</t>
  </si>
  <si>
    <t>01/17/2020 10:12:29</t>
  </si>
  <si>
    <t>01/17/2020 10:14:41</t>
  </si>
  <si>
    <t>01/17/2020 10:12:53</t>
  </si>
  <si>
    <t>01/17/2020 10:15:41</t>
  </si>
  <si>
    <t>01/17/2020 10:13:12</t>
  </si>
  <si>
    <t>RELATORIO DE LOGIN - FINANCEIRA - 14-01 - Cópia.xlsm</t>
  </si>
  <si>
    <t>\\acsfs\DEPTOS\Operacao\PCP\5 - Comum\PLANEJAMENTO BV\14 - ACOMPANHAMENTO\1 - REPORT ACOMPANHAMENTO\2020\1 - JANEIRO\FINANCEIRA\Login Logout Financeira\RELATORIO DE LOGIN - FINANCEIRA - 14-01 - Cópia.xlsm</t>
  </si>
  <si>
    <t>01/17/2020 10:14:07</t>
  </si>
  <si>
    <t>8182bfac-2727-4fbf-98c3-cb4022b9661a.tmp</t>
  </si>
  <si>
    <t>\\acsfs\profiles$\jhonatadss\Downloads\8182bfac-2727-4fbf-98c3-cb4022b9661a.tmp</t>
  </si>
  <si>
    <t>01/17/2020 10:13:03</t>
  </si>
  <si>
    <t>lu10556fttt.tmp</t>
  </si>
  <si>
    <t>\\acsfs\profiles$\VIVIANALDS\My Documents\lu10556fttt.tmp</t>
  </si>
  <si>
    <t>\\acsfs\profiles$\VIVIANALDS\My Documents\lu10556fttt.tmp\</t>
  </si>
  <si>
    <t>\\acsfs\profiles$\VIVIANALDS\My Documents\lu10556fttt.tmp\META-INF\</t>
  </si>
  <si>
    <t>\\acsfs\profiles$\VIVIANALDS\My Documents\lu10556fttt.tmp\Thumbnails\</t>
  </si>
  <si>
    <t>01/17/2020 10:13:39</t>
  </si>
  <si>
    <t>01/17/2020 10:13:40</t>
  </si>
  <si>
    <t>lu10556fttx.tmp</t>
  </si>
  <si>
    <t>\\acsfs\profiles$\VIVIANALDS\My Documents\lu10556fttx.tmp</t>
  </si>
  <si>
    <t>01/17/2020 10:16:41</t>
  </si>
  <si>
    <t>\\acsfs\profiles$\VIVIANALDS\My Documents\lu10556fttx.tmp\</t>
  </si>
  <si>
    <t>\\acsfs\profiles$\VIVIANALDS\My Documents\lu10556fttx.tmp\META-INF\</t>
  </si>
  <si>
    <t>\\acsfs\profiles$\VIVIANALDS\My Documents\lu10556fttx.tmp\Thumbnails\</t>
  </si>
  <si>
    <t>01/17/2020 10:13:58</t>
  </si>
  <si>
    <t>lu10556ftu1.tmp</t>
  </si>
  <si>
    <t>\\acsfs\profiles$\VIVIANALDS\My Documents\lu10556ftu1.tmp</t>
  </si>
  <si>
    <t>\\acsfs\profiles$\VIVIANALDS\My Documents\lu10556ftu1.tmp\</t>
  </si>
  <si>
    <t>\\acsfs\profiles$\VIVIANALDS\My Documents\lu10556ftu1.tmp\META-INF\</t>
  </si>
  <si>
    <t>\\acsfs\profiles$\VIVIANALDS\My Documents\lu10556ftu1.tmp\Thumbnails\</t>
  </si>
  <si>
    <t>01/17/2020 10:14:57</t>
  </si>
  <si>
    <t>lu10556ftu5.tmp</t>
  </si>
  <si>
    <t>\\acsfs\profiles$\VIVIANALDS\My Documents\lu10556ftu5.tmp</t>
  </si>
  <si>
    <t>\\acsfs\profiles$\VIVIANALDS\My Documents\lu10556ftu5.tmp\</t>
  </si>
  <si>
    <t>\\acsfs\profiles$\VIVIANALDS\My Documents\lu10556ftu5.tmp\META-INF\</t>
  </si>
  <si>
    <t>\\acsfs\profiles$\VIVIANALDS\My Documents\lu10556ftu5.tmp\Thumbnails\</t>
  </si>
  <si>
    <t>01/17/2020 10:13:29</t>
  </si>
  <si>
    <t>8b0ab7b7-6169-4fbf-a991-213dde5199a1.tmp</t>
  </si>
  <si>
    <t>\\acsfs\profiles$\talitafdc\Downloads\8b0ab7b7-6169-4fbf-a991-213dde5199a1.tmp</t>
  </si>
  <si>
    <t>01/17/2020 10:13:33</t>
  </si>
  <si>
    <t>f6838018-3601-43d4-8d69-aae357a575ef.tmp</t>
  </si>
  <si>
    <t>\\acsfs\profiles$\talitafdc\Downloads\f6838018-3601-43d4-8d69-aae357a575ef.tmp</t>
  </si>
  <si>
    <t>01/17/2020 10:15:28</t>
  </si>
  <si>
    <t>ef7055a1-ee2c-40d4-a09a-5c8bf7957c69.tmp</t>
  </si>
  <si>
    <t>\\acsfs\profiles$\marcosvnds\Downloads\ef7055a1-ee2c-40d4-a09a-5c8bf7957c69.tmp</t>
  </si>
  <si>
    <t>01/17/2020 10:12:18</t>
  </si>
  <si>
    <t>a67bb2d5-91e0-43cd-8dec-9896888db8f4.tmp</t>
  </si>
  <si>
    <t>\\acsfs\profiles$\sarahbal\Downloads\a67bb2d5-91e0-43cd-8dec-9896888db8f4.tmp</t>
  </si>
  <si>
    <t>01/17/2020 10:12:00</t>
  </si>
  <si>
    <t>01/17/2020 10:12:24</t>
  </si>
  <si>
    <t>mail.google.com/sync/u/0/i/s?hl=pt-BR&amp;c=1255</t>
  </si>
  <si>
    <t>01/17/2020 10:13:00</t>
  </si>
  <si>
    <t>01/17/2020 10:13:13</t>
  </si>
  <si>
    <t>01/17/2020 10:13:25</t>
  </si>
  <si>
    <t>mail.google.com/sync/u/0/i/s?hl=pt-BR&amp;c=1263</t>
  </si>
  <si>
    <t>01/17/2020 10:13:37</t>
  </si>
  <si>
    <t>mail.google.com/sync/u/0/i/s?hl=pt-BR&amp;c=1265</t>
  </si>
  <si>
    <t>mail.google.com/sync/u/0/i/s?hl=pt-BR&amp;c=1267</t>
  </si>
  <si>
    <t>01/17/2020 10:14:58</t>
  </si>
  <si>
    <t>01/17/2020 10:15:08</t>
  </si>
  <si>
    <t>mail.google.com/sync/u/0/i/s?hl=pt-BR&amp;c=1270</t>
  </si>
  <si>
    <t>01/17/2020 10:15:56</t>
  </si>
  <si>
    <t>01/17/2020 10:16:06</t>
  </si>
  <si>
    <t>01/17/2020 10:16:07</t>
  </si>
  <si>
    <t>01/17/2020 10:16:19</t>
  </si>
  <si>
    <t>mail.google.com/sync/u/0/i/s?hl=pt-BR&amp;c=1280</t>
  </si>
  <si>
    <t>01/17/2020 10:12:47</t>
  </si>
  <si>
    <t>01/17/2020 10:13:17</t>
  </si>
  <si>
    <t>01/17/2020 10:15:48</t>
  </si>
  <si>
    <t>01/17/2020 10:13:57</t>
  </si>
  <si>
    <t>01/17/2020 10:18:41</t>
  </si>
  <si>
    <t>01/17/2020 10:14:21</t>
  </si>
  <si>
    <t>01/17/2020 10:19:41</t>
  </si>
  <si>
    <t>01/17/2020 10:15:21</t>
  </si>
  <si>
    <t>eda5e01a-3513-47fe-b939-04fbb7dcfde7.tmp</t>
  </si>
  <si>
    <t>\\acsfs\profiles$\larissaad\Downloads\eda5e01a-3513-47fe-b939-04fbb7dcfde7.tmp</t>
  </si>
  <si>
    <t>01/17/2020 10:17:44</t>
  </si>
  <si>
    <t>75c5b221-f4e7-4cc9-927f-bd3067a2866c.tmp</t>
  </si>
  <si>
    <t>\\acsfs\profiles$\rafaelacdoc\Downloads\75c5b221-f4e7-4cc9-927f-bd3067a2866c.tmp</t>
  </si>
  <si>
    <t>01/17/2020 10:17:23</t>
  </si>
  <si>
    <t>e123de88-7135-44c0-b3cd-b413f0ca1192.tmp</t>
  </si>
  <si>
    <t>\\acsfs\profiles$\geovannasm\Downloads\e123de88-7135-44c0-b3cd-b413f0ca1192.tmp</t>
  </si>
  <si>
    <t>01/17/2020 10:18:46</t>
  </si>
  <si>
    <t>01/17/2020 10:20:41</t>
  </si>
  <si>
    <t>01/17/2020 10:19:56</t>
  </si>
  <si>
    <t>01/17/2020 10:19:57</t>
  </si>
  <si>
    <t>01/17/2020 10:16:15</t>
  </si>
  <si>
    <t>01/17/2020 10:21:42</t>
  </si>
  <si>
    <t>lu10556ftu9.tmp</t>
  </si>
  <si>
    <t>\\acsfs\profiles$\VIVIANALDS\My Documents\lu10556ftu9.tmp</t>
  </si>
  <si>
    <t>\\acsfs\profiles$\VIVIANALDS\My Documents\lu10556ftu9.tmp\</t>
  </si>
  <si>
    <t>\\acsfs\profiles$\VIVIANALDS\My Documents\lu10556ftu9.tmp\META-INF\</t>
  </si>
  <si>
    <t>\\acsfs\profiles$\VIVIANALDS\My Documents\lu10556ftu9.tmp\Thumbnails\</t>
  </si>
  <si>
    <t>01/17/2020 10:16:35</t>
  </si>
  <si>
    <t>01/17/2020 10:16:37</t>
  </si>
  <si>
    <t>01/17/2020 10:16:25</t>
  </si>
  <si>
    <t>mail.google.com/sync/u/0/i/s?hl=pt-BR&amp;c=1282</t>
  </si>
  <si>
    <t>01/17/2020 10:18:18</t>
  </si>
  <si>
    <t>01/17/2020 10:20:18</t>
  </si>
  <si>
    <t>01/17/2020 10:20:48</t>
  </si>
  <si>
    <t>01/17/2020 10:21:33</t>
  </si>
  <si>
    <t>01/17/2020 10:22:41</t>
  </si>
  <si>
    <t>8f7a6360-2a61-4dd5-aa17-56dce1b7dc11.tmp</t>
  </si>
  <si>
    <t>\\acsfs\profiles$\kamilamrc\Downloads\8f7a6360-2a61-4dd5-aa17-56dce1b7dc11.tmp</t>
  </si>
  <si>
    <t>01/17/2020 10:23:41</t>
  </si>
  <si>
    <t>01/17/2020 10:21:38</t>
  </si>
  <si>
    <t>98a55329-1d29-4d99-9944-3c35c3c5d5d5.tmp</t>
  </si>
  <si>
    <t>\\acsfs\profiles$\quindaizaagds\Downloads\98a55329-1d29-4d99-9944-3c35c3c5d5d5.tmp</t>
  </si>
  <si>
    <t>01/17/2020 10:22:44</t>
  </si>
  <si>
    <t>a08fd26c-521b-4595-9052-c9aaff467a4c.tmp</t>
  </si>
  <si>
    <t>\\acsfs\profiles$\quindaizaagds\Downloads\a08fd26c-521b-4595-9052-c9aaff467a4c.tmp</t>
  </si>
  <si>
    <t>01/17/2020 10:22:47</t>
  </si>
  <si>
    <t>01/17/2020 10:22:53</t>
  </si>
  <si>
    <t>lu649212c9m6.tmp</t>
  </si>
  <si>
    <t>\\acsfs\profiles$\FLAVIOJMM\My Documents\lu649212c9m6.tmp</t>
  </si>
  <si>
    <t>\\acsfs\profiles$\FLAVIOJMM\My Documents\lu649212c9m6.tmp\</t>
  </si>
  <si>
    <t>\\acsfs\profiles$\FLAVIOJMM\My Documents\lu649212c9m6.tmp\META-INF\</t>
  </si>
  <si>
    <t>\\acsfs\profiles$\FLAVIOJMM\My Documents\lu649212c9m6.tmp\Thumbnails\</t>
  </si>
  <si>
    <t>01/17/2020 10:18:50</t>
  </si>
  <si>
    <t>VICTOR VE.JPG</t>
  </si>
  <si>
    <t>01/17/2020 10:19:13</t>
  </si>
  <si>
    <t>01/17/2020 10:19:32</t>
  </si>
  <si>
    <t>01/17/2020 10:20:43</t>
  </si>
  <si>
    <t>Desvio.txt</t>
  </si>
  <si>
    <t>\\acsfs\Deptos\Operacao\Banco_Votorantim\Supervisao\Maristela\CRBV vendas\Desligamento\Desvio.txt</t>
  </si>
  <si>
    <t>01/17/2020 10:21:20</t>
  </si>
  <si>
    <t>01/17/2020 10:20:36</t>
  </si>
  <si>
    <t>01/17/2020 10:24:40</t>
  </si>
  <si>
    <t>52d00029-86f3-4c13-bda4-82d5149183af.tmp</t>
  </si>
  <si>
    <t>\\acsfs\profiles$\larissaad\Downloads\52d00029-86f3-4c13-bda4-82d5149183af.tmp</t>
  </si>
  <si>
    <t>01/17/2020 10:23:28</t>
  </si>
  <si>
    <t>bc14b354-a9d3-4a6b-aab9-167542a6c03d.tmp</t>
  </si>
  <si>
    <t>\\acsfs\profiles$\geovannasm\Downloads\bc14b354-a9d3-4a6b-aab9-167542a6c03d.tmp</t>
  </si>
  <si>
    <t>c3d7041a-f5fb-43ac-86cb-3b35e93d577c.tmp</t>
  </si>
  <si>
    <t>\\acsfs\profiles$\PEDROHAB\Downloads\c3d7041a-f5fb-43ac-86cb-3b35e93d577c.tmp</t>
  </si>
  <si>
    <t>01/17/2020 10:22:17</t>
  </si>
  <si>
    <t>01/17/2020 10:25:41</t>
  </si>
  <si>
    <t>f3618e23-963f-4c3c-9fd7-6f5bdab22bc7.tmp</t>
  </si>
  <si>
    <t>\\acsfs\profiles$\francislayneads\Downloads\f3618e23-963f-4c3c-9fd7-6f5bdab22bc7.tmp</t>
  </si>
  <si>
    <t>01/17/2020 10:23:37</t>
  </si>
  <si>
    <t>31177982-37bc-4f4d-b328-6885bf5f5058.tmp</t>
  </si>
  <si>
    <t>\\acsfs\profiles$\francislayneads\Downloads\31177982-37bc-4f4d-b328-6885bf5f5058.tmp</t>
  </si>
  <si>
    <t>01/17/2020 10:20:28</t>
  </si>
  <si>
    <t>01/17/2020 10:20:34</t>
  </si>
  <si>
    <t>01/17/2020 10:20:44</t>
  </si>
  <si>
    <t>100014123564284;andrelpsa@algartech.com;joaogvc@algartech.com;leonardoao@algartech.com;marianadjc@algartech.com;maristelavodq@bv.algartech.com;paulacn@algartech.com;rafaelggs@algartech.com;ricardodfm@algartech.com.br;robsonams@algartech.com;taysdss@algartech.com;viniciussg@algartech.com;</t>
  </si>
  <si>
    <t>100014123564284,andrelpsa@algartech.com,joaogvc@algartech.com,leonardoao@algartech.com,marianadjc@algartech.com,maristelavodq@bv.algartech.com,paulacn@algartech.com,rafaelggs@algartech.com,ricardodfm@algartech.com.br,robsonams@algartech.com,taysdss@algartech.com,viniciussg@algartech.com</t>
  </si>
  <si>
    <t>01/17/2020 10:21:00</t>
  </si>
  <si>
    <t>01/17/2020 10:21:09</t>
  </si>
  <si>
    <t>01/17/2020 10:21:13</t>
  </si>
  <si>
    <t>bvcartes-supervisores@algarnet.onmicrosoft.com;joaogvc@algartech.com;katia.cardoso@bv.com.br;leonardoao@algartech.com;marianadjc@algartech.com;paulacn@algartech.com;ricardodfm@algartech.com.br;robsonams@algartech.com;taysdss@algartech.com;viniciussg@algartech.com;</t>
  </si>
  <si>
    <t>bvcartes-supervisores@algarnet.onmicrosoft.com,joaogvc@algartech.com,katia.cardoso@bv.com.br,leonardoao@algartech.com,marianadjc@algartech.com,paulacn@algartech.com,ricardodfm@algartech.com.br,robsonams@algartech.com,taysdss@algartech.com,viniciussg@algartech.com</t>
  </si>
  <si>
    <t>01/17/2020 10:21:19</t>
  </si>
  <si>
    <t>01/17/2020 10:21:30</t>
  </si>
  <si>
    <t>01/17/2020 10:21:49</t>
  </si>
  <si>
    <t>01/17/2020 10:22:07</t>
  </si>
  <si>
    <t>01/17/2020 10:22:10</t>
  </si>
  <si>
    <t>01/17/2020 10:22:24</t>
  </si>
  <si>
    <t>01/17/2020 10:22:36</t>
  </si>
  <si>
    <t>01/17/2020 10:22:39</t>
  </si>
  <si>
    <t>01/17/2020 10:23:04</t>
  </si>
  <si>
    <t>01/17/2020 10:23:17</t>
  </si>
  <si>
    <t>RELATORIO DE LOGIN - FINANCEIRA - 16-01.xlsm</t>
  </si>
  <si>
    <t>\\acsfs\DEPTOS\Operacao\PCP\5 - Comum\PLANEJAMENTO BV\14 - ACOMPANHAMENTO\1 - REPORT ACOMPANHAMENTO\2020\1 - JANEIRO\FINANCEIRA\Login Logout Financeira\RELATORIO DE LOGIN - FINANCEIRA - 16-01.xlsm</t>
  </si>
  <si>
    <t>01/17/2020 10:23:36</t>
  </si>
  <si>
    <t>mail.google.com/_/upload?authuser=0&amp;dcp=asu-n&amp;upload_id=AEnB2UpRoU7WWFTNY45lZ5h00Fo3H-Mh071ooPE-OytOImNPGgk2xO3fyX2glxF7uMPjT4uR3v44eircnU_5CzzrxbjHDohkm09cP8I4Yi3rWhC0CDcw9eU&amp;upload_protocol=resumable</t>
  </si>
  <si>
    <t>01/17/2020 10:23:50</t>
  </si>
  <si>
    <t>01/17/2020 10:23:52</t>
  </si>
  <si>
    <t>01/17/2020 10:22:06</t>
  </si>
  <si>
    <t>b85abf56-48ec-4500-b19b-5394fa31e258.tmp</t>
  </si>
  <si>
    <t>\\acsfs\profiles$\lorraynevam\Downloads\b85abf56-48ec-4500-b19b-5394fa31e258.tmp</t>
  </si>
  <si>
    <t>01/17/2020 10:22:37</t>
  </si>
  <si>
    <t>01/17/2020 10:26:40</t>
  </si>
  <si>
    <t>01/17/2020 10:21:32</t>
  </si>
  <si>
    <t>mail.google.com/sync/u/0/i/s?hl=pt-BR&amp;c=1288</t>
  </si>
  <si>
    <t>01/17/2020 10:21:52</t>
  </si>
  <si>
    <t>01/17/2020 10:22:01</t>
  </si>
  <si>
    <t>mail.google.com/sync/u/0/i/s?hl=pt-BR&amp;c=1295</t>
  </si>
  <si>
    <t>01/17/2020 10:22:11</t>
  </si>
  <si>
    <t>mail.google.com/sync/u/0/i/s?hl=pt-BR&amp;c=1297</t>
  </si>
  <si>
    <t>01/17/2020 10:22:27</t>
  </si>
  <si>
    <t>mail.google.com/sync/u/0/i/s?hl=pt-BR&amp;c=1299</t>
  </si>
  <si>
    <t>01/17/2020 10:22:34</t>
  </si>
  <si>
    <t>mail.google.com/sync/u/0/i/s?hl=pt-BR&amp;c=1301</t>
  </si>
  <si>
    <t>mail.google.com/sync/u/0/i/s?hl=pt-BR&amp;c=1308</t>
  </si>
  <si>
    <t>01/17/2020 10:23:35</t>
  </si>
  <si>
    <t>mail.google.com/sync/u/0/i/s?hl=pt-BR&amp;c=1310</t>
  </si>
  <si>
    <t>01/17/2020 10:23:48</t>
  </si>
  <si>
    <t>mail.google.com/sync/u/0/i/s?hl=pt-BR&amp;c=1312</t>
  </si>
  <si>
    <t>01/17/2020 10:24:09</t>
  </si>
  <si>
    <t>mail.google.com/sync/u/0/i/s?hl=pt-BR&amp;c=1315</t>
  </si>
  <si>
    <t>01/17/2020 10:25:55</t>
  </si>
  <si>
    <t>01/17/2020 10:23:18</t>
  </si>
  <si>
    <t>01/17/2020 10:24:18</t>
  </si>
  <si>
    <t>01/17/2020 10:24:48</t>
  </si>
  <si>
    <t>01/17/2020 10:22:57</t>
  </si>
  <si>
    <t>01/17/2020 10:27:41</t>
  </si>
  <si>
    <t>ef8ea8da-83ee-4ff5-8285-121ad9f0f054.tmp</t>
  </si>
  <si>
    <t>\\acsfs\profiles$\kamilamrc\Downloads\ef8ea8da-83ee-4ff5-8285-121ad9f0f054.tmp</t>
  </si>
  <si>
    <t>dd51fb1e-adb3-4ddd-8038-873dd0a1304b.tmp</t>
  </si>
  <si>
    <t>\\acsfs\profiles$\kamilamrc\Downloads\dd51fb1e-adb3-4ddd-8038-873dd0a1304b.tmp</t>
  </si>
  <si>
    <t>4c36a4f9-3bd7-4bb3-b74b-a1a508db78c5.tmp</t>
  </si>
  <si>
    <t>\\acsfs\profiles$\kamilamrc\Downloads\4c36a4f9-3bd7-4bb3-b74b-a1a508db78c5.tmp</t>
  </si>
  <si>
    <t>01/17/2020 10:23:58</t>
  </si>
  <si>
    <t>9b4df88b-6a39-4bf5-8872-07103e8045fa.tmp</t>
  </si>
  <si>
    <t>\\acsfs\profiles$\kamilamrc\Downloads\9b4df88b-6a39-4bf5-8872-07103e8045fa.tmp</t>
  </si>
  <si>
    <t>01/17/2020 10:24:06</t>
  </si>
  <si>
    <t>c200dc85-cb83-405c-b797-8953641312fb.tmp</t>
  </si>
  <si>
    <t>\\acsfs\profiles$\kamilamrc\Downloads\c200dc85-cb83-405c-b797-8953641312fb.tmp</t>
  </si>
  <si>
    <t>01/17/2020 10:26:50</t>
  </si>
  <si>
    <t>01/17/2020 10:28:40</t>
  </si>
  <si>
    <t>01/17/2020 10:29:41</t>
  </si>
  <si>
    <t>01/17/2020 10:28:41</t>
  </si>
  <si>
    <t>8aac1f05-6bb3-4964-992e-35bab7a1a07c.tmp</t>
  </si>
  <si>
    <t>\\acsfs\profiles$\fabianafv\Downloads\8aac1f05-6bb3-4964-992e-35bab7a1a07c.tmp</t>
  </si>
  <si>
    <t>01/17/2020 10:28:08</t>
  </si>
  <si>
    <t>01/17/2020 10:27:53</t>
  </si>
  <si>
    <t>01/17/2020 10:30:41</t>
  </si>
  <si>
    <t>andrelpsa@algartech.com;joaogvc@algartech.com;leonardoao@algartech.com;marianadjc@algartech.com;paulacn@algartech.com;supervisaobancovotorantim@algartech.com;taysdss@algartech.com;viniciussg@algartech.com;</t>
  </si>
  <si>
    <t>andrelpsa@algartech.com,joaogvc@algartech.com,leonardoao@algartech.com,marianadjc@algartech.com,paulacn@algartech.com,supervisaobancovotorantim@algartech.com,taysdss@algartech.com,viniciussg@algartech.com</t>
  </si>
  <si>
    <t>01/17/2020 10:28:02</t>
  </si>
  <si>
    <t>01/17/2020 10:28:11</t>
  </si>
  <si>
    <t>01/17/2020 10:28:27</t>
  </si>
  <si>
    <t>01/17/2020 10:25:35</t>
  </si>
  <si>
    <t>01/17/2020 10:25:36</t>
  </si>
  <si>
    <t>01/17/2020 10:27:31</t>
  </si>
  <si>
    <t>38562c11-c510-471b-85c5-ea8dfc893b58.tmp</t>
  </si>
  <si>
    <t>\\acsfs\profiles$\esterasg\Downloads\38562c11-c510-471b-85c5-ea8dfc893b58.tmp</t>
  </si>
  <si>
    <t>01/17/2020 10:28:12</t>
  </si>
  <si>
    <t>9bd7476a-43ac-4e86-a014-ac3ff127c629.tmp</t>
  </si>
  <si>
    <t>\\acsfs\profiles$\esterasg\Downloads\9bd7476a-43ac-4e86-a014-ac3ff127c629.tmp</t>
  </si>
  <si>
    <t>01/17/2020 10:29:12</t>
  </si>
  <si>
    <t>ed313955-698e-45e1-a996-5d515a5d2619.tmp</t>
  </si>
  <si>
    <t>\\acsfs\profiles$\esterasg\Downloads\ed313955-698e-45e1-a996-5d515a5d2619.tmp</t>
  </si>
  <si>
    <t>01/17/2020 10:31:41</t>
  </si>
  <si>
    <t>af2c081b-cce2-4192-8456-98e0664e4e27.tmp</t>
  </si>
  <si>
    <t>\\acsfs\profiles$\vivianalds\Downloads\af2c081b-cce2-4192-8456-98e0664e4e27.tmp</t>
  </si>
  <si>
    <t>01/17/2020 10:30:42</t>
  </si>
  <si>
    <t>.~lock.TABELA VENDAS.ods#</t>
  </si>
  <si>
    <t>\\acsfs\profiles$\lucasgpe\Desktop\.~lock.TABELA VENDAS.ods#</t>
  </si>
  <si>
    <t>01/17/2020 10:29:29</t>
  </si>
  <si>
    <t>01/17/2020 10:30:10</t>
  </si>
  <si>
    <t>01/17/2020 10:31:06</t>
  </si>
  <si>
    <t>mail.google.com/sync/u/0/i/s?hl=pt-BR&amp;c=1329</t>
  </si>
  <si>
    <t>01/17/2020 10:31:10</t>
  </si>
  <si>
    <t>01/17/2020 10:31:17</t>
  </si>
  <si>
    <t>01/17/2020 10:30:56</t>
  </si>
  <si>
    <t>10.200.67.42</t>
  </si>
  <si>
    <t>JOAO PEDRO NICOMEDES BERTOLDO GOMES (10481).contact</t>
  </si>
  <si>
    <t>\\acsfs\profiles$\joaopnbg\Contacts\JOAO PEDRO NICOMEDES BERTOLDO GOMES (10481).contact</t>
  </si>
  <si>
    <t>01/17/2020 10:30:57</t>
  </si>
  <si>
    <t>01/17/2020 10:31:11</t>
  </si>
  <si>
    <t>01/17/2020 10:31:12</t>
  </si>
  <si>
    <t>01/17/2020 10:27:19</t>
  </si>
  <si>
    <t>01/17/2020 10:27:49</t>
  </si>
  <si>
    <t>01/17/2020 10:28:19</t>
  </si>
  <si>
    <t>01/17/2020 10:29:19</t>
  </si>
  <si>
    <t>01/17/2020 10:31:13</t>
  </si>
  <si>
    <t>01/17/2020 10:31:14</t>
  </si>
  <si>
    <t>01/17/2020 10:31:15</t>
  </si>
  <si>
    <t>01/17/2020 10:31:16</t>
  </si>
  <si>
    <t>01/17/2020 10:31:18</t>
  </si>
  <si>
    <t>01/17/2020 10:31:19</t>
  </si>
  <si>
    <t>01/17/2020 10:31:20</t>
  </si>
  <si>
    <t>01/17/2020 10:33:41</t>
  </si>
  <si>
    <t>f25b9fd4-afd3-46dd-a62e-dd29c52ea168.tmp</t>
  </si>
  <si>
    <t>\\acsfs\profiles$\paulovadc\Downloads\f25b9fd4-afd3-46dd-a62e-dd29c52ea168.tmp</t>
  </si>
  <si>
    <t>01/17/2020 10:31:09</t>
  </si>
  <si>
    <t>c80ea12b-5608-4d7b-a0f8-db59a4f4dafb.tmp</t>
  </si>
  <si>
    <t>\\acsfs\profiles$\inarajst\Downloads\c80ea12b-5608-4d7b-a0f8-db59a4f4dafb.tmp</t>
  </si>
  <si>
    <t>01/17/2020 10:33:27</t>
  </si>
  <si>
    <t>Andreza.JPG</t>
  </si>
  <si>
    <t>01/17/2020 10:34:41</t>
  </si>
  <si>
    <t>01/17/2020 10:33:30</t>
  </si>
  <si>
    <t>01/17/2020 10:35:41</t>
  </si>
  <si>
    <t>mail.google.com/sync/u/0/i/s?hl=pt-BR&amp;c=632</t>
  </si>
  <si>
    <t>100014299414656;andrelpsa@algartech.com;bvcartes-supervisores@algarnet.onmicrosoft.com;joaogvc@algartech.com;leonardoao@algartech.com;marianadjc@algartech.com;paulacn@algartech.com;ricardodfm@algartech.com.br;supervisaobancovotorantim@algartech.com;taysdss@algartech.com;viniciussg@algartech.com;</t>
  </si>
  <si>
    <t>100014299414656,andrelpsa@algartech.com,bvcartes-supervisores@algarnet.onmicrosoft.com,joaogvc@algartech.com,leonardoao@algartech.com,marianadjc@algartech.com,paulacn@algartech.com,ricardodfm@algartech.com.br,supervisaobancovotorantim@algartech.com,taysdss@algartech.com,viniciussg@algartech.com</t>
  </si>
  <si>
    <t>01/17/2020 10:33:33</t>
  </si>
  <si>
    <t>01/17/2020 10:33:45</t>
  </si>
  <si>
    <t>01/17/2020 10:34:18</t>
  </si>
  <si>
    <t>mail.google.com/sync/u/0/i/s?hl=pt-BR&amp;c=642</t>
  </si>
  <si>
    <t>andrelpsa@algartech.com;bvs-planejamentodeoperacoesetrafego@bv.com.br;joaogvc@algartech.com;leonardoao@algartech.com;marianadjc@algartech.com;paulacn@algartech.com;planejamentodeoperacoesetrafego@bv.com.br;rafaelggs@algartech.com;raphaelmco@algartech.com.br;ricardodfm@algartech.com.br;supervisaobancovotorantim@algartech.com;taysdss@algartech.com;viniciussg@algartech.com;</t>
  </si>
  <si>
    <t>andrelpsa@algartech.com,bvs-planejamentodeoperacoesetrafego@bv.com.br,joaogvc@algartech.com,leonardoao@algartech.com,marianadjc@algartech.com,paulacn@algartech.com,planejamentodeoperacoesetrafego@bv.com.br,rafaelggs@algartech.com,raphaelmco@algartech.com.br,ricardodfm@algartech.com.br,supervisaobancovotorantim@algartech.com,taysdss@algartech.com,viniciussg@algartech.com</t>
  </si>
  <si>
    <t>01/17/2020 10:31:51</t>
  </si>
  <si>
    <t>71193582-df6a-4bc6-bf53-2df539cfca45.tmp</t>
  </si>
  <si>
    <t>\\acsfs\profiles$\lucasqdss\Downloads\71193582-df6a-4bc6-bf53-2df539cfca45.tmp</t>
  </si>
  <si>
    <t>01/17/2020 10:33:17</t>
  </si>
  <si>
    <t>01/17/2020 10:36:41</t>
  </si>
  <si>
    <t>01/17/2020 10:34:35</t>
  </si>
  <si>
    <t>01/17/2020 10:34:36</t>
  </si>
  <si>
    <t>01/17/2020 10:34:37</t>
  </si>
  <si>
    <t>01/17/2020 10:34:38</t>
  </si>
  <si>
    <t>01/17/2020 10:34:39</t>
  </si>
  <si>
    <t>01/17/2020 10:34:40</t>
  </si>
  <si>
    <t>01/17/2020 10:34:42</t>
  </si>
  <si>
    <t>01/17/2020 10:34:43</t>
  </si>
  <si>
    <t>01/17/2020 10:34:44</t>
  </si>
  <si>
    <t>01/17/2020 10:34:45</t>
  </si>
  <si>
    <t>01/17/2020 10:34:46</t>
  </si>
  <si>
    <t>01/17/2020 10:34:47</t>
  </si>
  <si>
    <t>01/17/2020 10:34:48</t>
  </si>
  <si>
    <t>01/17/2020 10:34:49</t>
  </si>
  <si>
    <t>01/17/2020 10:31:24</t>
  </si>
  <si>
    <t>cc9e22f0-d6bc-4f58-8a85-20b67427474e.tmp</t>
  </si>
  <si>
    <t>\\acsfs\profiles$\sarahbal\Downloads\cc9e22f0-d6bc-4f58-8a85-20b67427474e.tmp</t>
  </si>
  <si>
    <t>01/17/2020 10:35:28</t>
  </si>
  <si>
    <t>01/17/2020 10:35:29</t>
  </si>
  <si>
    <t>01/17/2020 10:31:27</t>
  </si>
  <si>
    <t>mail.google.com/sync/u/0/i/s?hl=pt-BR&amp;c=1335</t>
  </si>
  <si>
    <t>01/17/2020 10:31:29</t>
  </si>
  <si>
    <t>mail.google.com/sync/u/0/i/s?hl=pt-BR&amp;c=1337</t>
  </si>
  <si>
    <t>01/17/2020 10:31:42</t>
  </si>
  <si>
    <t>mail.google.com/sync/u/0/i/s?hl=pt-BR&amp;c=1339</t>
  </si>
  <si>
    <t>01/17/2020 10:32:15</t>
  </si>
  <si>
    <t>9e68604e-794d-444d-bd28-9b83750d2fc3;</t>
  </si>
  <si>
    <t>mail.google.com/_/upload?authuser=0&amp;dcp=asu-n&amp;upload_id=AEnB2UqK9zt1V6L5ZFFp85ErNBOolce10WwZhmGbb_ugtoAt1BH9fpAC7_alZVFPqlnhz9x4R73MJEQ4MNK4QiojscXlN8cG179SANPtGtflRJFwfeYSCXM&amp;upload_protocol=resumable</t>
  </si>
  <si>
    <t>andrelpsa@algartech.com;br accept-language: pt-br;catianalv@algartech.com;cpc-controldeskavon@algartech.com;deflate;en-us;q=0.8;en;q=0.7 cookie: asp.net_sessionid=g2kqixv24fuoqyraarp2qp31; __requestverificationtoken=jefofh95oejbf6bisbxsr0_wpp9pamco8ex8of7lzks-21qb7aw14fqy3v6nhakbhn4jhpllcoccpvzklo5thhpc3e3crhvccubzm2qfe0k1; _ga=ga1.3.1078855568.1579181971; _gid=ga1.3.705401020.1579181971; _hjid=9e68604e-794d-444d-bd28-9b83750d2fc3; tp_stylesheet=light_blue; tp_layout_mode=wide; footer_bg=dark; .aspxformsauth=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3f249faaef91dd495870c37bb9823719</t>
  </si>
  <si>
    <t>andrelpsa@algartech.com,br accept-language: pt-br,catianalv@algartech.com,cpc-controldeskavon@algartech.com,deflate,en-us;q=0.8,en;q=0.7 cookie: asp.net_sessionid=g2kqixv24fuoqyraarp2qp31; __requestverificationtoken=jefofh95oejbf6bisbxsr0_wpp9pamco8ex8of7lzks-21qb7aw14fqy3v6nhakbhn4jhpllcoccpvzklo5thhpc3e3crhvccubzm2qfe0k1; _ga=ga1.3.1078855568.1579181971; _gid=ga1.3.705401020.1579181971; _hjid=9e68604e-794d-444d-bd28-9b83750d2fc3; tp_stylesheet=light_blue; tp_layout_mode=wide; footer_bg=dark; .aspxformsauth=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3f249faaef91dd495870c37bb9823719</t>
  </si>
  <si>
    <t>01/17/2020 10:32:19</t>
  </si>
  <si>
    <t>mail.google.com/sync/u/0/i/s?hl=pt-BR&amp;c=1344</t>
  </si>
  <si>
    <t>01/17/2020 10:34:50</t>
  </si>
  <si>
    <t>01/17/2020 10:35:50</t>
  </si>
  <si>
    <t>01/17/2020 10:36:20</t>
  </si>
  <si>
    <t>01/17/2020 10:31:21</t>
  </si>
  <si>
    <t>01/17/2020 10:31:36</t>
  </si>
  <si>
    <t>01/17/2020 10:31:37</t>
  </si>
  <si>
    <t>01/17/2020 10:38:41</t>
  </si>
  <si>
    <t>01/17/2020 10:33:58</t>
  </si>
  <si>
    <t>01/17/2020 10:38:20</t>
  </si>
  <si>
    <t>01/17/2020 10:35:17</t>
  </si>
  <si>
    <t>01/17/2020 10:40:41</t>
  </si>
  <si>
    <t>andrelpsa@algartech.com;joaogvc@algartech.com;leonardoao@algartech.com;marianadjc@algartech.com;maristelavodq@bv.algartech.com;paulacn@algartech.com;ricardodfm@algartech.com.br;supervisaobancovotorantim@algartech.com;taysdss@algartech.com;viniciussg@algartech.com;</t>
  </si>
  <si>
    <t>andrelpsa@algartech.com,joaogvc@algartech.com,leonardoao@algartech.com,marianadjc@algartech.com,maristelavodq@bv.algartech.com,paulacn@algartech.com,ricardodfm@algartech.com.br,supervisaobancovotorantim@algartech.com,taysdss@algartech.com,viniciussg@algartech.com</t>
  </si>
  <si>
    <t>01/17/2020 10:35:22</t>
  </si>
  <si>
    <t>01/17/2020 10:35:26</t>
  </si>
  <si>
    <t>01/17/2020 10:35:51</t>
  </si>
  <si>
    <t>01/17/2020 10:35:55</t>
  </si>
  <si>
    <t>01/17/2020 10:36:07</t>
  </si>
  <si>
    <t>01/17/2020 10:36:36</t>
  </si>
  <si>
    <t>DETALHADO FINANCEIRA .xlsx</t>
  </si>
  <si>
    <t>\\acsfs\DEPTOS\Operacao\PCP\5 - Comum\PLANEJAMENTO BV\14 - ACOMPANHAMENTO\1 - REPORT ACOMPANHAMENTO\2020\1 - JANEIRO\FINANCEIRA\DETALHADO FINANCEIRA .xlsx</t>
  </si>
  <si>
    <t>01/17/2020 10:36:52</t>
  </si>
  <si>
    <t>mail.google.com/_/upload?authuser=0&amp;dcp=asu-n&amp;upload_id=AEnB2UoRAataZtFMwf1Tar5BDJSkK2JJ6xcHUaWRPiwc2AZ21jOGaPrzjkugMo0w2w9DsS2RoLRlCpwx5lUXRUYzQc4b_4xMwLrLjursCvgbU7WXwoKLzSc&amp;upload_protocol=resumable</t>
  </si>
  <si>
    <t>01/17/2020 10:37:42</t>
  </si>
  <si>
    <t>01/17/2020 10:36:06</t>
  </si>
  <si>
    <t>01/17/2020 10:41:40</t>
  </si>
  <si>
    <t>lu10556ftud.tmp</t>
  </si>
  <si>
    <t>\\acsfs\profiles$\VIVIANALDS\My Documents\lu10556ftud.tmp</t>
  </si>
  <si>
    <t>\\acsfs\profiles$\VIVIANALDS\My Documents\lu10556ftud.tmp\</t>
  </si>
  <si>
    <t>\\acsfs\profiles$\VIVIANALDS\My Documents\lu10556ftud.tmp\META-INF\</t>
  </si>
  <si>
    <t>\\acsfs\profiles$\VIVIANALDS\My Documents\lu10556ftud.tmp\Thumbnails\</t>
  </si>
  <si>
    <t>01/17/2020 10:39:15</t>
  </si>
  <si>
    <t>Vendas novembro.txt</t>
  </si>
  <si>
    <t>\\acsfs\profiles$\lucasgpe\Desktop\Vendas novembro.txt</t>
  </si>
  <si>
    <t>01/17/2020 10:39:51</t>
  </si>
  <si>
    <t>01/17/2020 10:40:08</t>
  </si>
  <si>
    <t>01/17/2020 10:40:30</t>
  </si>
  <si>
    <t>mail.google.com/sync/u/0/i/s?hl=pt-BR&amp;c=1361</t>
  </si>
  <si>
    <t>01/17/2020 10:40:40</t>
  </si>
  <si>
    <t>01/17/2020 10:40:47</t>
  </si>
  <si>
    <t>algartechcpcbv@bv.algartech.com;andrelpsa@algartech.com;br accept-language: pt-br;cpc-controldeskavon@algartech.com;deflate;en-us;q=0.8;en;q=0.7 cookie: asp.net_sessionid=g2kqixv24fuoqyraarp2qp31; __requestverificationtoken=jefofh95oejbf6bisbxsr0_wpp9pamco8ex8of7lzks-21qb7aw14fqy3v6nhakbhn4jhpllcoccpvzklo5thhpc3e3crhvccubzm2qfe0k1; _ga=ga1.3.1078855568.1579181971; _gid=ga1.3.705401020.1579181971; _hjid=9e68604e-794d-444d-bd28-9b83750d2fc3; tp_stylesheet=light_blue; tp_layout_mode=wide; footer_bg=dark; .aspxformsauth=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t>
  </si>
  <si>
    <t>algartechcpcbv@bv.algartech.com,andrelpsa@algartech.com,br accept-language: pt-br,cpc-controldeskavon@algartech.com,deflate,en-us;q=0.8,en;q=0.7 cookie: asp.net_sessionid=g2kqixv24fuoqyraarp2qp31; __requestverificationtoken=jefofh95oejbf6bisbxsr0_wpp9pamco8ex8of7lzks-21qb7aw14fqy3v6nhakbhn4jhpllcoccpvzklo5thhpc3e3crhvccubzm2qfe0k1; _ga=ga1.3.1078855568.1579181971; _gid=ga1.3.705401020.1579181971; _hjid=9e68604e-794d-444d-bd28-9b83750d2fc3; tp_stylesheet=light_blue; tp_layout_mode=wide; footer_bg=dark; .aspxformsauth=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t>
  </si>
  <si>
    <t>01/17/2020 10:41:14</t>
  </si>
  <si>
    <t>mail.google.com/sync/u/0/i/s?hl=pt-BR&amp;c=1368</t>
  </si>
  <si>
    <t>100014122394468;algartechcpcbv@bv.algartech.com;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t>
  </si>
  <si>
    <t>100014122394468,algartechcpcbv@bv.algartech.com,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t>
  </si>
  <si>
    <t>01/17/2020 10:36:50</t>
  </si>
  <si>
    <t>01/17/2020 10:40:33</t>
  </si>
  <si>
    <t>01/17/2020 10:43:41</t>
  </si>
  <si>
    <t>1a118de1-2aca-431b-adde-cf8f8ddfcd7b.tmp</t>
  </si>
  <si>
    <t>\\acsfs\profiles$\gabrielsma\Downloads\1a118de1-2aca-431b-adde-cf8f8ddfcd7b.tmp</t>
  </si>
  <si>
    <t>01/17/2020 10:40:35</t>
  </si>
  <si>
    <t>\\acsfs\ACS\Gabriel da Silva\Contemporânea\Acessos\Q29udHJvbGxlci5JbnRyYW5ldC1DaHJvbWU-.ica.crdownload</t>
  </si>
  <si>
    <t>01/17/2020 10:39:29</t>
  </si>
  <si>
    <t>LUCIENE.JPG</t>
  </si>
  <si>
    <t>01/17/2020 10:39:56</t>
  </si>
  <si>
    <t>01/17/2020 10:43:46</t>
  </si>
  <si>
    <t>01/17/2020 10:44:41</t>
  </si>
  <si>
    <t>d5da5453-d933-49fa-ac00-95d750ff842b.tmp</t>
  </si>
  <si>
    <t>\\acsfs\profiles$\geovannasm\Downloads\d5da5453-d933-49fa-ac00-95d750ff842b.tmp</t>
  </si>
  <si>
    <t>01/17/2020 10:44:01</t>
  </si>
  <si>
    <t>Evidencia Lorraine.PNG</t>
  </si>
  <si>
    <t>01/17/2020 10:45:41</t>
  </si>
  <si>
    <t>01/17/2020 10:44:20</t>
  </si>
  <si>
    <t>01/17/2020 10:46:41</t>
  </si>
  <si>
    <t>01/17/2020 10:41:33</t>
  </si>
  <si>
    <t>algartechcpcbv@bv.algartech.com;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t>
  </si>
  <si>
    <t>algartechcpcbv@bv.algartech.com,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t>
  </si>
  <si>
    <t>01/17/2020 10:41:39</t>
  </si>
  <si>
    <t>mail.google.com/sync/u/0/i/s?hl=pt-BR&amp;c=1372</t>
  </si>
  <si>
    <t>01/17/2020 10:41:43</t>
  </si>
  <si>
    <t>01/17/2020 10:41:47</t>
  </si>
  <si>
    <t>01/17/2020 10:41:52</t>
  </si>
  <si>
    <t>mail.google.com/sync/u/0/i/s?hl=pt-BR&amp;c=1380</t>
  </si>
  <si>
    <t>01/17/2020 10:41:58</t>
  </si>
  <si>
    <t>mail.google.com/sync/u/0/i/s?hl=pt-BR&amp;c=1382</t>
  </si>
  <si>
    <t>100022417546165;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100022417546165,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01/17/2020 10:41:50</t>
  </si>
  <si>
    <t>01/17/2020 10:42:20</t>
  </si>
  <si>
    <t>01/17/2020 10:47:36</t>
  </si>
  <si>
    <t>01/17/2020 10:48:41</t>
  </si>
  <si>
    <t>01/17/2020 10:47:37</t>
  </si>
  <si>
    <t>01/17/2020 10:47:39</t>
  </si>
  <si>
    <t>01/17/2020 10:47:43</t>
  </si>
  <si>
    <t>01/17/2020 10:48:03</t>
  </si>
  <si>
    <t>Rodney.JPG</t>
  </si>
  <si>
    <t>01/17/2020 10:46:50</t>
  </si>
  <si>
    <t>01/17/2020 10:49:42</t>
  </si>
  <si>
    <t>b8a19b7f-47e9-4c6a-803e-f26705107e89.tmp</t>
  </si>
  <si>
    <t>\\acsfs\profiles$\larissaad\Downloads\b8a19b7f-47e9-4c6a-803e-f26705107e89.tmp</t>
  </si>
  <si>
    <t>01/17/2020 10:47:28</t>
  </si>
  <si>
    <t>1a1284f6-f448-4703-9f96-664a78e972d1.tmp</t>
  </si>
  <si>
    <t>\\acsfs\profiles$\geovannasm\Downloads\1a1284f6-f448-4703-9f96-664a78e972d1.tmp</t>
  </si>
  <si>
    <t>01/17/2020 10:44:22</t>
  </si>
  <si>
    <t>01/17/2020 10:44:43</t>
  </si>
  <si>
    <t>01/17/2020 10:48:36</t>
  </si>
  <si>
    <t>\\acsfs\profiles$\yurics\My Documents\xworkcenter\lex\</t>
  </si>
  <si>
    <t>\\acsfs\profiles$\yurics\My Documents\xworkcenter\lex\temp.tlx</t>
  </si>
  <si>
    <t>01/17/2020 10:48:37</t>
  </si>
  <si>
    <t>01/17/2020 10:48:38</t>
  </si>
  <si>
    <t>01/17/2020 10:48:39</t>
  </si>
  <si>
    <t>01/17/2020 10:48:40</t>
  </si>
  <si>
    <t>01/17/2020 10:48:42</t>
  </si>
  <si>
    <t>01/17/2020 10:48:43</t>
  </si>
  <si>
    <t>01/17/2020 10:48:44</t>
  </si>
  <si>
    <t>01/17/2020 10:48:45</t>
  </si>
  <si>
    <t>01/17/2020 10:48:46</t>
  </si>
  <si>
    <t>01/17/2020 10:48:47</t>
  </si>
  <si>
    <t>01/17/2020 10:48:48</t>
  </si>
  <si>
    <t>01/17/2020 10:48:49</t>
  </si>
  <si>
    <t>01/17/2020 10:48:50</t>
  </si>
  <si>
    <t>01/17/2020 10:48:51</t>
  </si>
  <si>
    <t>01/17/2020 10:48:52</t>
  </si>
  <si>
    <t>01/17/2020 10:48:53</t>
  </si>
  <si>
    <t>01/17/2020 10:48:54</t>
  </si>
  <si>
    <t>01/17/2020 10:48:55</t>
  </si>
  <si>
    <t>01/17/2020 10:48:56</t>
  </si>
  <si>
    <t>01/17/2020 10:48:57</t>
  </si>
  <si>
    <t>01/17/2020 10:48:58</t>
  </si>
  <si>
    <t>01/17/2020 10:48:59</t>
  </si>
  <si>
    <t>01/17/2020 10:49:00</t>
  </si>
  <si>
    <t>01/17/2020 10:49:01</t>
  </si>
  <si>
    <t>01/17/2020 10:49:02</t>
  </si>
  <si>
    <t>01/17/2020 10:49:20</t>
  </si>
  <si>
    <t>01/17/2020 10:50:41</t>
  </si>
  <si>
    <t>01/17/2020 10:49:26</t>
  </si>
  <si>
    <t>01/17/2020 10:51:41</t>
  </si>
  <si>
    <t>01/17/2020 10:48:08</t>
  </si>
  <si>
    <t>01/17/2020 10:53:41</t>
  </si>
  <si>
    <t>01/17/2020 10:51:01</t>
  </si>
  <si>
    <t>1c0191e8-bded-45ab-946b-996246ca6bd6.tmp</t>
  </si>
  <si>
    <t>\\acsfs\profiles$\gabrielsma\Downloads\1c0191e8-bded-45ab-946b-996246ca6bd6.tmp</t>
  </si>
  <si>
    <t>01/17/2020 10:51:04</t>
  </si>
  <si>
    <t>01/17/2020 10:49:13</t>
  </si>
  <si>
    <t>01/17/2020 10:54:41</t>
  </si>
  <si>
    <t>ebe4799f-c23d-4783-81a5-87c098838af2.tmp</t>
  </si>
  <si>
    <t>\\acsfs\profiles$\geovannasm\Downloads\ebe4799f-c23d-4783-81a5-87c098838af2.tmp</t>
  </si>
  <si>
    <t>01/17/2020 10:56:41</t>
  </si>
  <si>
    <t>01/17/2020 10:58:41</t>
  </si>
  <si>
    <t>01/17/2020 10:57:27</t>
  </si>
  <si>
    <t>01/17/2020 10:55:57</t>
  </si>
  <si>
    <t>6fdf4911-acde-44b1-b6c1-ea37ae8dae3f.tmp</t>
  </si>
  <si>
    <t>\\acsfs\profiles$\danielac\Downloads\6fdf4911-acde-44b1-b6c1-ea37ae8dae3f.tmp</t>
  </si>
  <si>
    <t>01/17/2020 11:00:10</t>
  </si>
  <si>
    <t>01/17/2020 11:00:41</t>
  </si>
  <si>
    <t>01/17/2020 11:00:17</t>
  </si>
  <si>
    <t>01/17/2020 11:01:41</t>
  </si>
  <si>
    <t>01/17/2020 11:00:14</t>
  </si>
  <si>
    <t>01/17/2020 11:00:22</t>
  </si>
  <si>
    <t>01/17/2020 11:00:26</t>
  </si>
  <si>
    <t>01/17/2020 11:00:36</t>
  </si>
  <si>
    <t>01/17/2020 10:57:49</t>
  </si>
  <si>
    <t>01/17/2020 11:02:41</t>
  </si>
  <si>
    <t>7fa729b9-9ac1-46e1-99f5-db2bcf6e5021.tmp</t>
  </si>
  <si>
    <t>\\acsfs\profiles$\luanarda\Downloads\7fa729b9-9ac1-46e1-99f5-db2bcf6e5021.tmp</t>
  </si>
  <si>
    <t>01/17/2020 10:59:07</t>
  </si>
  <si>
    <t>lu314041g7py6.tmp</t>
  </si>
  <si>
    <t>\\acsfs\profiles$\ALEXANDREMM\lu314041g7py6.tmp</t>
  </si>
  <si>
    <t>\\acsfs\profiles$\ALEXANDREMM\lu314041g7py6.tmp\</t>
  </si>
  <si>
    <t>\\acsfs\profiles$\ALEXANDREMM\lu314041g7py6.tmp\META-INF\</t>
  </si>
  <si>
    <t>\\acsfs\profiles$\ALEXANDREMM\lu314041g7py6.tmp\Thumbnails\</t>
  </si>
  <si>
    <t>01/17/2020 10:58:33</t>
  </si>
  <si>
    <t>01/17/2020 11:03:41</t>
  </si>
  <si>
    <t>01/17/2020 11:01:23</t>
  </si>
  <si>
    <t>01/17/2020 11:01:28</t>
  </si>
  <si>
    <t>lu12012129m1b.tmp</t>
  </si>
  <si>
    <t>\\acsfs\profiles$\LUCASBS\RENEG BV\Consolidado\lu12012129m1b.tmp</t>
  </si>
  <si>
    <t>\\acsfs\profiles$\LUCASBS\RENEG BV\Consolidado\lu12012129m1b.tmp\</t>
  </si>
  <si>
    <t>\\acsfs\profiles$\LUCASBS\RENEG BV\Consolidado\lu12012129m1b.tmp\META-INF\</t>
  </si>
  <si>
    <t>\\acsfs\profiles$\LUCASBS\RENEG BV\Consolidado\lu12012129m1b.tmp\Thumbnails\</t>
  </si>
  <si>
    <t>01/17/2020 11:02:20</t>
  </si>
  <si>
    <t>01/17/2020 11:04:41</t>
  </si>
  <si>
    <t>kit_pre_deslig_ant_term_contrato_empregado_124184_bruno de oliveira farias.pdf</t>
  </si>
  <si>
    <t>01/17/2020 11:02:13</t>
  </si>
  <si>
    <t>cfcc0ae0-1f9b-4ef9-8436-06b81cbc23c1.tmp</t>
  </si>
  <si>
    <t>\\acsfs\profiles$\felipetds\Downloads\cfcc0ae0-1f9b-4ef9-8436-06b81cbc23c1.tmp</t>
  </si>
  <si>
    <t>01/17/2020 11:01:03</t>
  </si>
  <si>
    <t>01/17/2020 11:06:41</t>
  </si>
  <si>
    <t>01/17/2020 11:01:43</t>
  </si>
  <si>
    <t>01/17/2020 11:01:57</t>
  </si>
  <si>
    <t>01/17/2020 11:02:22</t>
  </si>
  <si>
    <t>01/17/2020 11:02:53</t>
  </si>
  <si>
    <t>01/17/2020 11:02:57</t>
  </si>
  <si>
    <t>01/17/2020 11:03:01</t>
  </si>
  <si>
    <t>01/17/2020 11:03:26</t>
  </si>
  <si>
    <t>01/17/2020 11:03:34</t>
  </si>
  <si>
    <t>01/17/2020 11:03:47</t>
  </si>
  <si>
    <t>01/17/2020 11:04:36</t>
  </si>
  <si>
    <t>01/17/2020 11:04:50</t>
  </si>
  <si>
    <t>01/17/2020 11:04:54</t>
  </si>
  <si>
    <t>01/17/2020 11:01:49</t>
  </si>
  <si>
    <t>cc0ecaec-23ef-4e42-87a0-0faeb88d85c8.tmp</t>
  </si>
  <si>
    <t>\\acsfs\profiles$\joselrb\Downloads\cc0ecaec-23ef-4e42-87a0-0faeb88d85c8.tmp</t>
  </si>
  <si>
    <t>eec013e9-3f35-4a30-a785-428e7c85f747.tmp</t>
  </si>
  <si>
    <t>\\acsfs\profiles$\joselrb\Downloads\eec013e9-3f35-4a30-a785-428e7c85f747.tmp</t>
  </si>
  <si>
    <t>01/17/2020 11:02:56</t>
  </si>
  <si>
    <t>ecbe8d36-218d-4cf6-8cb3-91982f400ac1.tmp</t>
  </si>
  <si>
    <t>\\acsfs\profiles$\joselrb\Downloads\ecbe8d36-218d-4cf6-8cb3-91982f400ac1.tmp</t>
  </si>
  <si>
    <t>01/17/2020 11:06:52</t>
  </si>
  <si>
    <t>01/17/2020 11:07:41</t>
  </si>
  <si>
    <t>3dce046a-144e-4a6b-b74b-a71d2e89b161.tmp</t>
  </si>
  <si>
    <t>\\acsfs\profiles$\luanarda\Downloads\3dce046a-144e-4a6b-b74b-a71d2e89b161.tmp</t>
  </si>
  <si>
    <t>01/17/2020 11:04:52</t>
  </si>
  <si>
    <t>01/17/2020 11:08:41</t>
  </si>
  <si>
    <t>01/17/2020 11:04:57</t>
  </si>
  <si>
    <t>lu649212c9mn.tmp</t>
  </si>
  <si>
    <t>\\acsfs\profiles$\FLAVIOJMM\My Documents\lu649212c9mn.tmp</t>
  </si>
  <si>
    <t>\\acsfs\profiles$\FLAVIOJMM\My Documents\lu649212c9mn.tmp\</t>
  </si>
  <si>
    <t>\\acsfs\profiles$\FLAVIOJMM\My Documents\lu649212c9mn.tmp\META-INF\</t>
  </si>
  <si>
    <t>\\acsfs\profiles$\FLAVIOJMM\My Documents\lu649212c9mn.tmp\Thumbnails\</t>
  </si>
  <si>
    <t>01/17/2020 11:04:16</t>
  </si>
  <si>
    <t>01/17/2020 11:09:42</t>
  </si>
  <si>
    <t>c275921d-7180-45c6-8e4b-7a42989d493d.tmp</t>
  </si>
  <si>
    <t>\\acsfs\profiles$\ERICALSR\Downloads\c275921d-7180-45c6-8e4b-7a42989d493d.tmp</t>
  </si>
  <si>
    <t>01/17/2020 11:05:58</t>
  </si>
  <si>
    <t>01/17/2020 11:10:41</t>
  </si>
  <si>
    <t>Dimensionamento_Janeiro Financeira (1) (6).xlsx</t>
  </si>
  <si>
    <t>\\acsfs\ACS\001 - Qualidade Lilian\PAULO\Pasta Tainara\Dimensionamento_Janeiro Financeira (1) (6).xlsx</t>
  </si>
  <si>
    <t>\\acsfs\ACS\001 - Qualidade Lilian\PAULO\Pasta Tainara\Dimensionamento_Janeiro Financeira (1) (6).xlsx\</t>
  </si>
  <si>
    <t>\\acsfs\ACS\001 - Qualidade Lilian\PAULO\Pasta Tainara\Dimensionamento_Janeiro Financeira (1) (6).xlsx\:Zone.Identifier:$DATA</t>
  </si>
  <si>
    <t>01/17/2020 11:05:30</t>
  </si>
  <si>
    <t>01/17/2020 11:08:04</t>
  </si>
  <si>
    <t>01/17/2020 11:08:05</t>
  </si>
  <si>
    <t>lu421324aisxr.tmp</t>
  </si>
  <si>
    <t>\\acsfs\profiles$\BRUNAAR\Numero\lu421324aisxr.tmp</t>
  </si>
  <si>
    <t>01/17/2020 11:09:06</t>
  </si>
  <si>
    <t>01/17/2020 11:09:07</t>
  </si>
  <si>
    <t>lu421324aisxv.tmp</t>
  </si>
  <si>
    <t>\\acsfs\profiles$\BRUNAAR\Numero\lu421324aisxv.tmp</t>
  </si>
  <si>
    <t>01/17/2020 11:05:57</t>
  </si>
  <si>
    <t>4fe8e3c1-19d5-45d8-a541-b27cf8b5ef83.tmp</t>
  </si>
  <si>
    <t>\\acsfs\profiles$\victoriaksr\Downloads\4fe8e3c1-19d5-45d8-a541-b27cf8b5ef83.tmp</t>
  </si>
  <si>
    <t>01/17/2020 11:11:42</t>
  </si>
  <si>
    <t>01/17/2020 11:12:42</t>
  </si>
  <si>
    <t>01/17/2020 11:09:04</t>
  </si>
  <si>
    <t>01/17/2020 11:09:14</t>
  </si>
  <si>
    <t>01/17/2020 11:10:33</t>
  </si>
  <si>
    <t>01/17/2020 11:13:41</t>
  </si>
  <si>
    <t>01/17/2020 11:13:15</t>
  </si>
  <si>
    <t>kit_pre_deslig_pedido_demissao_ausente_100708_denner luis dos reis.pdf</t>
  </si>
  <si>
    <t>01/17/2020 11:11:29</t>
  </si>
  <si>
    <t>01/17/2020 11:16:42</t>
  </si>
  <si>
    <t>01/17/2020 11:11:33</t>
  </si>
  <si>
    <t>01/17/2020 11:13:22</t>
  </si>
  <si>
    <t>01/17/2020 11:14:04</t>
  </si>
  <si>
    <t>01/17/2020 11:14:09</t>
  </si>
  <si>
    <t>01/17/2020 11:14:15</t>
  </si>
  <si>
    <t>01/17/2020 11:16:39</t>
  </si>
  <si>
    <t>01/17/2020 11:17:41</t>
  </si>
  <si>
    <t>7f2d82f3-98b3-4433-bcd4-1e60d7cf6eb8.tmp</t>
  </si>
  <si>
    <t>\\acsfs\profiles$\luanarda\Downloads\7f2d82f3-98b3-4433-bcd4-1e60d7cf6eb8.tmp</t>
  </si>
  <si>
    <t>01/17/2020 11:16:24</t>
  </si>
  <si>
    <t>01/17/2020 11:19:42</t>
  </si>
  <si>
    <t>a75668d4-b893-4b20-843d-1e8f19f51695.tmp</t>
  </si>
  <si>
    <t>\\acsfs\profiles$\lorrainerdl\Downloads\a75668d4-b893-4b20-843d-1e8f19f51695.tmp</t>
  </si>
  <si>
    <t>01/17/2020 11:17:23</t>
  </si>
  <si>
    <t>01/17/2020 11:19:02</t>
  </si>
  <si>
    <t>817c90f7-89ac-42e2-b8a1-453b533d0d5a.tmp</t>
  </si>
  <si>
    <t>\\acsfs\profiles$\yurics\Downloads\817c90f7-89ac-42e2-b8a1-453b533d0d5a.tmp</t>
  </si>
  <si>
    <t>01/17/2020 11:16:12</t>
  </si>
  <si>
    <t>01/17/2020 11:20:42</t>
  </si>
  <si>
    <t>01/17/2020 11:15:59</t>
  </si>
  <si>
    <t>01/17/2020 11:21:42</t>
  </si>
  <si>
    <t>01/17/2020 11:16:08</t>
  </si>
  <si>
    <t>01/17/2020 11:17:04</t>
  </si>
  <si>
    <t>01/17/2020 11:17:37</t>
  </si>
  <si>
    <t>01/17/2020 11:17:44</t>
  </si>
  <si>
    <t>01/17/2020 11:18:04</t>
  </si>
  <si>
    <t>01/17/2020 11:18:10</t>
  </si>
  <si>
    <t>01/17/2020 11:18:47</t>
  </si>
  <si>
    <t>01/17/2020 11:18:58</t>
  </si>
  <si>
    <t>01/17/2020 11:19:09</t>
  </si>
  <si>
    <t>01/17/2020 11:19:15</t>
  </si>
  <si>
    <t>01/17/2020 11:19:24</t>
  </si>
  <si>
    <t>01/17/2020 11:20:20</t>
  </si>
  <si>
    <t>01/17/2020 11:20:25</t>
  </si>
  <si>
    <t>01/17/2020 11:18:15</t>
  </si>
  <si>
    <t>94f4b793-cbb7-4a69-a024-c549e72cd673.tmp</t>
  </si>
  <si>
    <t>\\acsfs\profiles$\joselrb\Downloads\94f4b793-cbb7-4a69-a024-c549e72cd673.tmp</t>
  </si>
  <si>
    <t>01/17/2020 11:23:42</t>
  </si>
  <si>
    <t>01/17/2020 11:21:58</t>
  </si>
  <si>
    <t>01/17/2020 11:24:42</t>
  </si>
  <si>
    <t>8a13146a-d84e-433e-86fb-af953da2d00b.tmp</t>
  </si>
  <si>
    <t>\\acsfs\profiles$\KARENDSR\Downloads\8a13146a-d84e-433e-86fb-af953da2d00b.tmp</t>
  </si>
  <si>
    <t>01/17/2020 11:22:40</t>
  </si>
  <si>
    <t>01/17/2020 11:25:42</t>
  </si>
  <si>
    <t>01/17/2020 11:20:48</t>
  </si>
  <si>
    <t>01/17/2020 11:26:42</t>
  </si>
  <si>
    <t>01/17/2020 11:20:52</t>
  </si>
  <si>
    <t>01/17/2020 11:21:12</t>
  </si>
  <si>
    <t>01/17/2020 11:21:22</t>
  </si>
  <si>
    <t>01/17/2020 11:21:48</t>
  </si>
  <si>
    <t>01/17/2020 11:23:15</t>
  </si>
  <si>
    <t>01/17/2020 11:23:20</t>
  </si>
  <si>
    <t>01/17/2020 11:23:56</t>
  </si>
  <si>
    <t>01/17/2020 11:24:22</t>
  </si>
  <si>
    <t>01/17/2020 11:24:28</t>
  </si>
  <si>
    <t>01/17/2020 11:24:45</t>
  </si>
  <si>
    <t>01/17/2020 11:24:47</t>
  </si>
  <si>
    <t>01/17/2020 11:25:03</t>
  </si>
  <si>
    <t>01/17/2020 11:25:19</t>
  </si>
  <si>
    <t>01/17/2020 11:25:31</t>
  </si>
  <si>
    <t>01/17/2020 11:25:36</t>
  </si>
  <si>
    <t>01/17/2020 11:27:09</t>
  </si>
  <si>
    <t>01/17/2020 11:27:42</t>
  </si>
  <si>
    <t>dae1d406-dfa3-4972-b8a7-f887adf45bcc.tmp</t>
  </si>
  <si>
    <t>\\acsfs\profiles$\luanarda\Downloads\dae1d406-dfa3-4972-b8a7-f887adf45bcc.tmp</t>
  </si>
  <si>
    <t>01/17/2020 11:29:42</t>
  </si>
  <si>
    <t>01/17/2020 11:24:20</t>
  </si>
  <si>
    <t>9ddf980c-4c23-42bf-bb5d-aecf28a7276f.tmp</t>
  </si>
  <si>
    <t>\\acsfs\profiles$\larissaad\Downloads\9ddf980c-4c23-42bf-bb5d-aecf28a7276f.tmp</t>
  </si>
  <si>
    <t>01/17/2020 11:31:42</t>
  </si>
  <si>
    <t>01/17/2020 11:25:56</t>
  </si>
  <si>
    <t>01/17/2020 11:26:43</t>
  </si>
  <si>
    <t>01/17/2020 11:27:19</t>
  </si>
  <si>
    <t>01/17/2020 11:27:45</t>
  </si>
  <si>
    <t>01/17/2020 11:28:23</t>
  </si>
  <si>
    <t>01/17/2020 11:28:31</t>
  </si>
  <si>
    <t>01/17/2020 11:29:17</t>
  </si>
  <si>
    <t>01/17/2020 11:29:24</t>
  </si>
  <si>
    <t>01/17/2020 11:29:29</t>
  </si>
  <si>
    <t>01/17/2020 11:29:35</t>
  </si>
  <si>
    <t>01/17/2020 11:29:55</t>
  </si>
  <si>
    <t>01/17/2020 11:30:13</t>
  </si>
  <si>
    <t>01/17/2020 11:33:42</t>
  </si>
  <si>
    <t>01/17/2020 11:33:00</t>
  </si>
  <si>
    <t>01/17/2020 11:33:05</t>
  </si>
  <si>
    <t>lu649212c9n0.tmp</t>
  </si>
  <si>
    <t>\\acsfs\profiles$\FLAVIOJMM\My Documents\lu649212c9n0.tmp</t>
  </si>
  <si>
    <t>\\acsfs\profiles$\FLAVIOJMM\My Documents\lu649212c9n0.tmp\</t>
  </si>
  <si>
    <t>\\acsfs\profiles$\FLAVIOJMM\My Documents\lu649212c9n0.tmp\META-INF\</t>
  </si>
  <si>
    <t>\\acsfs\profiles$\FLAVIOJMM\My Documents\lu649212c9n0.tmp\Thumbnails\</t>
  </si>
  <si>
    <t>01/17/2020 11:28:55</t>
  </si>
  <si>
    <t>01/17/2020 11:34:42</t>
  </si>
  <si>
    <t>01/17/2020 11:35:42</t>
  </si>
  <si>
    <t>01/17/2020 11:34:45</t>
  </si>
  <si>
    <t>https://web.vortex.data.microsoft.com/collect/v1?$mscomcookies=false&amp;ext-javascript-msfpc='guid=50dfa963729d4f2f9cc0955b4aec78b8&amp;hash=50df&amp;lv=202001&amp;v=4&amp;lu=1579085016023'</t>
  </si>
  <si>
    <t>01/17/2020 11:31:19</t>
  </si>
  <si>
    <t>01/17/2020 11:31:21</t>
  </si>
  <si>
    <t>01/17/2020 11:36:42</t>
  </si>
  <si>
    <t>01/17/2020 11:35:12</t>
  </si>
  <si>
    <t>01/17/2020 11:35:13</t>
  </si>
  <si>
    <t>01/17/2020 11:38:43</t>
  </si>
  <si>
    <t>01/17/2020 11:36:38</t>
  </si>
  <si>
    <t>ba7d321f-9f62-4f13-8b90-d41575976a2a.tmp</t>
  </si>
  <si>
    <t>\\acsfs\profiles$\inarajst\Downloads\ba7d321f-9f62-4f13-8b90-d41575976a2a.tmp</t>
  </si>
  <si>
    <t>01/17/2020 11:37:16</t>
  </si>
  <si>
    <t>01/17/2020 11:37:21</t>
  </si>
  <si>
    <t>lu649212c9n5.tmp</t>
  </si>
  <si>
    <t>\\acsfs\profiles$\FLAVIOJMM\My Documents\lu649212c9n5.tmp</t>
  </si>
  <si>
    <t>\\acsfs\profiles$\FLAVIOJMM\My Documents\lu649212c9n5.tmp\</t>
  </si>
  <si>
    <t>\\acsfs\profiles$\FLAVIOJMM\My Documents\lu649212c9n5.tmp\META-INF\</t>
  </si>
  <si>
    <t>\\acsfs\profiles$\FLAVIOJMM\My Documents\lu649212c9n5.tmp\Thumbnails\</t>
  </si>
  <si>
    <t>01/17/2020 11:35:58</t>
  </si>
  <si>
    <t>01/17/2020 11:39:05</t>
  </si>
  <si>
    <t>01/17/2020 11:40:43</t>
  </si>
  <si>
    <t>01/17/2020 11:36:47</t>
  </si>
  <si>
    <t>3d5aab7d-a45e-419d-a22b-d7f7ef166460.tmp</t>
  </si>
  <si>
    <t>\\acsfs\profiles$\esterasg\Downloads\3d5aab7d-a45e-419d-a22b-d7f7ef166460.tmp</t>
  </si>
  <si>
    <t>01/17/2020 11:41:43</t>
  </si>
  <si>
    <t>01/17/2020 11:39:06</t>
  </si>
  <si>
    <t>01/17/2020 11:39:50</t>
  </si>
  <si>
    <t>7db5fc07-aa03-4975-ac10-fbcaa8b4f2fb.tmp</t>
  </si>
  <si>
    <t>\\acsfs\profiles$\joselrb\Downloads\7db5fc07-aa03-4975-ac10-fbcaa8b4f2fb.tmp</t>
  </si>
  <si>
    <t>01/17/2020 11:42:05</t>
  </si>
  <si>
    <t>01/17/2020 11:42:43</t>
  </si>
  <si>
    <t>01/17/2020 11:42:10</t>
  </si>
  <si>
    <t>lu3102449fynq.tmp</t>
  </si>
  <si>
    <t>\\acsfs\profiles$\CLAUDIAJCA\Reneg 18-12\lu3102449fynq.tmp</t>
  </si>
  <si>
    <t>\\acsfs\profiles$\CLAUDIAJCA\Reneg 18-12\lu3102449fynq.tmp\</t>
  </si>
  <si>
    <t>\\acsfs\profiles$\CLAUDIAJCA\Reneg 18-12\lu3102449fynq.tmp\META-INF\</t>
  </si>
  <si>
    <t>\\acsfs\profiles$\CLAUDIAJCA\Reneg 18-12\lu3102449fynq.tmp\Thumbnails\</t>
  </si>
  <si>
    <t>01/17/2020 11:42:11</t>
  </si>
  <si>
    <t>01/17/2020 11:43:44</t>
  </si>
  <si>
    <t>1214b529-0730-49c9-8ff8-7a32148527be.tmp</t>
  </si>
  <si>
    <t>\\acsfs\profiles$\paulovadc\Downloads\1214b529-0730-49c9-8ff8-7a32148527be.tmp</t>
  </si>
  <si>
    <t>01/17/2020 11:44:01</t>
  </si>
  <si>
    <t>01/17/2020 11:45:44</t>
  </si>
  <si>
    <t>lu421324aisy0.tmp</t>
  </si>
  <si>
    <t>\\acsfs\profiles$\BRUNAAR\Numero\lu421324aisy0.tmp</t>
  </si>
  <si>
    <t>01/17/2020 11:46:43</t>
  </si>
  <si>
    <t>01/17/2020 11:42:00</t>
  </si>
  <si>
    <t>01/17/2020 11:42:01</t>
  </si>
  <si>
    <t>lu1358412rhf1.tmp</t>
  </si>
  <si>
    <t>\\acsfs\profiles$\dhiulliananads\My Documents\lu1358412rhf1.tmp</t>
  </si>
  <si>
    <t>\\acsfs\profiles$\dhiulliananads\My Documents\lu1358412rhf1.tmp\</t>
  </si>
  <si>
    <t>\\acsfs\profiles$\dhiulliananads\My Documents\lu1358412rhf1.tmp\META-INF\</t>
  </si>
  <si>
    <t>\\acsfs\profiles$\dhiulliananads\My Documents\lu1358412rhf1.tmp\Thumbnails\</t>
  </si>
  <si>
    <t>01/17/2020 11:47:44</t>
  </si>
  <si>
    <t>01/17/2020 11:42:49</t>
  </si>
  <si>
    <t>f4798c11-034b-46b7-a281-4c7fc570c0ae.tmp</t>
  </si>
  <si>
    <t>\\acsfs\profiles$\antoniosva\Downloads\f4798c11-034b-46b7-a281-4c7fc570c0ae.tmp</t>
  </si>
  <si>
    <t>01/17/2020 11:46:18</t>
  </si>
  <si>
    <t>01/17/2020 11:48:44</t>
  </si>
  <si>
    <t>01/17/2020 11:46:24</t>
  </si>
  <si>
    <t>lu649212c9na.tmp</t>
  </si>
  <si>
    <t>\\acsfs\profiles$\FLAVIOJMM\My Documents\lu649212c9na.tmp</t>
  </si>
  <si>
    <t>\\acsfs\profiles$\FLAVIOJMM\My Documents\lu649212c9na.tmp\</t>
  </si>
  <si>
    <t>\\acsfs\profiles$\FLAVIOJMM\My Documents\lu649212c9na.tmp\META-INF\</t>
  </si>
  <si>
    <t>\\acsfs\profiles$\FLAVIOJMM\My Documents\lu649212c9na.tmp\Thumbnails\</t>
  </si>
  <si>
    <t>01/17/2020 11:51:44</t>
  </si>
  <si>
    <t>01/17/2020 11:50:53</t>
  </si>
  <si>
    <t>01/17/2020 11:52:44</t>
  </si>
  <si>
    <t>10.200.66.37</t>
  </si>
  <si>
    <t>78-2B-CB-C1-07-6E</t>
  </si>
  <si>
    <t>VOTORANT-JB005</t>
  </si>
  <si>
    <t>NatanaelLF</t>
  </si>
  <si>
    <t>\\acsfs\profiles$\NatanaelLF\Contacts\</t>
  </si>
  <si>
    <t>NATANAEL LAURENCIO FURTADO (20210).contact</t>
  </si>
  <si>
    <t>\\acsfs\profiles$\NatanaelLF\Contacts\NATANAEL LAURENCIO FURTADO (20210).contact</t>
  </si>
  <si>
    <t>01/17/2020 11:51:01</t>
  </si>
  <si>
    <t>\\acsfs\profiles$\NatanaelLF\My Documents\My Videos\</t>
  </si>
  <si>
    <t>\\acsfs\profiles$\NatanaelLF\My Documents\My Videos\desktop.ini</t>
  </si>
  <si>
    <t>01/17/2020 11:51:02</t>
  </si>
  <si>
    <t>\\acsfs\profiles$\NatanaelLF\My Documents\My Pictures\</t>
  </si>
  <si>
    <t>\\acsfs\profiles$\NatanaelLF\My Documents\My Pictures\desktop.ini</t>
  </si>
  <si>
    <t>01/17/2020 11:51:03</t>
  </si>
  <si>
    <t>\\acsfs\profiles$\NatanaelLF\Contacts\desktop.ini</t>
  </si>
  <si>
    <t>01/17/2020 11:51:04</t>
  </si>
  <si>
    <t>\\acsfs\profiles$\NatanaelLF\Favorites\</t>
  </si>
  <si>
    <t>\\acsfs\profiles$\NatanaelLF\Favorites\desktop.ini</t>
  </si>
  <si>
    <t>01/17/2020 11:51:05</t>
  </si>
  <si>
    <t>\\acsfs\profiles$\NatanaelLF\My Documents\My Music\</t>
  </si>
  <si>
    <t>\\acsfs\profiles$\NatanaelLF\My Documents\My Music\desktop.ini</t>
  </si>
  <si>
    <t>01/17/2020 11:51:06</t>
  </si>
  <si>
    <t>01/17/2020 11:51:07</t>
  </si>
  <si>
    <t>\\acsfs\profiles$\NatanaelLF\Searches\</t>
  </si>
  <si>
    <t>\\acsfs\profiles$\NatanaelLF\Searches\desktop.ini</t>
  </si>
  <si>
    <t>\\acsfs\profiles$\NatanaelLF\Downloads\</t>
  </si>
  <si>
    <t>\\acsfs\profiles$\NatanaelLF\Downloads\desktop.ini</t>
  </si>
  <si>
    <t>01/17/2020 11:54:44</t>
  </si>
  <si>
    <t>kit_pre_deslig_ant_term_contrato_empregado_124184_bruno de oliveira farias (1).pdf</t>
  </si>
  <si>
    <t>01/17/2020 11:54:19</t>
  </si>
  <si>
    <t>01/17/2020 11:55:44</t>
  </si>
  <si>
    <t>01/17/2020 11:56:44</t>
  </si>
  <si>
    <t>01/17/2020 11:54:32</t>
  </si>
  <si>
    <t>01/17/2020 11:55:02</t>
  </si>
  <si>
    <t>01/17/2020 11:55:27</t>
  </si>
  <si>
    <t>01/17/2020 11:55:28</t>
  </si>
  <si>
    <t>lu1358412rhf6.tmp</t>
  </si>
  <si>
    <t>\\acsfs\profiles$\dhiulliananads\My Documents\lu1358412rhf6.tmp</t>
  </si>
  <si>
    <t>\\acsfs\profiles$\dhiulliananads\My Documents\lu1358412rhf6.tmp\</t>
  </si>
  <si>
    <t>\\acsfs\profiles$\dhiulliananads\My Documents\lu1358412rhf6.tmp\META-INF\</t>
  </si>
  <si>
    <t>\\acsfs\profiles$\dhiulliananads\My Documents\lu1358412rhf6.tmp\Thumbnails\</t>
  </si>
  <si>
    <t>01/17/2020 11:57:44</t>
  </si>
  <si>
    <t>01/17/2020 11:55:11</t>
  </si>
  <si>
    <t>01/17/2020 11:55:12</t>
  </si>
  <si>
    <t>01/17/2020 11:55:13</t>
  </si>
  <si>
    <t>01/17/2020 11:55:14</t>
  </si>
  <si>
    <t>\\acsfs\profiles$\NatanaelLF\My Documents\</t>
  </si>
  <si>
    <t>\\acsfs\profiles$\NatanaelLF\My Documents\desktop.ini</t>
  </si>
  <si>
    <t>01/17/2020 11:55:15</t>
  </si>
  <si>
    <t>\\acsfs\profiles$\NatanaelLF\Saved Games\</t>
  </si>
  <si>
    <t>\\acsfs\profiles$\NatanaelLF\Saved Games\desktop.ini</t>
  </si>
  <si>
    <t>01/17/2020 11:55:16</t>
  </si>
  <si>
    <t>01/17/2020 11:55:55</t>
  </si>
  <si>
    <t>\\acsfs\profiles$\natanaellf\Favorites\Links for Brasil\</t>
  </si>
  <si>
    <t>\\acsfs\profiles$\natanaellf\Favorites\Links for Brasil\desktop.ini</t>
  </si>
  <si>
    <t>01/17/2020 11:55:57</t>
  </si>
  <si>
    <t>\\acsfs\profiles$\natanaellf\Favorites\Links for Brasil\Microsoft Brasil.url</t>
  </si>
  <si>
    <t>\\acsfs\profiles$\natanaellf\Favorites\Links for Brasil\Windows Brasil.url</t>
  </si>
  <si>
    <t>01/17/2020 11:55:58</t>
  </si>
  <si>
    <t>\\acsfs\profiles$\natanaellf\Favorites\Links for Brasil\MSN Brasil.url</t>
  </si>
  <si>
    <t>01/17/2020 11:55:59</t>
  </si>
  <si>
    <t>01/17/2020 11:56:22</t>
  </si>
  <si>
    <t>01/17/2020 11:59:44</t>
  </si>
  <si>
    <t>kit_pre_deslig_ant_term_contrato_empregado_124184_bruno de oliveira farias (2).pdf</t>
  </si>
  <si>
    <t>01/17/2020 11:58:13</t>
  </si>
  <si>
    <t>KIT_PRE_DESLIG_ANT_TERM_CONTRATO_EMPREGADO_124184_BRUNO DE OLIVEIRA FARIAS (2).pdf</t>
  </si>
  <si>
    <t>01/17/2020 11:58:15</t>
  </si>
  <si>
    <t>01/17/2020 11:58:18</t>
  </si>
  <si>
    <t>01/17/2020 11:58:30</t>
  </si>
  <si>
    <t>01/17/2020 11:58:33</t>
  </si>
  <si>
    <t>mail.google.com/sync/u/0/i/s?hl=pt-BR&amp;c=369</t>
  </si>
  <si>
    <t>01/17/2020 11:58:53</t>
  </si>
  <si>
    <t>01/17/2020 12:00:44</t>
  </si>
  <si>
    <t>261f3078-32ed-4957-9908-54e0a96cd4da.tmp</t>
  </si>
  <si>
    <t>\\acsfs\profiles$\ayalabfi\Downloads\261f3078-32ed-4957-9908-54e0a96cd4da.tmp</t>
  </si>
  <si>
    <t>01/17/2020 12:01:44</t>
  </si>
  <si>
    <t>01/17/2020 11:59:33</t>
  </si>
  <si>
    <t>01/17/2020 12:01:56</t>
  </si>
  <si>
    <t>01/17/2020 12:02:43</t>
  </si>
  <si>
    <t>01/17/2020 12:00:18</t>
  </si>
  <si>
    <t>01/17/2020 12:03:44</t>
  </si>
  <si>
    <t>01/17/2020 12:01:30</t>
  </si>
  <si>
    <t>01/17/2020 12:01:31</t>
  </si>
  <si>
    <t>lu208201ougwa.tmp</t>
  </si>
  <si>
    <t>\\acsfs\profiles$\paulovadc\lu208201ougwa.tmp</t>
  </si>
  <si>
    <t>\\acsfs\profiles$\paulovadc\lu208201ougwa.tmp\</t>
  </si>
  <si>
    <t>\\acsfs\profiles$\paulovadc\lu208201ougwa.tmp\META-INF\</t>
  </si>
  <si>
    <t>\\acsfs\profiles$\paulovadc\lu208201ougwa.tmp\Thumbnails\</t>
  </si>
  <si>
    <t>01/17/2020 11:59:19</t>
  </si>
  <si>
    <t>01/17/2020 12:02:52</t>
  </si>
  <si>
    <t>01/17/2020 12:05:44</t>
  </si>
  <si>
    <t>01/17/2020 12:01:52</t>
  </si>
  <si>
    <t>01/17/2020 12:01:53</t>
  </si>
  <si>
    <t>01/17/2020 12:06:44</t>
  </si>
  <si>
    <t>01/17/2020 12:04:04</t>
  </si>
  <si>
    <t>01/17/2020 12:04:34</t>
  </si>
  <si>
    <t>01/17/2020 12:03:13</t>
  </si>
  <si>
    <t>01/17/2020 12:08:45</t>
  </si>
  <si>
    <t>10.200.67.16</t>
  </si>
  <si>
    <t>74-86-7A-FD-D8-68</t>
  </si>
  <si>
    <t>VOTORANT-WB016</t>
  </si>
  <si>
    <t>\\acsfs\profiles$\laylaams\Contacts\</t>
  </si>
  <si>
    <t>LAYLA APARECIDA MACEDO SILVEIRA (15).contact</t>
  </si>
  <si>
    <t>\\acsfs\profiles$\laylaams\Contacts\LAYLA APARECIDA MACEDO SILVEIRA (15).contact</t>
  </si>
  <si>
    <t>01/17/2020 12:03:25</t>
  </si>
  <si>
    <t>\\acsfs\profiles$\laylaams\My Documents\My Videos\</t>
  </si>
  <si>
    <t>\\acsfs\profiles$\laylaams\My Documents\My Videos\desktop.ini</t>
  </si>
  <si>
    <t>01/17/2020 12:03:26</t>
  </si>
  <si>
    <t>\\acsfs\profiles$\laylaams\My Documents\My Pictures\</t>
  </si>
  <si>
    <t>\\acsfs\profiles$\laylaams\My Documents\My Pictures\desktop.ini</t>
  </si>
  <si>
    <t>01/17/2020 12:03:27</t>
  </si>
  <si>
    <t>\\acsfs\profiles$\laylaams\Contacts\desktop.ini</t>
  </si>
  <si>
    <t>01/17/2020 12:03:28</t>
  </si>
  <si>
    <t>\\acsfs\profiles$\laylaams\Favorites\</t>
  </si>
  <si>
    <t>\\acsfs\profiles$\laylaams\Favorites\desktop.ini</t>
  </si>
  <si>
    <t>01/17/2020 12:03:29</t>
  </si>
  <si>
    <t>01/17/2020 12:03:30</t>
  </si>
  <si>
    <t>\\acsfs\profiles$\laylaams\My Documents\My Music\</t>
  </si>
  <si>
    <t>\\acsfs\profiles$\laylaams\My Documents\My Music\desktop.ini</t>
  </si>
  <si>
    <t>01/17/2020 12:03:31</t>
  </si>
  <si>
    <t>01/17/2020 12:03:32</t>
  </si>
  <si>
    <t>\\acsfs\profiles$\laylaams\Searches\</t>
  </si>
  <si>
    <t>\\acsfs\profiles$\laylaams\Searches\desktop.ini</t>
  </si>
  <si>
    <t>01/17/2020 12:03:33</t>
  </si>
  <si>
    <t>\\acsfs\profiles$\laylaams\Downloads\desktop.ini</t>
  </si>
  <si>
    <t>01/17/2020 12:03:34</t>
  </si>
  <si>
    <t>\\acsfs\profiles$\laylaams\My Documents\</t>
  </si>
  <si>
    <t>\\acsfs\profiles$\laylaams\My Documents\desktop.ini</t>
  </si>
  <si>
    <t>01/17/2020 12:03:35</t>
  </si>
  <si>
    <t>01/17/2020 12:03:36</t>
  </si>
  <si>
    <t>\\acsfs\profiles$\laylaams\Saved Games\</t>
  </si>
  <si>
    <t>\\acsfs\profiles$\laylaams\Saved Games\desktop.ini</t>
  </si>
  <si>
    <t>01/17/2020 12:03:37</t>
  </si>
  <si>
    <t>01/17/2020 12:03:53</t>
  </si>
  <si>
    <t>\\acsfs\profiles$\laylaams\Favorites\Links for Brasil\</t>
  </si>
  <si>
    <t>\\acsfs\profiles$\laylaams\Favorites\Links for Brasil\desktop.ini</t>
  </si>
  <si>
    <t>01/17/2020 12:03:55</t>
  </si>
  <si>
    <t>\\acsfs\profiles$\laylaams\Favorites\Links for Brasil\Microsoft Brasil.url</t>
  </si>
  <si>
    <t>01/17/2020 12:03:56</t>
  </si>
  <si>
    <t>\\acsfs\profiles$\laylaams\Favorites\Links for Brasil\Windows Brasil.url</t>
  </si>
  <si>
    <t>01/17/2020 12:03:57</t>
  </si>
  <si>
    <t>\\acsfs\profiles$\laylaams\Favorites\Links for Brasil\MSN Brasil.url</t>
  </si>
  <si>
    <t>01/17/2020 12:05:35</t>
  </si>
  <si>
    <t>e7b0eaba-9678-4435-bdd0-73e123a132ed.tmp</t>
  </si>
  <si>
    <t>\\acsfs\profiles$\laylaams\Downloads\e7b0eaba-9678-4435-bdd0-73e123a132ed.tmp</t>
  </si>
  <si>
    <t>01/17/2020 12:05:47</t>
  </si>
  <si>
    <t>Não confirmado 964888.crdownload</t>
  </si>
  <si>
    <t>\\acsfs\profiles$\laylaams\Downloads\Não confirmado 964888.crdownload</t>
  </si>
  <si>
    <t>01/17/2020 12:05:48</t>
  </si>
  <si>
    <t>974895ec-7776-4cd8-aac7-5833d1d9ef6a.tmp</t>
  </si>
  <si>
    <t>\\acsfs\profiles$\laylaams\Downloads\974895ec-7776-4cd8-aac7-5833d1d9ef6a.tmp</t>
  </si>
  <si>
    <t>01/17/2020 12:05:50</t>
  </si>
  <si>
    <t>5516f4e7-73ea-42c6-aafe-dec318ce930f.tmp</t>
  </si>
  <si>
    <t>\\acsfs\profiles$\laylaams\Downloads\5516f4e7-73ea-42c6-aafe-dec318ce930f.tmp</t>
  </si>
  <si>
    <t>01/17/2020 12:05:53</t>
  </si>
  <si>
    <t>83dbadf6-0bf2-4bd2-ad75-73930e9ed201.tmp</t>
  </si>
  <si>
    <t>\\acsfs\profiles$\laylaams\Downloads\83dbadf6-0bf2-4bd2-ad75-73930e9ed201.tmp</t>
  </si>
  <si>
    <t>01/17/2020 12:05:58</t>
  </si>
  <si>
    <t>\\acsfs\profiles$\laylaams\Downloads\Q29udHJvbGxlci5DYWxjdWxhZG9yYURlVmVuY2lt (10).ica</t>
  </si>
  <si>
    <t>01/17/2020 12:06:25</t>
  </si>
  <si>
    <t>01/17/2020 12:07:23</t>
  </si>
  <si>
    <t>68ba34e4-3106-4a72-99e0-e855941e009e.tmp</t>
  </si>
  <si>
    <t>\\acsfs\profiles$\laylaams\Downloads\68ba34e4-3106-4a72-99e0-e855941e009e.tmp</t>
  </si>
  <si>
    <t>01/17/2020 12:04:57</t>
  </si>
  <si>
    <t>0e0c4c3d-6100-4c4b-8688-91a8b04275c5.tmp</t>
  </si>
  <si>
    <t>\\acsfs\profiles$\inarajst\Downloads\0e0c4c3d-6100-4c4b-8688-91a8b04275c5.tmp</t>
  </si>
  <si>
    <t>01/17/2020 12:03:43</t>
  </si>
  <si>
    <t>01/17/2020 12:03:48</t>
  </si>
  <si>
    <t>01/17/2020 12:06:38</t>
  </si>
  <si>
    <t>01/17/2020 12:10:44</t>
  </si>
  <si>
    <t>a94a3af2-57c9-4336-8312-d9edb4c1130f.tmp</t>
  </si>
  <si>
    <t>\\acsfs\profiles$\lorenabmc\Downloads\a94a3af2-57c9-4336-8312-d9edb4c1130f.tmp</t>
  </si>
  <si>
    <t>01/17/2020 12:11:43</t>
  </si>
  <si>
    <t>01/17/2020 12:08:34</t>
  </si>
  <si>
    <t>01/17/2020 12:09:45</t>
  </si>
  <si>
    <t>mail.google.com/sync/u/0/i/s?hl=pt-BR&amp;c=1411</t>
  </si>
  <si>
    <t>01/17/2020 12:10:16</t>
  </si>
  <si>
    <t>01/17/2020 12:10:31</t>
  </si>
  <si>
    <t>mail.google.com/sync/u/0/i/s?hl=pt-BR&amp;c=1416</t>
  </si>
  <si>
    <t>01/17/2020 12:10:49</t>
  </si>
  <si>
    <t>mail.google.com/sync/u/0/i/s?hl=pt-BR&amp;c=1418</t>
  </si>
  <si>
    <t>01/17/2020 12:10:50</t>
  </si>
  <si>
    <t>01/17/2020 12:11:03</t>
  </si>
  <si>
    <t>mail.google.com/sync/u/0/i/s?hl=pt-BR&amp;c=1420</t>
  </si>
  <si>
    <t>01/17/2020 12:10:26</t>
  </si>
  <si>
    <t>01/17/2020 12:14:44</t>
  </si>
  <si>
    <t>01/17/2020 12:09:06</t>
  </si>
  <si>
    <t>71847c2a-2f71-4fdc-87f2-40e5c6ba3b48.tmp</t>
  </si>
  <si>
    <t>\\acsfs\profiles$\geovannasm\Downloads\71847c2a-2f71-4fdc-87f2-40e5c6ba3b48.tmp</t>
  </si>
  <si>
    <t>d65bfa15-c493-43a9-a4e0-f9728c7bf396.tmp</t>
  </si>
  <si>
    <t>\\acsfs\profiles$\geovannasm\Downloads\d65bfa15-c493-43a9-a4e0-f9728c7bf396.tmp</t>
  </si>
  <si>
    <t>01/17/2020 12:09:15</t>
  </si>
  <si>
    <t>7759491f-d4a2-4edb-a603-4e9a39778d8a.tmp</t>
  </si>
  <si>
    <t>\\acsfs\profiles$\geovannasm\Downloads\7759491f-d4a2-4edb-a603-4e9a39778d8a.tmp</t>
  </si>
  <si>
    <t>01/17/2020 12:09:23</t>
  </si>
  <si>
    <t>8926f566-1333-4ec0-8cae-6bd053156cc7.tmp</t>
  </si>
  <si>
    <t>\\acsfs\profiles$\geovannasm\Downloads\8926f566-1333-4ec0-8cae-6bd053156cc7.tmp</t>
  </si>
  <si>
    <t>01/17/2020 12:12:03</t>
  </si>
  <si>
    <t>66d63535-010e-4292-b78d-d1d453ad8172.tmp</t>
  </si>
  <si>
    <t>\\acsfs\profiles$\nathaliarmr\Downloads\66d63535-010e-4292-b78d-d1d453ad8172.tmp</t>
  </si>
  <si>
    <t>01/16/2020 20:53:54</t>
  </si>
  <si>
    <t>lu166242ofjiw.tmp</t>
  </si>
  <si>
    <t>\\acsfs\profiles$\regisedsj\My Documents\lu166242ofjiw.tmp</t>
  </si>
  <si>
    <t>\\acsfs\profiles$\regisedsj\My Documents\lu166242ofjiw.tmp\</t>
  </si>
  <si>
    <t>\\acsfs\profiles$\regisedsj\My Documents\lu166242ofjiw.tmp\META-INF\</t>
  </si>
  <si>
    <t>\\acsfs\profiles$\regisedsj\My Documents\lu166242ofjiw.tmp\Thumbnails\</t>
  </si>
  <si>
    <t>01/17/2020 12:12:35</t>
  </si>
  <si>
    <t>01/17/2020 12:16:44</t>
  </si>
  <si>
    <t>01/17/2020 12:14:00</t>
  </si>
  <si>
    <t>01/17/2020 12:14:48</t>
  </si>
  <si>
    <t>01/17/2020 12:14:58</t>
  </si>
  <si>
    <t>01/17/2020 12:15:52</t>
  </si>
  <si>
    <t>9480e24d-8a4a-4c4f-b7cc-7d5d6fb77548.tmp</t>
  </si>
  <si>
    <t>\\acsfs\profiles$\adelvinsonle\Downloads\9480e24d-8a4a-4c4f-b7cc-7d5d6fb77548.tmp</t>
  </si>
  <si>
    <t>01/17/2020 12:15:06</t>
  </si>
  <si>
    <t>01/17/2020 12:11:24</t>
  </si>
  <si>
    <t>01/17/2020 12:11:49</t>
  </si>
  <si>
    <t>mail.google.com/sync/u/0/i/s?hl=pt-BR&amp;c=1425</t>
  </si>
  <si>
    <t>01/17/2020 12:11:55</t>
  </si>
  <si>
    <t>mail.google.com/sync/u/0/i/s?hl=pt-BR&amp;c=1427</t>
  </si>
  <si>
    <t>01/17/2020 12:18:44</t>
  </si>
  <si>
    <t>01/17/2020 12:16:46</t>
  </si>
  <si>
    <t>01/17/2020 12:15:45</t>
  </si>
  <si>
    <t>01/17/2020 12:19:44</t>
  </si>
  <si>
    <t>89a48c27-ae1f-418e-bd25-b8b635085eba.tmp</t>
  </si>
  <si>
    <t>\\acsfs\profiles$\geovannasm\Downloads\89a48c27-ae1f-418e-bd25-b8b635085eba.tmp</t>
  </si>
  <si>
    <t>01/17/2020 12:21:44</t>
  </si>
  <si>
    <t>01/17/2020 12:16:36</t>
  </si>
  <si>
    <t>01/17/2020 12:18:06</t>
  </si>
  <si>
    <t>01/17/2020 12:18:36</t>
  </si>
  <si>
    <t>01/17/2020 12:19:06</t>
  </si>
  <si>
    <t>01/17/2020 12:21:53</t>
  </si>
  <si>
    <t>01/17/2020 12:23:44</t>
  </si>
  <si>
    <t>01/17/2020 12:21:55</t>
  </si>
  <si>
    <t>01/17/2020 12:22:01</t>
  </si>
  <si>
    <t>01/17/2020 12:18:10</t>
  </si>
  <si>
    <t>eef621e6-dbe5-4d63-9dc9-48d7ed4e9ffd.tmp</t>
  </si>
  <si>
    <t>\\acsfs\profiles$\gabrielsma\Downloads\eef621e6-dbe5-4d63-9dc9-48d7ed4e9ffd.tmp</t>
  </si>
  <si>
    <t>01/17/2020 12:18:17</t>
  </si>
  <si>
    <t>01/17/2020 12:20:30</t>
  </si>
  <si>
    <t>01/17/2020 12:24:43</t>
  </si>
  <si>
    <t>01/17/2020 12:19:39</t>
  </si>
  <si>
    <t>8712b98a-ec1c-40ae-88ba-7585dc77ae90.tmp</t>
  </si>
  <si>
    <t>\\acsfs\profiles$\regisedsj\Downloads\8712b98a-ec1c-40ae-88ba-7585dc77ae90.tmp</t>
  </si>
  <si>
    <t>4260fc46-1da9-401c-9a9c-34b28acd5c1e.tmp</t>
  </si>
  <si>
    <t>\\acsfs\profiles$\regisedsj\Downloads\4260fc46-1da9-401c-9a9c-34b28acd5c1e.tmp</t>
  </si>
  <si>
    <t>01/17/2020 12:20:46</t>
  </si>
  <si>
    <t>01/17/2020 12:26:45</t>
  </si>
  <si>
    <t>01/17/2020 12:20:47</t>
  </si>
  <si>
    <t>01/17/2020 12:25:38</t>
  </si>
  <si>
    <t>01/17/2020 12:26:08</t>
  </si>
  <si>
    <t>01/17/2020 12:28:46</t>
  </si>
  <si>
    <t>01/17/2020 12:25:14</t>
  </si>
  <si>
    <t>01/17/2020 12:25:17</t>
  </si>
  <si>
    <t>outlook.office.com/owa/service.svc?action=CreateItem&amp;app=Mail&amp;n=86</t>
  </si>
  <si>
    <t>01/17/2020 12:26:04</t>
  </si>
  <si>
    <t>outlook.office.com/owa/service.svc?action=UpdateItem&amp;app=Mail&amp;n=130</t>
  </si>
  <si>
    <t>andrelpsa@algartech.com;eliane.martins@bv.com.br;gabrielsma@bv.algartech.com;robsonams@algartech.com;</t>
  </si>
  <si>
    <t>andrelpsa@algartech.com,eliane.martins@bv.com.br,gabrielsma@bv.algartech.com,robsonams@algartech.com</t>
  </si>
  <si>
    <t>01/17/2020 12:26:29</t>
  </si>
  <si>
    <t>56a6a67a-39b3-4b9c-8fcb-bd846c60ddb0.tmp</t>
  </si>
  <si>
    <t>\\acsfs\profiles$\gabrielsma\Downloads\56a6a67a-39b3-4b9c-8fcb-bd846c60ddb0.tmp</t>
  </si>
  <si>
    <t>01/17/2020 12:26:41</t>
  </si>
  <si>
    <t>Não confirmado 765612.crdownload</t>
  </si>
  <si>
    <t>\\acsfs\ACS\Gabriel da Silva\Contemporânea\VENDAS\Não confirmado 765612.crdownload</t>
  </si>
  <si>
    <t>01/17/2020 12:27:23</t>
  </si>
  <si>
    <t>758ed92a-3359-45ee-868b-9175bd735293.tmp</t>
  </si>
  <si>
    <t>\\acsfs\profiles$\gabrielsma\Downloads\758ed92a-3359-45ee-868b-9175bd735293.tmp</t>
  </si>
  <si>
    <t>\\acsfs\profiles$\gabrielsma\Downloads\758ed92a-3359-45ee-868b-9175bd735293.tmp\</t>
  </si>
  <si>
    <t>Novo Relat¢rio de Vendas.xlsx</t>
  </si>
  <si>
    <t>01/17/2020 12:28:02</t>
  </si>
  <si>
    <t>Não confirmado 406782.crdownload</t>
  </si>
  <si>
    <t>\\acsfs\ACS\Gabriel da Silva\Contemporânea\VENDAS\Não confirmado 406782.crdownload</t>
  </si>
  <si>
    <t>\\acsfs\ACS\Gabriel da Silva\Contemporânea\VENDAS\Não confirmado 406782.crdownload\</t>
  </si>
  <si>
    <t>01/17/2020 12:27:21</t>
  </si>
  <si>
    <t>01/17/2020 12:29:45</t>
  </si>
  <si>
    <t>a48b618b-f329-4a60-bcfe-0f59f93c5193.tmp</t>
  </si>
  <si>
    <t>\\acsfs\profiles$\lorrainerdl\Downloads\a48b618b-f329-4a60-bcfe-0f59f93c5193.tmp</t>
  </si>
  <si>
    <t>01/17/2020 12:30:09</t>
  </si>
  <si>
    <t>01/17/2020 12:31:45</t>
  </si>
  <si>
    <t>01/17/2020 12:26:38</t>
  </si>
  <si>
    <t>01/17/2020 12:27:08</t>
  </si>
  <si>
    <t>01/17/2020 12:27:39</t>
  </si>
  <si>
    <t>01/17/2020 12:29:39</t>
  </si>
  <si>
    <t>01/17/2020 12:31:08</t>
  </si>
  <si>
    <t>mail.google.com/sync/u/0/i/s?hl=pt-BR&amp;c=1441</t>
  </si>
  <si>
    <t>01/17/2020 12:31:30</t>
  </si>
  <si>
    <t>01/17/2020 12:31:34</t>
  </si>
  <si>
    <t>mail.google.com/sync/u/0/i/s?hl=pt-BR&amp;c=1446</t>
  </si>
  <si>
    <t>01/17/2020 12:29:41</t>
  </si>
  <si>
    <t>01/17/2020 12:32:45</t>
  </si>
  <si>
    <t>0a64b56c-b2d3-49c1-bb6a-b57473125d91.tmp</t>
  </si>
  <si>
    <t>\\acsfs\profiles$\LUISPLS\Downloads\0a64b56c-b2d3-49c1-bb6a-b57473125d91.tmp</t>
  </si>
  <si>
    <t>01/17/2020 12:31:44</t>
  </si>
  <si>
    <t>4c87a10e-a875-46f0-bbeb-7d7d4bb84012.tmp</t>
  </si>
  <si>
    <t>\\acsfs\profiles$\LUISPLS\Downloads\4c87a10e-a875-46f0-bbeb-7d7d4bb84012.tmp</t>
  </si>
  <si>
    <t>01/17/2020 12:29:23</t>
  </si>
  <si>
    <t>01/17/2020 12:33:45</t>
  </si>
  <si>
    <t>\\acsfs\ACS\Gabriel da Silva\Contemporânea\BDBV\63D0007E.tmp\</t>
  </si>
  <si>
    <t>\\acsfs\ACS\Gabriel da Silva\Contemporânea\BDBV\63D0007E.tmp\:Zone.Identifier:$DATA</t>
  </si>
  <si>
    <t>01/17/2020 12:29:24</t>
  </si>
  <si>
    <t>01/17/2020 12:34:45</t>
  </si>
  <si>
    <t>01/17/2020 12:32:03</t>
  </si>
  <si>
    <t>b59b75af-b0f2-4ced-91b2-9b83fd7c782d.tmp</t>
  </si>
  <si>
    <t>\\acsfs\profiles$\lorrainerdl\Downloads\b59b75af-b0f2-4ced-91b2-9b83fd7c782d.tmp</t>
  </si>
  <si>
    <t>01/17/2020 12:31:47</t>
  </si>
  <si>
    <t>01/17/2020 12:35:45</t>
  </si>
  <si>
    <t>RELATORIO DE LOGIN - BV CARTÕES 14-01 - Cópia.xlsm</t>
  </si>
  <si>
    <t>\\acsfs\DEPTOS\Operacao\PCP\5 - Comum\PLANEJAMENTO BV\14 - ACOMPANHAMENTO\1 - REPORT ACOMPANHAMENTO\2020\1 - JANEIRO\CARTÕES\Login Logout Cartões\RELATORIO DE LOGIN - BV CARTÕES 14-01 - Cópia.xlsm</t>
  </si>
  <si>
    <t>01/17/2020 12:35:21</t>
  </si>
  <si>
    <t>01/17/2020 12:36:45</t>
  </si>
  <si>
    <t>01/17/2020 12:32:10</t>
  </si>
  <si>
    <t>01/17/2020 12:32:40</t>
  </si>
  <si>
    <t>01/17/2020 12:33:10</t>
  </si>
  <si>
    <t>01/17/2020 12:34:40</t>
  </si>
  <si>
    <t>01/17/2020 12:31:53</t>
  </si>
  <si>
    <t>mail.google.com/sync/u/0/i/s?hl=pt-BR&amp;c=1448</t>
  </si>
  <si>
    <t>01/17/2020 12:32:15</t>
  </si>
  <si>
    <t>mail.google.com/sync/u/0/i/s?hl=pt-BR&amp;c=1450</t>
  </si>
  <si>
    <t>01/17/2020 12:32:25</t>
  </si>
  <si>
    <t>mail.google.com/sync/u/0/i/s?hl=pt-BR&amp;c=1452</t>
  </si>
  <si>
    <t>01/17/2020 12:32:31</t>
  </si>
  <si>
    <t>mail.google.com/sync/u/0/i/s?hl=pt-BR&amp;c=1455</t>
  </si>
  <si>
    <t>01/17/2020 12:32:47</t>
  </si>
  <si>
    <t>mail.google.com/sync/u/0/i/s?hl=pt-BR&amp;c=1457</t>
  </si>
  <si>
    <t>01/17/2020 12:32:50</t>
  </si>
  <si>
    <t>mail.google.com/sync/u/0/i/s?hl=pt-BR&amp;c=1459</t>
  </si>
  <si>
    <t>100014082285011;100014122394468;algartechcpcbv@bv.algartech.com;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t>
  </si>
  <si>
    <t>100014082285011,100014122394468,algartechcpcbv@bv.algartech.com,andrelpsa@algartech.com,catianalv@algartech.com,cpc-controldeskavon@algartech.com,joaogvc@algartech.com,joseasn@algartech.com,josiascdsj@algartech.com,leonardoao@algartech.com,lucianarsantos@algartech.com,marianadjc@algartech.com,maristelavodq@bv.algartech.com,paulacn@algartech.com,qualidadealgarbv@algartech.com,ricardodfm@algartech.com.br,senildapdo@algartecnologia.com.br,supervisaobancovotorantim@algartech.com,taysdss@algartech.com,thiagolrc@bv.algartech.com</t>
  </si>
  <si>
    <t>01/17/2020 12:33:04</t>
  </si>
  <si>
    <t>mail.google.com/sync/u/0/i/s?hl=pt-BR&amp;c=1461</t>
  </si>
  <si>
    <t>mail.google.com/sync/u/0/i/s?hl=pt-BR&amp;c=1463</t>
  </si>
  <si>
    <t>01/17/2020 12:33:29</t>
  </si>
  <si>
    <t>mail.google.com/sync/u/0/i/s?hl=pt-BR&amp;c=1466</t>
  </si>
  <si>
    <t>01/17/2020 12:33:34</t>
  </si>
  <si>
    <t>mail.google.com/sync/u/0/i/s?hl=pt-BR&amp;c=1468</t>
  </si>
  <si>
    <t>01/17/2020 12:33:39</t>
  </si>
  <si>
    <t>mail.google.com/sync/u/0/i/s?hl=pt-BR&amp;c=1470</t>
  </si>
  <si>
    <t>01/17/2020 12:33:42</t>
  </si>
  <si>
    <t>01/17/2020 12:33:43</t>
  </si>
  <si>
    <t>mail.google.com/sync/u/0/i/s?hl=pt-BR&amp;c=1472</t>
  </si>
  <si>
    <t>01/17/2020 12:33:48</t>
  </si>
  <si>
    <t>01/17/2020 12:34:01</t>
  </si>
  <si>
    <t>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01/17/2020 12:34:20</t>
  </si>
  <si>
    <t>mail.google.com/sync/u/0/i/s?hl=pt-BR&amp;c=1479</t>
  </si>
  <si>
    <t>01/17/2020 12:34:27</t>
  </si>
  <si>
    <t>01/17/2020 12:34:35</t>
  </si>
  <si>
    <t>mail.google.com/sync/u/0/i/s?hl=pt-BR&amp;c=1484</t>
  </si>
  <si>
    <t>100014082285011;algartechcpcbv@bv.algartech.com;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100014082285011,algartechcpcbv@bv.algartech.com,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01/17/2020 12:34:39</t>
  </si>
  <si>
    <t>mail.google.com/sync/u/0/i/s?hl=pt-BR&amp;c=1486</t>
  </si>
  <si>
    <t>100022417546165;algartechcpcbv@bv.algartech.com;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ricardodfm@algartech.com.br;senildapdo@algartecnologia.com.br;supervisaobancovotorantim@algartech.com;taysdss@algartech.com;thiagolrc@bv.algartech.com;</t>
  </si>
  <si>
    <t>100022417546165,algartechcpcbv@bv.algartech.com,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ricardodfm@algartech.com.br,senildapdo@algartecnologia.com.br,supervisaobancovotorantim@algartech.com,taysdss@algartech.com,thiagolrc@bv.algartech.com</t>
  </si>
  <si>
    <t>01/17/2020 12:37:45</t>
  </si>
  <si>
    <t>01/17/2020 12:34:00</t>
  </si>
  <si>
    <t>01/17/2020 12:34:05</t>
  </si>
  <si>
    <t>lu3102449fyob.tmp</t>
  </si>
  <si>
    <t>\\acsfs\profiles$\CLAUDIAJCA\Reneg 18-12\lu3102449fyob.tmp</t>
  </si>
  <si>
    <t>\\acsfs\profiles$\CLAUDIAJCA\Reneg 18-12\lu3102449fyob.tmp\</t>
  </si>
  <si>
    <t>\\acsfs\profiles$\CLAUDIAJCA\Reneg 18-12\lu3102449fyob.tmp\META-INF\</t>
  </si>
  <si>
    <t>\\acsfs\profiles$\CLAUDIAJCA\Reneg 18-12\lu3102449fyob.tmp\Thumbnails\</t>
  </si>
  <si>
    <t>01/17/2020 12:33:44</t>
  </si>
  <si>
    <t>01/17/2020 12:38:45</t>
  </si>
  <si>
    <t>\\acsfs\ACS\Gabriel da Silva\Contemporânea\BDBV\9554F80D.tmp\</t>
  </si>
  <si>
    <t>\\acsfs\ACS\Gabriel da Silva\Contemporânea\BDBV\9554F80D.tmp\:Zone.Identifier:$DATA</t>
  </si>
  <si>
    <t>01/17/2020 12:34:08</t>
  </si>
  <si>
    <t>01/17/2020 12:34:24</t>
  </si>
  <si>
    <t>01/17/2020 12:34:38</t>
  </si>
  <si>
    <t>01/17/2020 12:34:46</t>
  </si>
  <si>
    <t>01/17/2020 12:35:51</t>
  </si>
  <si>
    <t>01/17/2020 12:41:45</t>
  </si>
  <si>
    <t>01/17/2020 12:38:11</t>
  </si>
  <si>
    <t>01/17/2020 12:43:45</t>
  </si>
  <si>
    <t>01/17/2020 12:42:12</t>
  </si>
  <si>
    <t>d62871f7-a27c-4e6f-875c-c1d2c35cd02f.tmp</t>
  </si>
  <si>
    <t>\\acsfs\profiles$\nataliacsl\Downloads\d62871f7-a27c-4e6f-875c-c1d2c35cd02f.tmp</t>
  </si>
  <si>
    <t>01/17/2020 12:39:03</t>
  </si>
  <si>
    <t>01/17/2020 12:39:13</t>
  </si>
  <si>
    <t>\\acsfs\ACS\Gabriel da Silva\Contemporânea\BDBV\CFAB309F.tmp\</t>
  </si>
  <si>
    <t>\\acsfs\ACS\Gabriel da Silva\Contemporânea\BDBV\CFAB309F.tmp\:Zone.Identifier:$DATA</t>
  </si>
  <si>
    <t>01/17/2020 12:39:14</t>
  </si>
  <si>
    <t>01/17/2020 12:42:34</t>
  </si>
  <si>
    <t>Não confirmado 765227.crdownload</t>
  </si>
  <si>
    <t>\\acsfs\ACS\Gabriel da Silva\Contemporânea\NPS\NPS_Voz\Janeiro.20\Não confirmado 765227.crdownload</t>
  </si>
  <si>
    <t>01/17/2020 12:39:31</t>
  </si>
  <si>
    <t>12b72906-602a-4ae4-86a5-457dcd9559bc.tmp</t>
  </si>
  <si>
    <t>\\acsfs\profiles$\danielac\Downloads\12b72906-602a-4ae4-86a5-457dcd9559bc.tmp</t>
  </si>
  <si>
    <t>01/17/2020 12:39:52</t>
  </si>
  <si>
    <t>01/17/2020 12:44:45</t>
  </si>
  <si>
    <t>Desligamento Bruno.zip</t>
  </si>
  <si>
    <t>01/17/2020 12:39:53</t>
  </si>
  <si>
    <t>C:\Users\raicdf\Downloads\Desligamento Bruno.zip\</t>
  </si>
  <si>
    <t>Desligamento Bruno.pdf</t>
  </si>
  <si>
    <t>01/17/2020 12:41:02</t>
  </si>
  <si>
    <t>https://algar.folhasinergyrh.com.br/rescisao/upload?id=0&amp;idsolicitacao=22116&amp;idprerescisao=0</t>
  </si>
  <si>
    <t>03/02/2020;</t>
  </si>
  <si>
    <t>https://03/02/2020</t>
  </si>
  <si>
    <t>01/17/2020 12:41:23</t>
  </si>
  <si>
    <t>mail.google.com/_/upload?authuser=0&amp;dcp=asu-n&amp;upload_id=AEnB2UpAVuAhNOvVL72gUIlRw0R-gONXfAl1WxPWP2YGfZ7V0PzSwjudtkYvB7GbByuRB2hsZuNh6tqGOWrxJZl1pO05ZEZ3mw&amp;upload_protocol=resumable</t>
  </si>
  <si>
    <t>01/17/2020 12:41:28</t>
  </si>
  <si>
    <t>01/17/2020 12:41:35</t>
  </si>
  <si>
    <t>01/17/2020 12:41:44</t>
  </si>
  <si>
    <t>01/17/2020 12:41:50</t>
  </si>
  <si>
    <t>01/17/2020 12:41:54</t>
  </si>
  <si>
    <t>01/17/2020 12:42:16</t>
  </si>
  <si>
    <t>01/17/2020 12:42:23</t>
  </si>
  <si>
    <t>01/17/2020 12:42:26</t>
  </si>
  <si>
    <t>01/17/2020 12:42:38</t>
  </si>
  <si>
    <t>01/17/2020 12:42:55</t>
  </si>
  <si>
    <t>01/17/2020 12:42:58</t>
  </si>
  <si>
    <t>01/17/2020 12:43:03</t>
  </si>
  <si>
    <t>17/01/2020;marianacgs@algartech.com;</t>
  </si>
  <si>
    <t>17/01/2020,marianacgs@algartech.com</t>
  </si>
  <si>
    <t>01/17/2020 12:43:09</t>
  </si>
  <si>
    <t>01/17/2020 12:43:01</t>
  </si>
  <si>
    <t>01/17/2020 12:45:45</t>
  </si>
  <si>
    <t>01/17/2020 12:43:37</t>
  </si>
  <si>
    <t>4d27565d-3f1a-43e9-831c-c2cd77377ecb.tmp</t>
  </si>
  <si>
    <t>\\acsfs\profiles$\mariajra\Downloads\4d27565d-3f1a-43e9-831c-c2cd77377ecb.tmp</t>
  </si>
  <si>
    <t>01/17/2020 12:44:50</t>
  </si>
  <si>
    <t>01/17/2020 12:46:45</t>
  </si>
  <si>
    <t>4549d2b1-2b3c-4006-942d-ce65a201d808.tmp</t>
  </si>
  <si>
    <t>\\acsfs\profiles$\mariagsg\Downloads\4549d2b1-2b3c-4006-942d-ce65a201d808.tmp</t>
  </si>
  <si>
    <t>01/17/2020 12:46:55</t>
  </si>
  <si>
    <t>01/17/2020 12:47:45</t>
  </si>
  <si>
    <t>01/17/2020 12:47:31</t>
  </si>
  <si>
    <t>01/17/2020 12:43:38</t>
  </si>
  <si>
    <t>01/17/2020 12:48:45</t>
  </si>
  <si>
    <t>Não confirmado 831053.crdownload</t>
  </si>
  <si>
    <t>\\acsfs\ACS\Gabriel da Silva\Contemporânea\Gen\Não confirmado 831053.crdownload</t>
  </si>
  <si>
    <t>01/17/2020 12:45:06</t>
  </si>
  <si>
    <t>\\acsfs\ACS\Gabriel da Silva\Contemporânea\BDBV\FBB98513.tmp\</t>
  </si>
  <si>
    <t>\\acsfs\ACS\Gabriel da Silva\Contemporânea\BDBV\FBB98513.tmp\:Zone.Identifier:$DATA</t>
  </si>
  <si>
    <t>01/17/2020 12:45:07</t>
  </si>
  <si>
    <t>01/17/2020 12:48:59</t>
  </si>
  <si>
    <t>01/17/2020 12:49:45</t>
  </si>
  <si>
    <t>754ae356-1aab-4f51-9e34-b608977e1a18.tmp</t>
  </si>
  <si>
    <t>\\acsfs\profiles$\lorrainerdl\Downloads\754ae356-1aab-4f51-9e34-b608977e1a18.tmp</t>
  </si>
  <si>
    <t>01/17/2020 12:47:11</t>
  </si>
  <si>
    <t>01/17/2020 12:50:45</t>
  </si>
  <si>
    <t>01/17/2020 12:47:12</t>
  </si>
  <si>
    <t>lu421324aisy4.tmp</t>
  </si>
  <si>
    <t>\\acsfs\profiles$\BRUNAAR\Numero\lu421324aisy4.tmp</t>
  </si>
  <si>
    <t>01/17/2020 12:47:43</t>
  </si>
  <si>
    <t>01/17/2020 12:47:44</t>
  </si>
  <si>
    <t>lu421324aisy8.tmp</t>
  </si>
  <si>
    <t>\\acsfs\profiles$\BRUNAAR\Numero\lu421324aisy8.tmp</t>
  </si>
  <si>
    <t>01/17/2020 12:47:32</t>
  </si>
  <si>
    <t>lu10556ftuq.tmp</t>
  </si>
  <si>
    <t>\\acsfs\profiles$\VIVIANALDS\My Documents\lu10556ftuq.tmp</t>
  </si>
  <si>
    <t>\\acsfs\profiles$\VIVIANALDS\My Documents\lu10556ftuq.tmp\</t>
  </si>
  <si>
    <t>\\acsfs\profiles$\VIVIANALDS\My Documents\lu10556ftuq.tmp\META-INF\</t>
  </si>
  <si>
    <t>\\acsfs\profiles$\VIVIANALDS\My Documents\lu10556ftuq.tmp\Thumbnails\</t>
  </si>
  <si>
    <t>01/17/2020 12:51:45</t>
  </si>
  <si>
    <t>01/17/2020 12:52:45</t>
  </si>
  <si>
    <t>01/17/2020 12:50:33</t>
  </si>
  <si>
    <t>01/17/2020 12:52:07</t>
  </si>
  <si>
    <t>01/17/2020 12:53:45</t>
  </si>
  <si>
    <t>45406feb-6206-45d6-b54e-9c2050d65790.tmp</t>
  </si>
  <si>
    <t>\\acsfs\profiles$\paulovadc\Downloads\45406feb-6206-45d6-b54e-9c2050d65790.tmp</t>
  </si>
  <si>
    <t>01/17/2020 12:48:40</t>
  </si>
  <si>
    <t>\\acsfs\ACS\Gabriel da Silva\Contemporânea\BDBV\52BE520F.tmp\</t>
  </si>
  <si>
    <t>\\acsfs\ACS\Gabriel da Silva\Contemporânea\BDBV\52BE520F.tmp\:Zone.Identifier:$DATA</t>
  </si>
  <si>
    <t>01/17/2020 12:48:41</t>
  </si>
  <si>
    <t>01/17/2020 12:50:01</t>
  </si>
  <si>
    <t>Desligados ALGAR - 10_01 a 16_01.xlsx</t>
  </si>
  <si>
    <t>\\acsfs\ACS\Gabriel da Silva\Contemporânea\BDBV\Desligados ALGAR - 10_01 a 16_01.xlsx</t>
  </si>
  <si>
    <t>01/17/2020 12:54:45</t>
  </si>
  <si>
    <t>01/17/2020 12:49:54</t>
  </si>
  <si>
    <t>Evidencia Maria Isabel.PNG</t>
  </si>
  <si>
    <t>01/17/2020 12:50:25</t>
  </si>
  <si>
    <t>01/17/2020 12:50:39</t>
  </si>
  <si>
    <t>01/17/2020 12:53:36</t>
  </si>
  <si>
    <t>01/17/2020 12:56:45</t>
  </si>
  <si>
    <t>lu10556ftuu.tmp</t>
  </si>
  <si>
    <t>\\acsfs\profiles$\VIVIANALDS\My Documents\lu10556ftuu.tmp</t>
  </si>
  <si>
    <t>\\acsfs\profiles$\VIVIANALDS\My Documents\lu10556ftuu.tmp\</t>
  </si>
  <si>
    <t>\\acsfs\profiles$\VIVIANALDS\My Documents\lu10556ftuu.tmp\META-INF\</t>
  </si>
  <si>
    <t>\\acsfs\profiles$\VIVIANALDS\My Documents\lu10556ftuu.tmp\Thumbnails\</t>
  </si>
  <si>
    <t>01/17/2020 12:53:38</t>
  </si>
  <si>
    <t>01/17/2020 12:53:39</t>
  </si>
  <si>
    <t>lu10556ftuy.tmp</t>
  </si>
  <si>
    <t>\\acsfs\profiles$\VIVIANALDS\My Documents\lu10556ftuy.tmp</t>
  </si>
  <si>
    <t>\\acsfs\profiles$\VIVIANALDS\My Documents\lu10556ftuy.tmp\</t>
  </si>
  <si>
    <t>\\acsfs\profiles$\VIVIANALDS\My Documents\lu10556ftuy.tmp\META-INF\</t>
  </si>
  <si>
    <t>\\acsfs\profiles$\VIVIANALDS\My Documents\lu10556ftuy.tmp\Thumbnails\</t>
  </si>
  <si>
    <t>01/17/2020 12:51:36</t>
  </si>
  <si>
    <t>7784ac39-ec68-4785-af3c-876c38b5da8b.tmp</t>
  </si>
  <si>
    <t>\\acsfs\profiles$\sarahbal\Downloads\7784ac39-ec68-4785-af3c-876c38b5da8b.tmp</t>
  </si>
  <si>
    <t>01/17/2020 12:52:16</t>
  </si>
  <si>
    <t>01/17/2020 12:53:16</t>
  </si>
  <si>
    <t>01/17/2020 12:53:46</t>
  </si>
  <si>
    <t>01/17/2020 12:54:16</t>
  </si>
  <si>
    <t>01/17/2020 12:54:46</t>
  </si>
  <si>
    <t>01/17/2020 12:54:11</t>
  </si>
  <si>
    <t>aead30f6-c92e-485b-b77b-2a61004f1f9d.tmp</t>
  </si>
  <si>
    <t>\\acsfs\profiles$\joselrb\Downloads\aead30f6-c92e-485b-b77b-2a61004f1f9d.tmp</t>
  </si>
  <si>
    <t>01/17/2020 12:53:14</t>
  </si>
  <si>
    <t>01/17/2020 12:57:46</t>
  </si>
  <si>
    <t>01/17/2020 12:52:58</t>
  </si>
  <si>
    <t>01/17/2020 12:58:46</t>
  </si>
  <si>
    <t>a5fe56da-4ae3-4ff6-9ce9-fe4f7195b8b1.tmp</t>
  </si>
  <si>
    <t>\\acsfs\profiles$\paulovadc\Downloads\a5fe56da-4ae3-4ff6-9ce9-fe4f7195b8b1.tmp</t>
  </si>
  <si>
    <t>01/17/2020 12:55:37</t>
  </si>
  <si>
    <t>fdbb3649-1a73-45dc-b3da-076f9482825c.tmp</t>
  </si>
  <si>
    <t>\\acsfs\profiles$\paulovadc\Downloads\fdbb3649-1a73-45dc-b3da-076f9482825c.tmp</t>
  </si>
  <si>
    <t>01/17/2020 12:59:46</t>
  </si>
  <si>
    <t>01/17/2020 12:55:55</t>
  </si>
  <si>
    <t>Evidencia Maria Julia.PNG</t>
  </si>
  <si>
    <t>01/17/2020 12:56:12</t>
  </si>
  <si>
    <t>01/17/2020 12:56:24</t>
  </si>
  <si>
    <t>01/17/2020 12:55:57</t>
  </si>
  <si>
    <t>01/17/2020 13:00:46</t>
  </si>
  <si>
    <t>01/17/2020 12:56:23</t>
  </si>
  <si>
    <t>01/17/2020 12:56:28</t>
  </si>
  <si>
    <t>01/17/2020 12:56:31</t>
  </si>
  <si>
    <t>01/17/2020 12:56:35</t>
  </si>
  <si>
    <t>01/17/2020 12:56:41</t>
  </si>
  <si>
    <t>01/17/2020 12:56:46</t>
  </si>
  <si>
    <t>mail.google.com/sync/u/0/i/s?hl=pt-BR&amp;c=880</t>
  </si>
  <si>
    <t>01/17/2020 12:57:10</t>
  </si>
  <si>
    <t>01/17/2020 12:57:13</t>
  </si>
  <si>
    <t>01/17/2020 12:57:49</t>
  </si>
  <si>
    <t>01/17/2020 12:57:52</t>
  </si>
  <si>
    <t>01/17/2020 12:58:03</t>
  </si>
  <si>
    <t>01/17/2020 12:58:07</t>
  </si>
  <si>
    <t>01/17/2020 12:58:16</t>
  </si>
  <si>
    <t>01/17/2020 12:58:41</t>
  </si>
  <si>
    <t>01/17/2020 12:58:53</t>
  </si>
  <si>
    <t>01/17/2020 12:59:24</t>
  </si>
  <si>
    <t>01/17/2020 12:59:27</t>
  </si>
  <si>
    <t>01/17/2020 12:59:39</t>
  </si>
  <si>
    <t>RELATORIO DE LOGIN - BV CARTÕES 16-01.xlsm</t>
  </si>
  <si>
    <t>\\acsfs\DEPTOS\Operacao\PCP\5 - Comum\PLANEJAMENTO BV\14 - ACOMPANHAMENTO\1 - REPORT ACOMPANHAMENTO\2020\1 - JANEIRO\CARTÕES\Login Logout Cartões\RELATORIO DE LOGIN - BV CARTÕES 16-01.xlsm</t>
  </si>
  <si>
    <t>01/17/2020 12:59:49</t>
  </si>
  <si>
    <t>01/17/2020 12:58:01</t>
  </si>
  <si>
    <t>0b8e5ee6-bd5c-4c71-8d31-5684ece02576.tmp</t>
  </si>
  <si>
    <t>\\acsfs\profiles$\matheushds\Downloads\0b8e5ee6-bd5c-4c71-8d31-5684ece02576.tmp</t>
  </si>
  <si>
    <t>01/17/2020 13:01:47</t>
  </si>
  <si>
    <t>01/17/2020 13:01:33</t>
  </si>
  <si>
    <t>01/17/2020 13:02:46</t>
  </si>
  <si>
    <t>lu818564av6na.tmp</t>
  </si>
  <si>
    <t>\\acsfs\profiles$\LUISPLS\My Documents\Nova pasta\lu818564av6na.tmp</t>
  </si>
  <si>
    <t>\\acsfs\profiles$\LUISPLS\My Documents\Nova pasta\lu818564av6na.tmp\</t>
  </si>
  <si>
    <t>\\acsfs\profiles$\LUISPLS\My Documents\Nova pasta\lu818564av6na.tmp\META-INF\</t>
  </si>
  <si>
    <t>\\acsfs\profiles$\LUISPLS\My Documents\Nova pasta\lu818564av6na.tmp\Thumbnails\</t>
  </si>
  <si>
    <t>01/17/2020 13:01:41</t>
  </si>
  <si>
    <t>01/17/2020 12:58:34</t>
  </si>
  <si>
    <t>01/17/2020 13:03:46</t>
  </si>
  <si>
    <t>01/17/2020 13:02:29</t>
  </si>
  <si>
    <t>01/17/2020 13:04:46</t>
  </si>
  <si>
    <t>580d32d1-8ade-4ff6-85a9-91555b9c7871.tmp</t>
  </si>
  <si>
    <t>\\acsfs\profiles$\leticiala\Downloads\580d32d1-8ade-4ff6-85a9-91555b9c7871.tmp</t>
  </si>
  <si>
    <t>01/17/2020 13:00:48</t>
  </si>
  <si>
    <t>Evidencia Mariele.PNG</t>
  </si>
  <si>
    <t>01/17/2020 13:01:15</t>
  </si>
  <si>
    <t>03/02/2020;rabmybvpqgtjz gqgx2wkalgbcgkiuffn4lqk5wikfsotodazndq3nzaznzmwmtq2ntc4oaokcpvxon7hsqkpujdl/9d;</t>
  </si>
  <si>
    <t>https://03/02/2020,rabmybvpqgtjz gqgx2wkalgbcgkiuffn4lqk5wikfsotodazndq3nzaznzmwmtq2ntc4oaokcpvxon7hsqkpujdl/9d</t>
  </si>
  <si>
    <t>01/17/2020 13:05:46</t>
  </si>
  <si>
    <t>01/17/2020 13:00:21</t>
  </si>
  <si>
    <t>01/17/2020 13:02:02</t>
  </si>
  <si>
    <t>01/17/2020 13:02:17</t>
  </si>
  <si>
    <t>01/17/2020 13:03:52</t>
  </si>
  <si>
    <t>DETALHADO CARTÕES.xlsx</t>
  </si>
  <si>
    <t>\\acsfs\DEPTOS\Operacao\PCP\5 - Comum\PLANEJAMENTO BV\14 - ACOMPANHAMENTO\1 - REPORT ACOMPANHAMENTO\2020\1 - JANEIRO\CARTÕES\DETALHADO CARTÕES.xlsx</t>
  </si>
  <si>
    <t>01/17/2020 13:01:48</t>
  </si>
  <si>
    <t>01/17/2020 13:06:46</t>
  </si>
  <si>
    <t>01/17/2020 13:02:18</t>
  </si>
  <si>
    <t>01/17/2020 13:02:49</t>
  </si>
  <si>
    <t>01/17/2020 13:03:19</t>
  </si>
  <si>
    <t>01/17/2020 13:04:19</t>
  </si>
  <si>
    <t>01/17/2020 12:41:00</t>
  </si>
  <si>
    <t>01/17/2020 13:07:46</t>
  </si>
  <si>
    <t>01/17/2020 12:41:01</t>
  </si>
  <si>
    <t>lu1554011uvbc.tmp</t>
  </si>
  <si>
    <t>\\acsfs\profiles$\ALYNYA\My Documents\lu1554011uvbc.tmp</t>
  </si>
  <si>
    <t>01/17/2020 13:08:47</t>
  </si>
  <si>
    <t>\\acsfs\profiles$\ALYNYA\My Documents\lu1554011uvbc.tmp\</t>
  </si>
  <si>
    <t>\\acsfs\profiles$\ALYNYA\My Documents\lu1554011uvbc.tmp\META-INF\</t>
  </si>
  <si>
    <t>\\acsfs\profiles$\ALYNYA\My Documents\lu1554011uvbc.tmp\Thumbnails\</t>
  </si>
  <si>
    <t>01/17/2020 13:07:41</t>
  </si>
  <si>
    <t>01/17/2020 13:09:46</t>
  </si>
  <si>
    <t>bc928cb0-b8a2-4b00-a1d8-834b20cbfeac.tmp</t>
  </si>
  <si>
    <t>\\acsfs\profiles$\felipetds\Downloads\bc928cb0-b8a2-4b00-a1d8-834b20cbfeac.tmp</t>
  </si>
  <si>
    <t>01/17/2020 13:06:02</t>
  </si>
  <si>
    <t>Evidenvia Mayane.PNG</t>
  </si>
  <si>
    <t>01/17/2020 13:06:18</t>
  </si>
  <si>
    <t>01/17/2020 13:06:35</t>
  </si>
  <si>
    <t>01/17/2020 13:05:29</t>
  </si>
  <si>
    <t>01/17/2020 13:10:47</t>
  </si>
  <si>
    <t>01/17/2020 13:05:33</t>
  </si>
  <si>
    <t>01/17/2020 13:05:37</t>
  </si>
  <si>
    <t>01/17/2020 13:05:55</t>
  </si>
  <si>
    <t>01/17/2020 13:06:01</t>
  </si>
  <si>
    <t>01/17/2020 13:06:28</t>
  </si>
  <si>
    <t>01/17/2020 13:06:29</t>
  </si>
  <si>
    <t>01/17/2020 13:06:50</t>
  </si>
  <si>
    <t>01/17/2020 13:07:18</t>
  </si>
  <si>
    <t>01/17/2020 13:09:07</t>
  </si>
  <si>
    <t>01/17/2020 13:09:13</t>
  </si>
  <si>
    <t>01/17/2020 13:09:22</t>
  </si>
  <si>
    <t>01/17/2020 13:09:31</t>
  </si>
  <si>
    <t>01/17/2020 13:09:32</t>
  </si>
  <si>
    <t>01/17/2020 13:09:40</t>
  </si>
  <si>
    <t>01/17/2020 13:09:45</t>
  </si>
  <si>
    <t>mail.google.com/_/upload?authuser=0&amp;dcp=asu-n&amp;upload_id=AEnB2Uo7j6YsdsJrsxuto6jkuiVhzeTID23l7s5aQIl69NEQx5Qrz1ftewG93seIbcYd0SxSPWeyZpXhxs045D5hylombEvumvfdYh9T3GOsoLqpHOVjgcs&amp;upload_protocol=resumable</t>
  </si>
  <si>
    <t>01/17/2020 13:08:51</t>
  </si>
  <si>
    <t>01/17/2020 13:11:46</t>
  </si>
  <si>
    <t>01/17/2020 13:10:43</t>
  </si>
  <si>
    <t>01/17/2020 13:10:44</t>
  </si>
  <si>
    <t>01/17/2020 13:10:45</t>
  </si>
  <si>
    <t>01/17/2020 13:10:46</t>
  </si>
  <si>
    <t>01/17/2020 13:10:48</t>
  </si>
  <si>
    <t>01/17/2020 13:10:49</t>
  </si>
  <si>
    <t>01/17/2020 13:10:50</t>
  </si>
  <si>
    <t>01/17/2020 13:10:51</t>
  </si>
  <si>
    <t>01/17/2020 13:10:52</t>
  </si>
  <si>
    <t>01/17/2020 13:10:53</t>
  </si>
  <si>
    <t>01/17/2020 13:10:54</t>
  </si>
  <si>
    <t>01/17/2020 13:10:55</t>
  </si>
  <si>
    <t>01/17/2020 13:10:56</t>
  </si>
  <si>
    <t>01/17/2020 13:10:57</t>
  </si>
  <si>
    <t>01/17/2020 13:10:58</t>
  </si>
  <si>
    <t>01/17/2020 13:10:59</t>
  </si>
  <si>
    <t>01/17/2020 13:11:00</t>
  </si>
  <si>
    <t>01/17/2020 13:11:01</t>
  </si>
  <si>
    <t>01/17/2020 13:12:45</t>
  </si>
  <si>
    <t>01/17/2020 13:11:10</t>
  </si>
  <si>
    <t>lu50524b9j4u.tmp</t>
  </si>
  <si>
    <t>\\acsfs\profiles$\LUISPLS\My Documents\Nova pasta\lu50524b9j4u.tmp</t>
  </si>
  <si>
    <t>\\acsfs\profiles$\LUISPLS\My Documents\Nova pasta\lu50524b9j4u.tmp\</t>
  </si>
  <si>
    <t>\\acsfs\profiles$\LUISPLS\My Documents\Nova pasta\lu50524b9j4u.tmp\META-INF\</t>
  </si>
  <si>
    <t>\\acsfs\profiles$\LUISPLS\My Documents\Nova pasta\lu50524b9j4u.tmp\Thumbnails\</t>
  </si>
  <si>
    <t>01/17/2020 13:08:01</t>
  </si>
  <si>
    <t>01/17/2020 13:13:46</t>
  </si>
  <si>
    <t>45548983-323d-4cfd-aacf-18866bc46e0d.tmp</t>
  </si>
  <si>
    <t>\\acsfs\profiles$\laylaams\Downloads\45548983-323d-4cfd-aacf-18866bc46e0d.tmp</t>
  </si>
  <si>
    <t>ffadfb83-158d-452f-8e35-7d2198bfea99.tmp</t>
  </si>
  <si>
    <t>\\acsfs\profiles$\quindaizaagds\Downloads\ffadfb83-158d-452f-8e35-7d2198bfea99.tmp</t>
  </si>
  <si>
    <t>01/17/2020 13:14:46</t>
  </si>
  <si>
    <t>e65f0e78-11af-41bf-bb53-3554afb2b56f.tmp</t>
  </si>
  <si>
    <t>\\acsfs\profiles$\ERICALSR\Downloads\e65f0e78-11af-41bf-bb53-3554afb2b56f.tmp</t>
  </si>
  <si>
    <t>01/17/2020 13:11:45</t>
  </si>
  <si>
    <t>78-2B-CB-C1-06-90</t>
  </si>
  <si>
    <t>VOTORANT-MB009</t>
  </si>
  <si>
    <t>NATANAEL LAURENCIO FURTADO (4082).contact</t>
  </si>
  <si>
    <t>\\acsfs\profiles$\NatanaelLF\Contacts\NATANAEL LAURENCIO FURTADO (4082).contact</t>
  </si>
  <si>
    <t>Evidencia Nayara.PNG</t>
  </si>
  <si>
    <t>01/17/2020 13:12:33</t>
  </si>
  <si>
    <t>01/17/2020 13:12:50</t>
  </si>
  <si>
    <t>01/17/2020 13:15:47</t>
  </si>
  <si>
    <t>01/17/2020 13:10:26</t>
  </si>
  <si>
    <t>NICE15.xls</t>
  </si>
  <si>
    <t>\\acsfs\ACS\001 - Qualidade Lilian\PAULO\Pasta Tainara\NICE15.xls</t>
  </si>
  <si>
    <t>01/17/2020 13:10:27</t>
  </si>
  <si>
    <t>01/17/2020 13:15:02</t>
  </si>
  <si>
    <t>01/17/2020 13:15:46</t>
  </si>
  <si>
    <t>01/17/2020 13:16:46</t>
  </si>
  <si>
    <t>3f446afe-abe1-4eba-8a42-543adf2c5b0e.tmp</t>
  </si>
  <si>
    <t>\\acsfs\profiles$\sarahbal\Downloads\3f446afe-abe1-4eba-8a42-543adf2c5b0e.tmp</t>
  </si>
  <si>
    <t>01/17/2020 13:13:22</t>
  </si>
  <si>
    <t>0f40a3c5-de67-472d-ac2d-220012b0f15c.tmp</t>
  </si>
  <si>
    <t>\\acsfs\profiles$\dhiulliananads\Downloads\0f40a3c5-de67-472d-ac2d-220012b0f15c.tmp</t>
  </si>
  <si>
    <t>01/17/2020 13:16:50</t>
  </si>
  <si>
    <t>01/17/2020 13:17:46</t>
  </si>
  <si>
    <t>01/17/2020 13:16:55</t>
  </si>
  <si>
    <t>lu3102449fyok.tmp</t>
  </si>
  <si>
    <t>\\acsfs\profiles$\CLAUDIAJCA\Reneg 18-12\lu3102449fyok.tmp</t>
  </si>
  <si>
    <t>\\acsfs\profiles$\CLAUDIAJCA\Reneg 18-12\lu3102449fyok.tmp\</t>
  </si>
  <si>
    <t>\\acsfs\profiles$\CLAUDIAJCA\Reneg 18-12\lu3102449fyok.tmp\META-INF\</t>
  </si>
  <si>
    <t>\\acsfs\profiles$\CLAUDIAJCA\Reneg 18-12\lu3102449fyok.tmp\Thumbnails\</t>
  </si>
  <si>
    <t>01/17/2020 13:13:58</t>
  </si>
  <si>
    <t>01/17/2020 13:18:45</t>
  </si>
  <si>
    <t>aebe7aca-fb18-4912-b96e-e63bc81f6e78.tmp</t>
  </si>
  <si>
    <t>\\acsfs\profiles$\quindaizaagds\Downloads\aebe7aca-fb18-4912-b96e-e63bc81f6e78.tmp</t>
  </si>
  <si>
    <t>01/17/2020 13:15:06</t>
  </si>
  <si>
    <t>01/17/2020 13:15:10</t>
  </si>
  <si>
    <t>01/17/2020 13:15:20</t>
  </si>
  <si>
    <t>01/17/2020 13:15:28</t>
  </si>
  <si>
    <t>01/17/2020 13:17:27</t>
  </si>
  <si>
    <t>01/17/2020 13:17:47</t>
  </si>
  <si>
    <t>01/17/2020 13:17:58</t>
  </si>
  <si>
    <t>01/17/2020 13:18:01</t>
  </si>
  <si>
    <t>01/17/2020 13:18:04</t>
  </si>
  <si>
    <t>01/17/2020 13:18:10</t>
  </si>
  <si>
    <t>01/17/2020 13:18:13</t>
  </si>
  <si>
    <t>01/17/2020 13:17:45</t>
  </si>
  <si>
    <t>01/17/2020 13:19:46</t>
  </si>
  <si>
    <t>01/17/2020 13:16:25</t>
  </si>
  <si>
    <t>a61a06c0-dc9f-48f8-998e-801c70d86f5c.tmp</t>
  </si>
  <si>
    <t>\\acsfs\profiles$\regisedsj\Downloads\a61a06c0-dc9f-48f8-998e-801c70d86f5c.tmp</t>
  </si>
  <si>
    <t>01/17/2020 13:19:18</t>
  </si>
  <si>
    <t>76198efa-9fb1-484f-9484-763852361433.tmp</t>
  </si>
  <si>
    <t>\\acsfs\profiles$\regisedsj\Downloads\76198efa-9fb1-484f-9484-763852361433.tmp</t>
  </si>
  <si>
    <t>01/17/2020 13:15:53</t>
  </si>
  <si>
    <t>01/17/2020 13:20:46</t>
  </si>
  <si>
    <t>01/17/2020 13:15:58</t>
  </si>
  <si>
    <t>lu1132010ucmt.tmp</t>
  </si>
  <si>
    <t>\\acsfs\profiles$\ISABELLEGTDS\Nova pasta\lu1132010ucmt.tmp</t>
  </si>
  <si>
    <t>\\acsfs\profiles$\ISABELLEGTDS\Nova pasta\lu1132010ucmt.tmp\</t>
  </si>
  <si>
    <t>\\acsfs\profiles$\ISABELLEGTDS\Nova pasta\lu1132010ucmt.tmp\META-INF\</t>
  </si>
  <si>
    <t>\\acsfs\profiles$\ISABELLEGTDS\Nova pasta\lu1132010ucmt.tmp\Thumbnails\</t>
  </si>
  <si>
    <t>01/17/2020 13:17:03</t>
  </si>
  <si>
    <t>.~lock.isabelle 17.01.20.ods#</t>
  </si>
  <si>
    <t>\\acsfs\profiles$\ISABELLEGTDS\Nova pasta\.~lock.isabelle 17.01.20.ods#</t>
  </si>
  <si>
    <t>01/17/2020 13:17:09</t>
  </si>
  <si>
    <t>lu1132010ucmy.tmp</t>
  </si>
  <si>
    <t>\\acsfs\profiles$\ISABELLEGTDS\Nova pasta\lu1132010ucmy.tmp</t>
  </si>
  <si>
    <t>\\acsfs\profiles$\ISABELLEGTDS\Nova pasta\lu1132010ucmy.tmp\</t>
  </si>
  <si>
    <t>\\acsfs\profiles$\ISABELLEGTDS\Nova pasta\lu1132010ucmy.tmp\META-INF\</t>
  </si>
  <si>
    <t>\\acsfs\profiles$\ISABELLEGTDS\Nova pasta\lu1132010ucmy.tmp\Thumbnails\</t>
  </si>
  <si>
    <t>01/17/2020 13:18:24</t>
  </si>
  <si>
    <t>01/17/2020 13:21:47</t>
  </si>
  <si>
    <t>01/17/2020 13:18:54</t>
  </si>
  <si>
    <t>01/17/2020 13:19:38</t>
  </si>
  <si>
    <t>01/17/2020 13:22:22</t>
  </si>
  <si>
    <t>01/17/2020 13:23:47</t>
  </si>
  <si>
    <t>01/17/2020 13:22:20</t>
  </si>
  <si>
    <t>lu84766u4bm.tmp</t>
  </si>
  <si>
    <t>\\acsfs\ACS\Gabriel da Silva\Contemporânea\lu84766u4bm.tmp</t>
  </si>
  <si>
    <t>\\acsfs\ACS\Gabriel da Silva\Contemporânea\lu84766u4bm.tmp\Basic\</t>
  </si>
  <si>
    <t>\\acsfs\ACS\Gabriel da Silva\Contemporânea\lu84766u4bm.tmp\Basic\Standard\</t>
  </si>
  <si>
    <t>Sheet1.xml</t>
  </si>
  <si>
    <t>\\acsfs\ACS\Gabriel da Silva\Contemporânea\lu84766u4bm.tmp\Basic\VBAProject\</t>
  </si>
  <si>
    <t>01/17/2020 13:22:23</t>
  </si>
  <si>
    <t>\\acsfs\ACS\Gabriel da Silva\Contemporânea\lu84766u4bm.tmp\</t>
  </si>
  <si>
    <t>\\acsfs\ACS\Gabriel da Silva\Contemporânea\lu84766u4bm.tmp\META-INF\</t>
  </si>
  <si>
    <t>\\acsfs\ACS\Gabriel da Silva\Contemporânea\lu84766u4bm.tmp\Thumbnails\</t>
  </si>
  <si>
    <t>01/17/2020 13:22:30</t>
  </si>
  <si>
    <t>01/17/2020 13:22:44</t>
  </si>
  <si>
    <t>01/17/2020 13:19:21</t>
  </si>
  <si>
    <t>01/17/2020 13:24:46</t>
  </si>
  <si>
    <t>784dbfbe-b45f-4b7d-82f4-913f7cd1a213.tmp</t>
  </si>
  <si>
    <t>\\acsfs\profiles$\leticiala\Downloads\784dbfbe-b45f-4b7d-82f4-913f7cd1a213.tmp</t>
  </si>
  <si>
    <t>01/17/2020 13:20:58</t>
  </si>
  <si>
    <t>100272fd-60e6-4875-a621-280951acc11f.tmp</t>
  </si>
  <si>
    <t>\\acsfs\profiles$\PEDROHAB\Downloads\100272fd-60e6-4875-a621-280951acc11f.tmp</t>
  </si>
  <si>
    <t>01/17/2020 13:26:46</t>
  </si>
  <si>
    <t>01/17/2020 13:22:56</t>
  </si>
  <si>
    <t>01/17/2020 13:23:54</t>
  </si>
  <si>
    <t>01/17/2020 13:28:46</t>
  </si>
  <si>
    <t>01/17/2020 13:23:59</t>
  </si>
  <si>
    <t>lu12012129m2s.tmp</t>
  </si>
  <si>
    <t>\\acsfs\profiles$\LUCASBS\RENEG BV\Consolidado\lu12012129m2s.tmp</t>
  </si>
  <si>
    <t>\\acsfs\profiles$\LUCASBS\RENEG BV\Consolidado\lu12012129m2s.tmp\</t>
  </si>
  <si>
    <t>\\acsfs\profiles$\LUCASBS\RENEG BV\Consolidado\lu12012129m2s.tmp\META-INF\</t>
  </si>
  <si>
    <t>\\acsfs\profiles$\LUCASBS\RENEG BV\Consolidado\lu12012129m2s.tmp\Thumbnails\</t>
  </si>
  <si>
    <t>01/17/2020 13:24:21</t>
  </si>
  <si>
    <t>01/17/2020 13:24:23</t>
  </si>
  <si>
    <t>lu84766u4bx.tmp</t>
  </si>
  <si>
    <t>\\acsfs\ACS\Gabriel da Silva\Contemporânea\lu84766u4bx.tmp</t>
  </si>
  <si>
    <t>\\acsfs\ACS\Gabriel da Silva\Contemporânea\lu84766u4bx.tmp\Basic\</t>
  </si>
  <si>
    <t>\\acsfs\ACS\Gabriel da Silva\Contemporânea\lu84766u4bx.tmp\Basic\Standard\</t>
  </si>
  <si>
    <t>\\acsfs\ACS\Gabriel da Silva\Contemporânea\lu84766u4bx.tmp\Basic\VBAProject\</t>
  </si>
  <si>
    <t>\\acsfs\ACS\Gabriel da Silva\Contemporânea\lu84766u4bx.tmp\</t>
  </si>
  <si>
    <t>\\acsfs\ACS\Gabriel da Silva\Contemporânea\lu84766u4bx.tmp\META-INF\</t>
  </si>
  <si>
    <t>\\acsfs\ACS\Gabriel da Silva\Contemporânea\lu84766u4bx.tmp\Thumbnails\</t>
  </si>
  <si>
    <t>01/17/2020 13:26:45</t>
  </si>
  <si>
    <t>01/17/2020 13:30:46</t>
  </si>
  <si>
    <t>01/17/2020 13:26:49</t>
  </si>
  <si>
    <t>01/17/2020 13:26:35</t>
  </si>
  <si>
    <t>01/17/2020 13:31:46</t>
  </si>
  <si>
    <t>celiarl@algartech.com;celiarl@algartecnologia.com.br;</t>
  </si>
  <si>
    <t>celiarl@algartech.com,celiarl@algartecnologia.com.br</t>
  </si>
  <si>
    <t>01/17/2020 13:26:41</t>
  </si>
  <si>
    <t>01/17/2020 13:28:58</t>
  </si>
  <si>
    <t>01/17/2020 13:30:59</t>
  </si>
  <si>
    <t>01/17/2020 13:34:07</t>
  </si>
  <si>
    <t>01/17/2020 13:35:46</t>
  </si>
  <si>
    <t>1.PNG</t>
  </si>
  <si>
    <t>\\acsfs\ACS\001 - Qualidade Lilian\PAULO\Pasta Tainara\1.PNG</t>
  </si>
  <si>
    <t>01/17/2020 13:34:31</t>
  </si>
  <si>
    <t>2.PNG</t>
  </si>
  <si>
    <t>\\acsfs\ACS\001 - Qualidade Lilian\PAULO\Pasta Tainara\2.PNG</t>
  </si>
  <si>
    <t>01/17/2020 13:33:09</t>
  </si>
  <si>
    <t>01/17/2020 13:36:46</t>
  </si>
  <si>
    <t>01/17/2020 13:33:28</t>
  </si>
  <si>
    <t>01/17/2020 13:33:42</t>
  </si>
  <si>
    <t>01/17/2020 13:33:47</t>
  </si>
  <si>
    <t>01/17/2020 13:31:32</t>
  </si>
  <si>
    <t>01/17/2020 13:31:57</t>
  </si>
  <si>
    <t>179bf8d6-3be4-4ac4-81e6-233629cd9868.tmp</t>
  </si>
  <si>
    <t>\\acsfs\profiles$\sarahbal\Downloads\179bf8d6-3be4-4ac4-81e6-233629cd9868.tmp</t>
  </si>
  <si>
    <t>01/17/2020 13:37:46</t>
  </si>
  <si>
    <t>01/17/2020 13:35:53</t>
  </si>
  <si>
    <t>01/17/2020 13:35:54</t>
  </si>
  <si>
    <t>lu50524b9j4z.tmp</t>
  </si>
  <si>
    <t>\\acsfs\profiles$\LUISPLS\My Documents\Nova pasta\lu50524b9j4z.tmp</t>
  </si>
  <si>
    <t>\\acsfs\profiles$\LUISPLS\My Documents\Nova pasta\lu50524b9j4z.tmp\</t>
  </si>
  <si>
    <t>\\acsfs\profiles$\LUISPLS\My Documents\Nova pasta\lu50524b9j4z.tmp\META-INF\</t>
  </si>
  <si>
    <t>\\acsfs\profiles$\LUISPLS\My Documents\Nova pasta\lu50524b9j4z.tmp\Thumbnails\</t>
  </si>
  <si>
    <t>01/17/2020 13:38:46</t>
  </si>
  <si>
    <t>01/17/2020 13:34:12</t>
  </si>
  <si>
    <t>fceebff2-cf41-4fd6-89c5-eb748824063c.tmp</t>
  </si>
  <si>
    <t>\\acsfs\profiles$\paulovadc\Downloads\fceebff2-cf41-4fd6-89c5-eb748824063c.tmp</t>
  </si>
  <si>
    <t>01/17/2020 13:37:44</t>
  </si>
  <si>
    <t>01/17/2020 13:40:46</t>
  </si>
  <si>
    <t>051a664c-8b76-4c55-aae8-2523aafbdd4f.tmp</t>
  </si>
  <si>
    <t>\\acsfs\profiles$\ayalabfi\Downloads\051a664c-8b76-4c55-aae8-2523aafbdd4f.tmp</t>
  </si>
  <si>
    <t>01/17/2020 13:35:11</t>
  </si>
  <si>
    <t>3.PNG</t>
  </si>
  <si>
    <t>\\acsfs\ACS\001 - Qualidade Lilian\PAULO\Pasta Tainara\3.PNG</t>
  </si>
  <si>
    <t>01/17/2020 13:35:43</t>
  </si>
  <si>
    <t>4.PNG</t>
  </si>
  <si>
    <t>\\acsfs\ACS\001 - Qualidade Lilian\PAULO\Pasta Tainara\4.PNG</t>
  </si>
  <si>
    <t>01/17/2020 13:36:47</t>
  </si>
  <si>
    <t>01/17/2020 13:39:20</t>
  </si>
  <si>
    <t>01/17/2020 13:41:47</t>
  </si>
  <si>
    <t>01/17/2020 13:38:58</t>
  </si>
  <si>
    <t>01/17/2020 13:42:46</t>
  </si>
  <si>
    <t>01/17/2020 13:42:07</t>
  </si>
  <si>
    <t>01/17/2020 13:42:13</t>
  </si>
  <si>
    <t>lu3102449fyox.tmp</t>
  </si>
  <si>
    <t>\\acsfs\profiles$\CLAUDIAJCA\Reneg 18-12\lu3102449fyox.tmp</t>
  </si>
  <si>
    <t>\\acsfs\profiles$\CLAUDIAJCA\Reneg 18-12\lu3102449fyox.tmp\</t>
  </si>
  <si>
    <t>\\acsfs\profiles$\CLAUDIAJCA\Reneg 18-12\lu3102449fyox.tmp\META-INF\</t>
  </si>
  <si>
    <t>\\acsfs\profiles$\CLAUDIAJCA\Reneg 18-12\lu3102449fyox.tmp\Thumbnails\</t>
  </si>
  <si>
    <t>01/17/2020 13:41:12</t>
  </si>
  <si>
    <t>01/17/2020 13:43:47</t>
  </si>
  <si>
    <t>94add22c-481f-443e-9e1b-a5ed57aeaa61.tmp</t>
  </si>
  <si>
    <t>\\acsfs\profiles$\KARENJSS\Downloads\94add22c-481f-443e-9e1b-a5ed57aeaa61.tmp</t>
  </si>
  <si>
    <t>01/17/2020 13:42:48</t>
  </si>
  <si>
    <t>3eaada40-c07f-4c0f-b256-867143a12cd6.tmp</t>
  </si>
  <si>
    <t>\\acsfs\profiles$\KARENJSS\Downloads\3eaada40-c07f-4c0f-b256-867143a12cd6.tmp</t>
  </si>
  <si>
    <t>01/17/2020 13:41:45</t>
  </si>
  <si>
    <t>c39579cd-eec4-415a-920d-f7a4c5e7ec70.tmp</t>
  </si>
  <si>
    <t>\\acsfs\profiles$\inarajst\Downloads\c39579cd-eec4-415a-920d-f7a4c5e7ec70.tmp</t>
  </si>
  <si>
    <t>01/17/2020 13:42:10</t>
  </si>
  <si>
    <t>b2aee2cc-95ba-4018-afc3-40d07b8a82c5.tmp</t>
  </si>
  <si>
    <t>\\acsfs\profiles$\inarajst\Downloads\b2aee2cc-95ba-4018-afc3-40d07b8a82c5.tmp</t>
  </si>
  <si>
    <t>01/17/2020 13:41:59</t>
  </si>
  <si>
    <t>01/17/2020 13:42:02</t>
  </si>
  <si>
    <t>lu84766u4ca.tmp</t>
  </si>
  <si>
    <t>\\acsfs\ACS\Gabriel da Silva\Contemporânea\lu84766u4ca.tmp</t>
  </si>
  <si>
    <t>\\acsfs\ACS\Gabriel da Silva\Contemporânea\lu84766u4ca.tmp\Basic\</t>
  </si>
  <si>
    <t>\\acsfs\ACS\Gabriel da Silva\Contemporânea\lu84766u4ca.tmp\Basic\Standard\</t>
  </si>
  <si>
    <t>\\acsfs\ACS\Gabriel da Silva\Contemporânea\lu84766u4ca.tmp\Basic\VBAProject\</t>
  </si>
  <si>
    <t>\\acsfs\ACS\Gabriel da Silva\Contemporânea\lu84766u4ca.tmp\</t>
  </si>
  <si>
    <t>\\acsfs\ACS\Gabriel da Silva\Contemporânea\lu84766u4ca.tmp\META-INF\</t>
  </si>
  <si>
    <t>\\acsfs\ACS\Gabriel da Silva\Contemporânea\lu84766u4ca.tmp\Thumbnails\</t>
  </si>
  <si>
    <t>01/17/2020 13:38:53</t>
  </si>
  <si>
    <t>lu649212c9ob.tmp</t>
  </si>
  <si>
    <t>\\acsfs\profiles$\FLAVIOJMM\My Documents\lu649212c9ob.tmp</t>
  </si>
  <si>
    <t>\\acsfs\profiles$\FLAVIOJMM\My Documents\lu649212c9ob.tmp\</t>
  </si>
  <si>
    <t>\\acsfs\profiles$\FLAVIOJMM\My Documents\lu649212c9ob.tmp\META-INF\</t>
  </si>
  <si>
    <t>\\acsfs\profiles$\FLAVIOJMM\My Documents\lu649212c9ob.tmp\Thumbnails\</t>
  </si>
  <si>
    <t>01/17/2020 13:42:18</t>
  </si>
  <si>
    <t>01/17/2020 13:45:47</t>
  </si>
  <si>
    <t>bff6873a-6ef9-4001-881b-6c61f8814782.tmp</t>
  </si>
  <si>
    <t>\\acsfs\profiles$\georgendsq\Downloads\bff6873a-6ef9-4001-881b-6c61f8814782.tmp</t>
  </si>
  <si>
    <t>01/17/2020 13:43:31</t>
  </si>
  <si>
    <t>d67ee8f3-94fb-41df-a8eb-10909d779f8a.tmp</t>
  </si>
  <si>
    <t>\\acsfs\profiles$\georgendsq\Downloads\d67ee8f3-94fb-41df-a8eb-10909d779f8a.tmp</t>
  </si>
  <si>
    <t>01/17/2020 13:44:23</t>
  </si>
  <si>
    <t>607f5ae5-91c9-4216-b081-d1397677379d.tmp</t>
  </si>
  <si>
    <t>\\acsfs\profiles$\georgendsq\Downloads\607f5ae5-91c9-4216-b081-d1397677379d.tmp</t>
  </si>
  <si>
    <t>01/17/2020 13:44:44</t>
  </si>
  <si>
    <t>263f4601-f434-4bda-aa56-f705db9325e7.tmp</t>
  </si>
  <si>
    <t>\\acsfs\profiles$\georgendsq\Downloads\263f4601-f434-4bda-aa56-f705db9325e7.tmp</t>
  </si>
  <si>
    <t>01/17/2020 13:41:50</t>
  </si>
  <si>
    <t>ANDREZA CAROLINE AGUIAR PIRES FERREIRA (13464).contact</t>
  </si>
  <si>
    <t>\\acsfs\profiles$\andrezacapf\Contacts\ANDREZA CAROLINE AGUIAR PIRES FERREIRA (13464).contact</t>
  </si>
  <si>
    <t>01/17/2020 13:41:57</t>
  </si>
  <si>
    <t>01/17/2020 13:41:58</t>
  </si>
  <si>
    <t>01/17/2020 13:42:00</t>
  </si>
  <si>
    <t>01/17/2020 13:42:01</t>
  </si>
  <si>
    <t>01/17/2020 13:42:11</t>
  </si>
  <si>
    <t>01/17/2020 13:42:52</t>
  </si>
  <si>
    <t>a20be6ee-c1c3-48d2-b84a-154ff6d06e10.tmp</t>
  </si>
  <si>
    <t>\\acsfs\profiles$\andrezacapf\Downloads\a20be6ee-c1c3-48d2-b84a-154ff6d06e10.tmp</t>
  </si>
  <si>
    <t>01/17/2020 13:42:57</t>
  </si>
  <si>
    <t>82491025-aa4c-43c8-b634-070f84c5544e.tmp</t>
  </si>
  <si>
    <t>\\acsfs\profiles$\andrezacapf\Downloads\82491025-aa4c-43c8-b634-070f84c5544e.tmp</t>
  </si>
  <si>
    <t>01/17/2020 13:43:30</t>
  </si>
  <si>
    <t>3aebb08d-3cb3-4859-9408-29c8f12ea11f.tmp</t>
  </si>
  <si>
    <t>\\acsfs\profiles$\andrezacapf\Downloads\3aebb08d-3cb3-4859-9408-29c8f12ea11f.tmp</t>
  </si>
  <si>
    <t>01/17/2020 13:43:36</t>
  </si>
  <si>
    <t>a833ba76-63d6-4d40-8f95-639371a9d175.tmp</t>
  </si>
  <si>
    <t>\\acsfs\profiles$\andrezacapf\Downloads\a833ba76-63d6-4d40-8f95-639371a9d175.tmp</t>
  </si>
  <si>
    <t>01/17/2020 13:43:42</t>
  </si>
  <si>
    <t>17372549-9f38-4514-9ec2-c24481901cf7.tmp</t>
  </si>
  <si>
    <t>\\acsfs\profiles$\andrezacapf\Downloads\17372549-9f38-4514-9ec2-c24481901cf7.tmp</t>
  </si>
  <si>
    <t>01/17/2020 13:43:46</t>
  </si>
  <si>
    <t>32436099-dd2d-4757-b297-3996b1dde580.tmp</t>
  </si>
  <si>
    <t>\\acsfs\profiles$\andrezacapf\Downloads\32436099-dd2d-4757-b297-3996b1dde580.tmp</t>
  </si>
  <si>
    <t>01/17/2020 13:45:18</t>
  </si>
  <si>
    <t>b9008100-d12e-437d-a42c-75a74018f95c.tmp</t>
  </si>
  <si>
    <t>\\acsfs\profiles$\andrezacapf\Downloads\b9008100-d12e-437d-a42c-75a74018f95c.tmp</t>
  </si>
  <si>
    <t>01/17/2020 13:42:40</t>
  </si>
  <si>
    <t>14c77ff2-a667-40cd-8436-f8a1581fa701.tmp</t>
  </si>
  <si>
    <t>\\acsfs\profiles$\esterasg\Downloads\14c77ff2-a667-40cd-8436-f8a1581fa701.tmp</t>
  </si>
  <si>
    <t>01/17/2020 13:42:23</t>
  </si>
  <si>
    <t>712f3542-3e32-4d94-a567-cb62bb5a2272.tmp</t>
  </si>
  <si>
    <t>\\acsfs\profiles$\nathaliaos\Downloads\712f3542-3e32-4d94-a567-cb62bb5a2272.tmp</t>
  </si>
  <si>
    <t>01/17/2020 13:43:51</t>
  </si>
  <si>
    <t>bd3a5bea-484e-499d-9795-7a3049162ea3.tmp</t>
  </si>
  <si>
    <t>\\acsfs\profiles$\nathaliaos\Downloads\bd3a5bea-484e-499d-9795-7a3049162ea3.tmp</t>
  </si>
  <si>
    <t>01/17/2020 13:41:11</t>
  </si>
  <si>
    <t>2ca200c2-ed0f-4f12-8fb0-ae122429c816.tmp</t>
  </si>
  <si>
    <t>\\acsfs\profiles$\mariajra\Downloads\2ca200c2-ed0f-4f12-8fb0-ae122429c816.tmp</t>
  </si>
  <si>
    <t>01/17/2020 13:44:38</t>
  </si>
  <si>
    <t>01/17/2020 13:46:46</t>
  </si>
  <si>
    <t>Joao Qualidade.PNG</t>
  </si>
  <si>
    <t>01/17/2020 13:45:04</t>
  </si>
  <si>
    <t>01/17/2020 13:46:05</t>
  </si>
  <si>
    <t>01/17/2020 13:42:53</t>
  </si>
  <si>
    <t>01/17/2020 13:47:46</t>
  </si>
  <si>
    <t>01/17/2020 13:46:37</t>
  </si>
  <si>
    <t>d519b901-d6d3-4c95-b6dc-7921f7d563db.tmp</t>
  </si>
  <si>
    <t>\\acsfs\profiles$\ingridsm\Downloads\d519b901-d6d3-4c95-b6dc-7921f7d563db.tmp</t>
  </si>
  <si>
    <t>01/17/2020 13:44:04</t>
  </si>
  <si>
    <t>01/17/2020 13:48:46</t>
  </si>
  <si>
    <t>c297f8e9-b0c8-4548-b374-18ae61520c37.tmp</t>
  </si>
  <si>
    <t>\\acsfs\profiles$\KARENJSS\Downloads\c297f8e9-b0c8-4548-b374-18ae61520c37.tmp</t>
  </si>
  <si>
    <t>01/17/2020 13:46:51</t>
  </si>
  <si>
    <t>lu12012129m35.tmp</t>
  </si>
  <si>
    <t>\\acsfs\profiles$\LUCASBS\RENEG BV\Consolidado\lu12012129m35.tmp</t>
  </si>
  <si>
    <t>\\acsfs\profiles$\LUCASBS\RENEG BV\Consolidado\lu12012129m35.tmp\</t>
  </si>
  <si>
    <t>\\acsfs\profiles$\LUCASBS\RENEG BV\Consolidado\lu12012129m35.tmp\META-INF\</t>
  </si>
  <si>
    <t>\\acsfs\profiles$\LUCASBS\RENEG BV\Consolidado\lu12012129m35.tmp\Thumbnails\</t>
  </si>
  <si>
    <t>01/17/2020 13:44:29</t>
  </si>
  <si>
    <t>01/17/2020 13:44:36</t>
  </si>
  <si>
    <t>lu649212c9og.tmp</t>
  </si>
  <si>
    <t>\\acsfs\profiles$\FLAVIOJMM\My Documents\lu649212c9og.tmp</t>
  </si>
  <si>
    <t>\\acsfs\profiles$\FLAVIOJMM\My Documents\lu649212c9og.tmp\</t>
  </si>
  <si>
    <t>\\acsfs\profiles$\FLAVIOJMM\My Documents\lu649212c9og.tmp\META-INF\</t>
  </si>
  <si>
    <t>\\acsfs\profiles$\FLAVIOJMM\My Documents\lu649212c9og.tmp\Thumbnails\</t>
  </si>
  <si>
    <t>01/17/2020 13:45:24</t>
  </si>
  <si>
    <t>01/17/2020 13:49:46</t>
  </si>
  <si>
    <t>01779c85-8338-4e6a-acbd-e0a2c97219c6.tmp</t>
  </si>
  <si>
    <t>\\acsfs\profiles$\brendadsl\Downloads\01779c85-8338-4e6a-acbd-e0a2c97219c6.tmp</t>
  </si>
  <si>
    <t>01/17/2020 13:45:26</t>
  </si>
  <si>
    <t>eedc7147-d474-42f0-a726-f03f8c300c09.tmp</t>
  </si>
  <si>
    <t>\\acsfs\profiles$\brendadsl\Downloads\eedc7147-d474-42f0-a726-f03f8c300c09.tmp</t>
  </si>
  <si>
    <t>9ff95df9-1634-4474-a4b4-e56e8e5ed58a.tmp</t>
  </si>
  <si>
    <t>\\acsfs\profiles$\brendadsl\Downloads\9ff95df9-1634-4474-a4b4-e56e8e5ed58a.tmp</t>
  </si>
  <si>
    <t>01/17/2020 13:45:28</t>
  </si>
  <si>
    <t>10dc38bf-1c21-4506-8d7b-d61f4bb5b464.tmp</t>
  </si>
  <si>
    <t>\\acsfs\profiles$\brendadsl\Downloads\10dc38bf-1c21-4506-8d7b-d61f4bb5b464.tmp</t>
  </si>
  <si>
    <t>01/17/2020 13:45:29</t>
  </si>
  <si>
    <t>605eac5f-d61f-4f73-a8d2-0833c8b41b15.tmp</t>
  </si>
  <si>
    <t>\\acsfs\profiles$\brendadsl\Downloads\605eac5f-d61f-4f73-a8d2-0833c8b41b15.tmp</t>
  </si>
  <si>
    <t>01/17/2020 13:47:24</t>
  </si>
  <si>
    <t>56f01d0e-28f5-413b-9911-d60af58b4f73.tmp</t>
  </si>
  <si>
    <t>\\acsfs\profiles$\brendadsl\Downloads\56f01d0e-28f5-413b-9911-d60af58b4f73.tmp</t>
  </si>
  <si>
    <t>01/17/2020 13:48:21</t>
  </si>
  <si>
    <t>de8c9f16-7c23-4586-8197-899cb0d42857.tmp</t>
  </si>
  <si>
    <t>\\acsfs\profiles$\brendadsl\Downloads\de8c9f16-7c23-4586-8197-899cb0d42857.tmp</t>
  </si>
  <si>
    <t>01/17/2020 13:45:02</t>
  </si>
  <si>
    <t>01/17/2020 13:50:46</t>
  </si>
  <si>
    <t>fa976db5-68c7-4b60-a3a4-c1fdd3802503.tmp</t>
  </si>
  <si>
    <t>\\acsfs\profiles$\georgendsq\Downloads\fa976db5-68c7-4b60-a3a4-c1fdd3802503.tmp</t>
  </si>
  <si>
    <t>01/17/2020 13:46:44</t>
  </si>
  <si>
    <t>01/17/2020 13:49:39</t>
  </si>
  <si>
    <t>01/17/2020 13:49:40</t>
  </si>
  <si>
    <t>01/17/2020 13:45:22</t>
  </si>
  <si>
    <t>584620f1-a286-4dc1-b6d6-7b7c2180932f.tmp</t>
  </si>
  <si>
    <t>\\acsfs\profiles$\andrezacapf\Downloads\584620f1-a286-4dc1-b6d6-7b7c2180932f.tmp</t>
  </si>
  <si>
    <t>01/17/2020 13:50:00</t>
  </si>
  <si>
    <t>01/17/2020 13:49:41</t>
  </si>
  <si>
    <t>01/17/2020 13:50:01</t>
  </si>
  <si>
    <t>01/17/2020 13:49:43</t>
  </si>
  <si>
    <t>01/17/2020 13:50:02</t>
  </si>
  <si>
    <t>01/17/2020 13:50:03</t>
  </si>
  <si>
    <t>01/17/2020 13:50:04</t>
  </si>
  <si>
    <t>01/17/2020 13:50:05</t>
  </si>
  <si>
    <t>01/17/2020 13:50:06</t>
  </si>
  <si>
    <t>01/17/2020 13:50:07</t>
  </si>
  <si>
    <t>01/17/2020 13:50:08</t>
  </si>
  <si>
    <t>01/17/2020 13:50:09</t>
  </si>
  <si>
    <t>01/17/2020 13:50:10</t>
  </si>
  <si>
    <t>01/17/2020 13:50:11</t>
  </si>
  <si>
    <t>01/17/2020 13:51:46</t>
  </si>
  <si>
    <t>01/17/2020 13:48:12</t>
  </si>
  <si>
    <t>Joao NPS.PNG</t>
  </si>
  <si>
    <t>01/17/2020 13:46:35</t>
  </si>
  <si>
    <t>01/17/2020 13:47:05</t>
  </si>
  <si>
    <t>01/17/2020 13:47:35</t>
  </si>
  <si>
    <t>01/17/2020 13:51:30</t>
  </si>
  <si>
    <t>Agent State Details 16.01.2020.xlsx</t>
  </si>
  <si>
    <t>\\acsfs\deptos\Operacao\PCP\5 - Comum\PLANEJAMENTO BV\23 - EXTRAÇÕES\Agent State Details\2020\JANEIRO\Agent State Details 16.01.2020.xlsx</t>
  </si>
  <si>
    <t>01/17/2020 13:48:10</t>
  </si>
  <si>
    <t>01/17/2020 13:53:46</t>
  </si>
  <si>
    <t>cdbba443-4556-43e0-ad89-51d119156ec6.tmp</t>
  </si>
  <si>
    <t>\\acsfs\profiles$\ingridsm\Downloads\cdbba443-4556-43e0-ad89-51d119156ec6.tmp</t>
  </si>
  <si>
    <t>01/17/2020 13:48:31</t>
  </si>
  <si>
    <t>dd8f2301-4c71-40d8-8f37-a318cf76fb20.tmp</t>
  </si>
  <si>
    <t>\\acsfs\profiles$\ingridsm\Downloads\dd8f2301-4c71-40d8-8f37-a318cf76fb20.tmp</t>
  </si>
  <si>
    <t>01/17/2020 13:48:16</t>
  </si>
  <si>
    <t>f7b9d0d0-30ae-45ce-bef6-cd9517a6fb1b.tmp</t>
  </si>
  <si>
    <t>\\acsfs\profiles$\gabrielamdp\Downloads\f7b9d0d0-30ae-45ce-bef6-cd9517a6fb1b.tmp</t>
  </si>
  <si>
    <t>01/17/2020 13:48:18</t>
  </si>
  <si>
    <t>90b61c67-20a9-4822-b0b2-a342ee434efc.tmp</t>
  </si>
  <si>
    <t>\\acsfs\profiles$\gabrielamdp\Downloads\90b61c67-20a9-4822-b0b2-a342ee434efc.tmp</t>
  </si>
  <si>
    <t>01/17/2020 13:50:49</t>
  </si>
  <si>
    <t>8fae46f4-3945-4dcd-9b9d-afb0e26c902b.tmp</t>
  </si>
  <si>
    <t>\\acsfs\profiles$\gabrielamdp\Downloads\8fae46f4-3945-4dcd-9b9d-afb0e26c902b.tmp</t>
  </si>
  <si>
    <t>01/17/2020 13:52:13</t>
  </si>
  <si>
    <t>01/17/2020 13:52:08</t>
  </si>
  <si>
    <t>.~lock.RENEG BV - Venc 01.01.2020 - Lucas.ods#</t>
  </si>
  <si>
    <t>\\acsfs\profiles$\LUCASBS\RENEG BV\Consolidado\.~lock.RENEG BV - Venc 01.01.2020 - Lucas.ods#</t>
  </si>
  <si>
    <t>01/17/2020 13:52:54</t>
  </si>
  <si>
    <t>.~lock.RENEG BV - Venc 20.12.2019 - Lucas.ods#</t>
  </si>
  <si>
    <t>\\acsfs\profiles$\LUCASBS\RENEG BV\Consolidado\.~lock.RENEG BV - Venc 20.12.2019 - Lucas.ods#</t>
  </si>
  <si>
    <t>01/17/2020 13:52:18</t>
  </si>
  <si>
    <t>Dimensionamento_Janeiro Financeira_3ºCiclo.xlsx</t>
  </si>
  <si>
    <t>\\acsfs\DEPTOS\Operacao\Banco_Votorantim\Qualidade\Eliane\Dimensionamento_Janeiro Financeira_3ºCiclo.xlsx</t>
  </si>
  <si>
    <t>01/17/2020 13:55:46</t>
  </si>
  <si>
    <t>\\acsfs\profiles$\victorgl\Contacts\</t>
  </si>
  <si>
    <t>VICTOR GARCIA LEMOS (23201).contact</t>
  </si>
  <si>
    <t>\\acsfs\profiles$\victorgl\Contacts\VICTOR GARCIA LEMOS (23201).contact</t>
  </si>
  <si>
    <t>01/17/2020 13:52:14</t>
  </si>
  <si>
    <t>01/17/2020 13:52:30</t>
  </si>
  <si>
    <t>\\acsfs\profiles$\victorgl\My Documents\My Videos\</t>
  </si>
  <si>
    <t>\\acsfs\profiles$\victorgl\My Documents\My Videos\desktop.ini</t>
  </si>
  <si>
    <t>01/17/2020 13:52:31</t>
  </si>
  <si>
    <t>01/17/2020 13:52:32</t>
  </si>
  <si>
    <t>\\acsfs\profiles$\victorgl\My Documents\My Pictures\</t>
  </si>
  <si>
    <t>\\acsfs\profiles$\victorgl\My Documents\My Pictures\desktop.ini</t>
  </si>
  <si>
    <t>01/17/2020 13:52:33</t>
  </si>
  <si>
    <t>\\acsfs\profiles$\victorgl\Contacts\desktop.ini</t>
  </si>
  <si>
    <t>01/17/2020 13:52:34</t>
  </si>
  <si>
    <t>\\acsfs\profiles$\victorgl\Favorites\</t>
  </si>
  <si>
    <t>\\acsfs\profiles$\victorgl\Favorites\desktop.ini</t>
  </si>
  <si>
    <t>01/17/2020 13:52:35</t>
  </si>
  <si>
    <t>\\acsfs\profiles$\victorgl\My Documents\My Music\</t>
  </si>
  <si>
    <t>\\acsfs\profiles$\victorgl\My Documents\My Music\desktop.ini</t>
  </si>
  <si>
    <t>01/17/2020 13:52:36</t>
  </si>
  <si>
    <t>01/17/2020 13:52:37</t>
  </si>
  <si>
    <t>\\acsfs\profiles$\victorgl\Searches\</t>
  </si>
  <si>
    <t>\\acsfs\profiles$\victorgl\Searches\desktop.ini</t>
  </si>
  <si>
    <t>\\acsfs\profiles$\victorgl\Downloads\desktop.ini</t>
  </si>
  <si>
    <t>01/17/2020 13:52:38</t>
  </si>
  <si>
    <t>\\acsfs\profiles$\victorgl\My Documents\</t>
  </si>
  <si>
    <t>\\acsfs\profiles$\victorgl\My Documents\desktop.ini</t>
  </si>
  <si>
    <t>01/17/2020 13:52:39</t>
  </si>
  <si>
    <t>01/17/2020 13:52:40</t>
  </si>
  <si>
    <t>\\acsfs\profiles$\victorgl\Saved Games\</t>
  </si>
  <si>
    <t>\\acsfs\profiles$\victorgl\Saved Games\desktop.ini</t>
  </si>
  <si>
    <t>01/17/2020 13:53:12</t>
  </si>
  <si>
    <t>\\acsfs\profiles$\victorgl\Favorites\Links for Brasil\</t>
  </si>
  <si>
    <t>\\acsfs\profiles$\victorgl\Favorites\Links for Brasil\desktop.ini</t>
  </si>
  <si>
    <t>01/17/2020 13:53:14</t>
  </si>
  <si>
    <t>\\acsfs\profiles$\victorgl\Favorites\Links for Brasil\Microsoft Brasil.url</t>
  </si>
  <si>
    <t>01/17/2020 13:53:15</t>
  </si>
  <si>
    <t>\\acsfs\profiles$\victorgl\Favorites\Links for Brasil\Windows Brasil.url</t>
  </si>
  <si>
    <t>01/17/2020 13:53:17</t>
  </si>
  <si>
    <t>\\acsfs\profiles$\victorgl\Favorites\Links for Brasil\MSN Brasil.url</t>
  </si>
  <si>
    <t>01/17/2020 13:50:41</t>
  </si>
  <si>
    <t>dcbce88d-dd7f-4248-9c17-75596ed752d6.tmp</t>
  </si>
  <si>
    <t>\\acsfs\profiles$\THYAGOSP\Downloads\dcbce88d-dd7f-4248-9c17-75596ed752d6.tmp</t>
  </si>
  <si>
    <t>01/17/2020 13:50:12</t>
  </si>
  <si>
    <t>01/17/2020 13:50:13</t>
  </si>
  <si>
    <t>01/17/2020 13:50:14</t>
  </si>
  <si>
    <t>01/17/2020 13:50:15</t>
  </si>
  <si>
    <t>01/17/2020 13:50:16</t>
  </si>
  <si>
    <t>01/17/2020 13:50:17</t>
  </si>
  <si>
    <t>01/17/2020 13:50:18</t>
  </si>
  <si>
    <t>01/17/2020 13:50:19</t>
  </si>
  <si>
    <t>01/17/2020 13:50:20</t>
  </si>
  <si>
    <t>01/17/2020 13:50:21</t>
  </si>
  <si>
    <t>01/17/2020 13:51:35</t>
  </si>
  <si>
    <t>6fd681e6-3e56-4684-a103-e212adadb36b.tmp</t>
  </si>
  <si>
    <t>\\acsfs\profiles$\andrezacapf\Downloads\6fd681e6-3e56-4684-a103-e212adadb36b.tmp</t>
  </si>
  <si>
    <t>01/17/2020 13:50:51</t>
  </si>
  <si>
    <t>01/17/2020 13:50:53</t>
  </si>
  <si>
    <t>01/17/2020 13:56:46</t>
  </si>
  <si>
    <t>01/17/2020 13:51:42</t>
  </si>
  <si>
    <t>01/17/2020 13:51:48</t>
  </si>
  <si>
    <t>01/17/2020 13:54:41</t>
  </si>
  <si>
    <t>673f9414-45f6-4ccd-8eb3-ca04001950bd.tmp</t>
  </si>
  <si>
    <t>\\acsfs\profiles$\regisadsa\Downloads\673f9414-45f6-4ccd-8eb3-ca04001950bd.tmp</t>
  </si>
  <si>
    <t>01/17/2020 13:55:53</t>
  </si>
  <si>
    <t>4c099c64-d19c-4584-a676-59f92bb87be4.tmp</t>
  </si>
  <si>
    <t>\\acsfs\profiles$\regisadsa\Downloads\4c099c64-d19c-4584-a676-59f92bb87be4.tmp</t>
  </si>
  <si>
    <t>01/17/2020 13:54:53</t>
  </si>
  <si>
    <t>01/17/2020 13:53:38</t>
  </si>
  <si>
    <t>01/17/2020 13:54:08</t>
  </si>
  <si>
    <t>01/17/2020 13:54:38</t>
  </si>
  <si>
    <t>01/17/2020 13:55:09</t>
  </si>
  <si>
    <t>01/17/2020 13:56:03</t>
  </si>
  <si>
    <t>01/17/2020 13:52:27</t>
  </si>
  <si>
    <t>01/17/2020 13:57:46</t>
  </si>
  <si>
    <t>6569e7c4-9e91-42d6-b802-5e0aa8bd2957.tmp</t>
  </si>
  <si>
    <t>\\acsfs\profiles$\luanarda\Downloads\6569e7c4-9e91-42d6-b802-5e0aa8bd2957.tmp</t>
  </si>
  <si>
    <t>01/17/2020 13:53:32</t>
  </si>
  <si>
    <t>01/17/2020 13:58:45</t>
  </si>
  <si>
    <t>b14f7c63-4000-4690-9b52-e5d4a1ef9831.tmp</t>
  </si>
  <si>
    <t>\\acsfs\profiles$\KARENJSS\Downloads\b14f7c63-4000-4690-9b52-e5d4a1ef9831.tmp</t>
  </si>
  <si>
    <t>01/17/2020 13:55:22</t>
  </si>
  <si>
    <t>1ff7a9c2-2ec0-4b50-bb17-f7e1912622ac.tmp</t>
  </si>
  <si>
    <t>\\acsfs\profiles$\KARENJSS\Downloads\1ff7a9c2-2ec0-4b50-bb17-f7e1912622ac.tmp</t>
  </si>
  <si>
    <t>01/17/2020 13:55:28</t>
  </si>
  <si>
    <t>7e3f8fa1-f5da-48b8-ad76-703f4c81bac5.tmp</t>
  </si>
  <si>
    <t>\\acsfs\profiles$\KARENJSS\Downloads\7e3f8fa1-f5da-48b8-ad76-703f4c81bac5.tmp</t>
  </si>
  <si>
    <t>01/17/2020 13:56:28</t>
  </si>
  <si>
    <t>824a75b9-0073-4d01-9fdc-8ba3bab80b59.tmp</t>
  </si>
  <si>
    <t>\\acsfs\profiles$\gabrielamdp\Downloads\824a75b9-0073-4d01-9fdc-8ba3bab80b59.tmp</t>
  </si>
  <si>
    <t>01/17/2020 13:53:52</t>
  </si>
  <si>
    <t>.~lock.RENEG BV - Venc 26.12.2019 - Lucas.ods#</t>
  </si>
  <si>
    <t>\\acsfs\profiles$\LUCASBS\RENEG BV\Consolidado\.~lock.RENEG BV - Venc 26.12.2019 - Lucas.ods#</t>
  </si>
  <si>
    <t>01/17/2020 13:55:10</t>
  </si>
  <si>
    <t>a539fb6e-e00b-4f3e-b5b7-e7b1816073fc.tmp</t>
  </si>
  <si>
    <t>\\acsfs\profiles$\gabrielsma\Downloads\a539fb6e-e00b-4f3e-b5b7-e7b1816073fc.tmp</t>
  </si>
  <si>
    <t>01/17/2020 13:55:26</t>
  </si>
  <si>
    <t>\\acsfs\ACS\Gabriel da Silva\Contemporânea\VENDAS\Q29udHJvbGxlci5FeHBsb3Jlcl8x.ica.crdownload</t>
  </si>
  <si>
    <t>01/17/2020 13:54:31</t>
  </si>
  <si>
    <t>01/17/2020 13:59:46</t>
  </si>
  <si>
    <t>01/17/2020 13:55:18</t>
  </si>
  <si>
    <t>dd84298b-57c1-4982-93cd-18ff211f5aec.tmp</t>
  </si>
  <si>
    <t>\\acsfs\profiles$\larissaad\Downloads\dd84298b-57c1-4982-93cd-18ff211f5aec.tmp</t>
  </si>
  <si>
    <t>dd091f81-5c67-41e3-b09b-6d7c6d69b18d.tmp</t>
  </si>
  <si>
    <t>\\acsfs\profiles$\larissaad\Downloads\dd091f81-5c67-41e3-b09b-6d7c6d69b18d.tmp</t>
  </si>
  <si>
    <t>01/17/2020 13:55:05</t>
  </si>
  <si>
    <t>76a7e1a5-37cd-4797-aa2c-d6c4d22e4b80.tmp</t>
  </si>
  <si>
    <t>\\acsfs\profiles$\rafaelacdoc\Downloads\76a7e1a5-37cd-4797-aa2c-d6c4d22e4b80.tmp</t>
  </si>
  <si>
    <t>01/17/2020 13:54:46</t>
  </si>
  <si>
    <t>boleto_0_30520091820200117075030.pdf</t>
  </si>
  <si>
    <t>01/17/2020 13:54:59</t>
  </si>
  <si>
    <t>01/17/2020 14:00:46</t>
  </si>
  <si>
    <t>7a7593b6-51ed-4c03-a164-75c66934715e.tmp</t>
  </si>
  <si>
    <t>\\acsfs\profiles$\victorgl\Downloads\7a7593b6-51ed-4c03-a164-75c66934715e.tmp</t>
  </si>
  <si>
    <t>01/17/2020 13:57:38</t>
  </si>
  <si>
    <t>b576edaf-dd27-436e-9818-3619bf6580dc.tmp</t>
  </si>
  <si>
    <t>\\acsfs\profiles$\victorgl\Downloads\b576edaf-dd27-436e-9818-3619bf6580dc.tmp</t>
  </si>
  <si>
    <t>01/17/2020 13:57:42</t>
  </si>
  <si>
    <t>cb0580a6-bb44-4e0b-a9e2-a68f14bf7911.tmp</t>
  </si>
  <si>
    <t>\\acsfs\profiles$\victorgl\Downloads\cb0580a6-bb44-4e0b-a9e2-a68f14bf7911.tmp</t>
  </si>
  <si>
    <t>01/17/2020 13:59:59</t>
  </si>
  <si>
    <t>d2cf6c34-25a3-4f14-a1bd-b0301b655c1c.tmp</t>
  </si>
  <si>
    <t>\\acsfs\profiles$\victorgl\Downloads\d2cf6c34-25a3-4f14-a1bd-b0301b655c1c.tmp</t>
  </si>
  <si>
    <t>01/17/2020 13:56:35</t>
  </si>
  <si>
    <t>01/17/2020 14:01:46</t>
  </si>
  <si>
    <t>64e403d9-6da7-457b-ad75-2b95eec6eb55.tmp</t>
  </si>
  <si>
    <t>\\acsfs\profiles$\regisadsa\Downloads\64e403d9-6da7-457b-ad75-2b95eec6eb55.tmp</t>
  </si>
  <si>
    <t>01/17/2020 13:57:54</t>
  </si>
  <si>
    <t>8924b916-1c35-4912-a51f-d8e9c2473101.tmp</t>
  </si>
  <si>
    <t>\\acsfs\profiles$\regisadsa\Downloads\8924b916-1c35-4912-a51f-d8e9c2473101.tmp</t>
  </si>
  <si>
    <t>01/17/2020 14:00:03</t>
  </si>
  <si>
    <t>2df58f98-9626-4705-973f-308317fd67c3.tmp</t>
  </si>
  <si>
    <t>\\acsfs\profiles$\regisadsa\Downloads\2df58f98-9626-4705-973f-308317fd67c3.tmp</t>
  </si>
  <si>
    <t>01/17/2020 13:58:22</t>
  </si>
  <si>
    <t>01/17/2020 14:00:25</t>
  </si>
  <si>
    <t>01/17/2020 13:57:40</t>
  </si>
  <si>
    <t>01/17/2020 13:58:10</t>
  </si>
  <si>
    <t>01/17/2020 13:59:10</t>
  </si>
  <si>
    <t>01/17/2020 13:59:40</t>
  </si>
  <si>
    <t>01/17/2020 14:00:23</t>
  </si>
  <si>
    <t>AGENT LOGIN LOGOUT DETAILS REPORT 16.01.2020.xlsx</t>
  </si>
  <si>
    <t>\\acsfs\deptos\Operacao\PCP\5 - Comum\PLANEJAMENTO BV\23 - EXTRAÇÕES\Agente Login Logout details report\2020\JANEIRO\AGENT LOGIN LOGOUT DETAILS REPORT 16.01.2020.xlsx</t>
  </si>
  <si>
    <t>01/17/2020 14:02:42</t>
  </si>
  <si>
    <t>01/17/2020 14:03:46</t>
  </si>
  <si>
    <t>b673abc7-8cca-46af-9aff-5f8b465042c8.tmp</t>
  </si>
  <si>
    <t>\\acsfs\profiles$\laylaams\Downloads\b673abc7-8cca-46af-9aff-5f8b465042c8.tmp</t>
  </si>
  <si>
    <t>01/17/2020 14:01:38</t>
  </si>
  <si>
    <t>\\acsfs\ACS\Gabriel da Silva\Contemporânea\Erros Operacionais\</t>
  </si>
  <si>
    <t>21EDB318.tmp</t>
  </si>
  <si>
    <t>\\acsfs\ACS\Gabriel da Silva\Contemporânea\Erros Operacionais\21EDB318.tmp</t>
  </si>
  <si>
    <t>01/17/2020 14:01:39</t>
  </si>
  <si>
    <t>~$Base de Erros.xlsx</t>
  </si>
  <si>
    <t>\\acsfs\ACS\Gabriel da Silva\Contemporânea\Erros Operacionais\~$Base de Erros.xlsx</t>
  </si>
  <si>
    <t>01/17/2020 13:59:03</t>
  </si>
  <si>
    <t>01/17/2020 13:59:08</t>
  </si>
  <si>
    <t>lu649212c9ol.tmp</t>
  </si>
  <si>
    <t>\\acsfs\profiles$\FLAVIOJMM\My Documents\lu649212c9ol.tmp</t>
  </si>
  <si>
    <t>\\acsfs\profiles$\FLAVIOJMM\My Documents\lu649212c9ol.tmp\</t>
  </si>
  <si>
    <t>\\acsfs\profiles$\FLAVIOJMM\My Documents\lu649212c9ol.tmp\META-INF\</t>
  </si>
  <si>
    <t>\\acsfs\profiles$\FLAVIOJMM\My Documents\lu649212c9ol.tmp\Thumbnails\</t>
  </si>
  <si>
    <t>01/17/2020 14:04:46</t>
  </si>
  <si>
    <t>01/17/2020 14:00:08</t>
  </si>
  <si>
    <t>01/17/2020 14:00:39</t>
  </si>
  <si>
    <t>01/17/2020 14:05:46</t>
  </si>
  <si>
    <t>01/17/2020 14:02:49</t>
  </si>
  <si>
    <t>01/17/2020 14:02:51</t>
  </si>
  <si>
    <t>01/17/2020 14:03:01</t>
  </si>
  <si>
    <t>01/17/2020 14:03:03</t>
  </si>
  <si>
    <t>01/17/2020 14:06:45</t>
  </si>
  <si>
    <t>01/17/2020 14:02:38</t>
  </si>
  <si>
    <t>Gabriela F Qualidade.PNG</t>
  </si>
  <si>
    <t>01/17/2020 14:03:58</t>
  </si>
  <si>
    <t>Gabriela F Assiduidade.PNG</t>
  </si>
  <si>
    <t>01/17/2020 14:05:15</t>
  </si>
  <si>
    <t>Gabriela F NPS.PNG</t>
  </si>
  <si>
    <t>01/17/2020 14:01:45</t>
  </si>
  <si>
    <t>Agent utilization 01.01.2020 a 15.01.2020.xlsx</t>
  </si>
  <si>
    <t>\\acsfs\deptos\Operacao\PCP\5 - Comum\PLANEJAMENTO BV\23 - EXTRAÇÕES\Agent utilization\2020\Agent utilization 01.01.2020 a 15.01.2020.xlsx</t>
  </si>
  <si>
    <t>01/17/2020 14:06:35</t>
  </si>
  <si>
    <t>Queue Summary Report 01.01.20 a 15.01.2020.xlsx</t>
  </si>
  <si>
    <t>\\acsfs\deptos\Operacao\PCP\5 - Comum\PLANEJAMENTO BV\23 - EXTRAÇÕES\Queue Summary Report\2020\Queue Summary Report 01.01.20 a 15.01.2020.xlsx</t>
  </si>
  <si>
    <t>01/17/2020 14:03:40</t>
  </si>
  <si>
    <t>01/17/2020 14:08:45</t>
  </si>
  <si>
    <t>01/17/2020 14:03:41</t>
  </si>
  <si>
    <t>01/17/2020 14:08:03</t>
  </si>
  <si>
    <t>3° Ciclo Janeiro.txt</t>
  </si>
  <si>
    <t>\\acsfs\DEPTOS\Operacao\Banco_Votorantim\Qualidade\Eliane\Monitoria JANEIRO 2020\3° Ciclo Janeiro.txt</t>
  </si>
  <si>
    <t>01/17/2020 14:04:56</t>
  </si>
  <si>
    <t>01/17/2020 14:09:46</t>
  </si>
  <si>
    <t>01/17/2020 14:04:57</t>
  </si>
  <si>
    <t>01/17/2020 14:05:20</t>
  </si>
  <si>
    <t>01/17/2020 14:06:25</t>
  </si>
  <si>
    <t>ba5e075b-0d7f-44ab-a2d7-495f48b8d951.tmp</t>
  </si>
  <si>
    <t>\\acsfs\profiles$\felipetds\Downloads\ba5e075b-0d7f-44ab-a2d7-495f48b8d951.tmp</t>
  </si>
  <si>
    <t>01/17/2020 14:06:36</t>
  </si>
  <si>
    <t>01/17/2020 14:10:46</t>
  </si>
  <si>
    <t>01/17/2020 14:06:41</t>
  </si>
  <si>
    <t>01/17/2020 14:06:42</t>
  </si>
  <si>
    <t>01/17/2020 14:06:43</t>
  </si>
  <si>
    <t>01/17/2020 14:06:46</t>
  </si>
  <si>
    <t>01/17/2020 14:06:47</t>
  </si>
  <si>
    <t>01/17/2020 14:06:48</t>
  </si>
  <si>
    <t>01/17/2020 14:06:50</t>
  </si>
  <si>
    <t>01/17/2020 14:06:51</t>
  </si>
  <si>
    <t>01/17/2020 14:06:52</t>
  </si>
  <si>
    <t>01/17/2020 14:06:53</t>
  </si>
  <si>
    <t>01/17/2020 14:06:54</t>
  </si>
  <si>
    <t>01/17/2020 14:06:55</t>
  </si>
  <si>
    <t>01/17/2020 14:06:57</t>
  </si>
  <si>
    <t>01/17/2020 14:06:58</t>
  </si>
  <si>
    <t>01/17/2020 14:06:59</t>
  </si>
  <si>
    <t>01/17/2020 14:07:00</t>
  </si>
  <si>
    <t>01/17/2020 14:07:01</t>
  </si>
  <si>
    <t>01/17/2020 14:07:02</t>
  </si>
  <si>
    <t>01/17/2020 14:07:03</t>
  </si>
  <si>
    <t>01/17/2020 14:07:04</t>
  </si>
  <si>
    <t>01/17/2020 14:07:05</t>
  </si>
  <si>
    <t>01/17/2020 14:07:06</t>
  </si>
  <si>
    <t>01/17/2020 14:07:07</t>
  </si>
  <si>
    <t>01/17/2020 14:07:08</t>
  </si>
  <si>
    <t>01/17/2020 14:07:09</t>
  </si>
  <si>
    <t>01/17/2020 14:07:10</t>
  </si>
  <si>
    <t>01/17/2020 14:07:12</t>
  </si>
  <si>
    <t>01/17/2020 14:07:13</t>
  </si>
  <si>
    <t>01/17/2020 14:07:14</t>
  </si>
  <si>
    <t>01/17/2020 14:07:16</t>
  </si>
  <si>
    <t>01/17/2020 14:07:17</t>
  </si>
  <si>
    <t>01/17/2020 14:07:18</t>
  </si>
  <si>
    <t>01/17/2020 14:07:19</t>
  </si>
  <si>
    <t>01/17/2020 14:07:20</t>
  </si>
  <si>
    <t>01/17/2020 14:07:21</t>
  </si>
  <si>
    <t>01/17/2020 14:07:22</t>
  </si>
  <si>
    <t>01/17/2020 14:07:47</t>
  </si>
  <si>
    <t>01/17/2020 14:05:42</t>
  </si>
  <si>
    <t>01/17/2020 14:06:34</t>
  </si>
  <si>
    <t>01/17/2020 14:11:46</t>
  </si>
  <si>
    <t>lu10556ftv8.tmp</t>
  </si>
  <si>
    <t>\\acsfs\profiles$\VIVIANALDS\My Documents\lu10556ftv8.tmp</t>
  </si>
  <si>
    <t>\\acsfs\profiles$\VIVIANALDS\My Documents\lu10556ftv8.tmp\</t>
  </si>
  <si>
    <t>\\acsfs\profiles$\VIVIANALDS\My Documents\lu10556ftv8.tmp\META-INF\</t>
  </si>
  <si>
    <t>\\acsfs\profiles$\VIVIANALDS\My Documents\lu10556ftv8.tmp\Thumbnails\</t>
  </si>
  <si>
    <t>01/17/2020 14:10:15</t>
  </si>
  <si>
    <t>2e9d90c5-a2ac-4480-953a-af14209c22bf.tmp</t>
  </si>
  <si>
    <t>\\acsfs\profiles$\vivianalds\Downloads\2e9d90c5-a2ac-4480-953a-af14209c22bf.tmp</t>
  </si>
  <si>
    <t>01/17/2020 14:07:25</t>
  </si>
  <si>
    <t>f064609e-b109-43aa-b666-699505afef51.tmp</t>
  </si>
  <si>
    <t>\\acsfs\profiles$\gabrielaff\Downloads\f064609e-b109-43aa-b666-699505afef51.tmp</t>
  </si>
  <si>
    <t>01/17/2020 14:08:21</t>
  </si>
  <si>
    <t>8094c785-2085-473c-8dac-f55094daa022.tmp</t>
  </si>
  <si>
    <t>\\acsfs\profiles$\sarahbal\Downloads\8094c785-2085-473c-8dac-f55094daa022.tmp</t>
  </si>
  <si>
    <t>01/17/2020 14:06:44</t>
  </si>
  <si>
    <t>01/17/2020 14:07:44</t>
  </si>
  <si>
    <t>01/17/2020 14:08:10</t>
  </si>
  <si>
    <t>01/17/2020 14:13:46</t>
  </si>
  <si>
    <t>aa96d90c-c23a-47cf-8a77-bd70ce8b6495.tmp</t>
  </si>
  <si>
    <t>\\acsfs\profiles$\gabrielamdp\Downloads\aa96d90c-c23a-47cf-8a77-bd70ce8b6495.tmp</t>
  </si>
  <si>
    <t>01/17/2020 14:08:20</t>
  </si>
  <si>
    <t>5c8fc9ba-0727-4143-9137-fe3d7ca79733.tmp</t>
  </si>
  <si>
    <t>\\acsfs\profiles$\gabrielamdp\Downloads\5c8fc9ba-0727-4143-9137-fe3d7ca79733.tmp</t>
  </si>
  <si>
    <t>01/17/2020 14:10:13</t>
  </si>
  <si>
    <t>01/17/2020 14:10:18</t>
  </si>
  <si>
    <t>lu649212c9ou.tmp</t>
  </si>
  <si>
    <t>\\acsfs\profiles$\FLAVIOJMM\My Documents\lu649212c9ou.tmp</t>
  </si>
  <si>
    <t>\\acsfs\profiles$\FLAVIOJMM\My Documents\lu649212c9ou.tmp\</t>
  </si>
  <si>
    <t>\\acsfs\profiles$\FLAVIOJMM\My Documents\lu649212c9ou.tmp\META-INF\</t>
  </si>
  <si>
    <t>\\acsfs\profiles$\FLAVIOJMM\My Documents\lu649212c9ou.tmp\Thumbnails\</t>
  </si>
  <si>
    <t>01/17/2020 14:10:44</t>
  </si>
  <si>
    <t>006a2957-065a-450e-9644-6ff32cbf185d.tmp</t>
  </si>
  <si>
    <t>\\acsfs\profiles$\edicarlosdl\Downloads\006a2957-065a-450e-9644-6ff32cbf185d.tmp</t>
  </si>
  <si>
    <t>01/17/2020 14:12:18</t>
  </si>
  <si>
    <t>e47a4b3b-2dc5-41c3-83f8-b7657237a650.tmp</t>
  </si>
  <si>
    <t>\\acsfs\profiles$\edicarlosdl\Downloads\e47a4b3b-2dc5-41c3-83f8-b7657237a650.tmp</t>
  </si>
  <si>
    <t>01/17/2020 14:14:46</t>
  </si>
  <si>
    <t>01/17/2020 14:09:54</t>
  </si>
  <si>
    <t>6a57c784-89cf-4553-9073-15130ace6d68.tmp</t>
  </si>
  <si>
    <t>\\acsfs\profiles$\brendadsl\Downloads\6a57c784-89cf-4553-9073-15130ace6d68.tmp</t>
  </si>
  <si>
    <t>01/17/2020 14:12:00</t>
  </si>
  <si>
    <t>01/17/2020 14:15:46</t>
  </si>
  <si>
    <t>761bba8b-aef8-4f46-b124-8c815dae0a41.tmp</t>
  </si>
  <si>
    <t>\\acsfs\profiles$\victorgl\Downloads\761bba8b-aef8-4f46-b124-8c815dae0a41.tmp</t>
  </si>
  <si>
    <t>01/17/2020 14:15:03</t>
  </si>
  <si>
    <t>01/17/2020 14:15:04</t>
  </si>
  <si>
    <t>01/17/2020 14:15:05</t>
  </si>
  <si>
    <t>01/17/2020 14:15:06</t>
  </si>
  <si>
    <t>01/17/2020 14:15:09</t>
  </si>
  <si>
    <t>01/17/2020 14:15:10</t>
  </si>
  <si>
    <t>01/17/2020 14:15:11</t>
  </si>
  <si>
    <t>01/17/2020 14:15:14</t>
  </si>
  <si>
    <t>01/17/2020 14:15:16</t>
  </si>
  <si>
    <t>01/17/2020 14:15:19</t>
  </si>
  <si>
    <t>01/17/2020 14:15:20</t>
  </si>
  <si>
    <t>01/17/2020 14:15:23</t>
  </si>
  <si>
    <t>01/17/2020 14:15:24</t>
  </si>
  <si>
    <t>01/17/2020 14:15:26</t>
  </si>
  <si>
    <t>01/17/2020 14:15:27</t>
  </si>
  <si>
    <t>01/17/2020 14:15:29</t>
  </si>
  <si>
    <t>01/17/2020 14:15:30</t>
  </si>
  <si>
    <t>01/17/2020 14:15:31</t>
  </si>
  <si>
    <t>\\acsfs\profiles$\PHILIPEGSF\My Documents\My Videos\</t>
  </si>
  <si>
    <t>01/17/2020 14:15:33</t>
  </si>
  <si>
    <t>01/17/2020 14:15:34</t>
  </si>
  <si>
    <t>01/17/2020 14:15:36</t>
  </si>
  <si>
    <t>01/17/2020 14:15:37</t>
  </si>
  <si>
    <t>01/17/2020 14:12:46</t>
  </si>
  <si>
    <t>01/17/2020 14:16:46</t>
  </si>
  <si>
    <t>01/17/2020 14:14:40</t>
  </si>
  <si>
    <t>01/17/2020 14:18:45</t>
  </si>
  <si>
    <t>01/17/2020 14:14:41</t>
  </si>
  <si>
    <t>01/17/2020 14:19:46</t>
  </si>
  <si>
    <t>60ceae33-1a37-483d-b3e4-9f6c65e0b9ff.tmp</t>
  </si>
  <si>
    <t>\\acsfs\profiles$\rafaelacdoc\Downloads\60ceae33-1a37-483d-b3e4-9f6c65e0b9ff.tmp</t>
  </si>
  <si>
    <t>01/17/2020 14:18:33</t>
  </si>
  <si>
    <t>01/17/2020 14:19:16</t>
  </si>
  <si>
    <t>01/17/2020 14:19:17</t>
  </si>
  <si>
    <t>01/17/2020 14:15:18</t>
  </si>
  <si>
    <t>d19ce266-c939-4db2-84c2-ff1a43d6ff54.tmp</t>
  </si>
  <si>
    <t>\\acsfs\profiles$\brendadsl\Downloads\d19ce266-c939-4db2-84c2-ff1a43d6ff54.tmp</t>
  </si>
  <si>
    <t>01/17/2020 14:15:42</t>
  </si>
  <si>
    <t>01/17/2020 14:20:45</t>
  </si>
  <si>
    <t>70e2fb1d-d48d-4123-832a-f25bde5c050f.tmp</t>
  </si>
  <si>
    <t>\\acsfs\profiles$\victorgl\Downloads\70e2fb1d-d48d-4123-832a-f25bde5c050f.tmp</t>
  </si>
  <si>
    <t>c9f9310e-88f2-49ac-a876-de9b87cf4eba.tmp</t>
  </si>
  <si>
    <t>\\acsfs\profiles$\luanarda\Downloads\c9f9310e-88f2-49ac-a876-de9b87cf4eba.tmp</t>
  </si>
  <si>
    <t>01/17/2020 14:18:55</t>
  </si>
  <si>
    <t>lu1559612tke0.tmp</t>
  </si>
  <si>
    <t>\\acsfs\profiles$\luanarda\lu1559612tke0.tmp</t>
  </si>
  <si>
    <t>\\acsfs\profiles$\luanarda\lu1559612tke0.tmp\</t>
  </si>
  <si>
    <t>\\acsfs\profiles$\luanarda\lu1559612tke0.tmp\META-INF\</t>
  </si>
  <si>
    <t>\\acsfs\profiles$\luanarda\lu1559612tke0.tmp\Thumbnails\</t>
  </si>
  <si>
    <t>01/17/2020 14:15:38</t>
  </si>
  <si>
    <t>01/17/2020 14:15:40</t>
  </si>
  <si>
    <t>01/17/2020 14:15:41</t>
  </si>
  <si>
    <t>01/17/2020 14:15:44</t>
  </si>
  <si>
    <t>01/17/2020 14:15:45</t>
  </si>
  <si>
    <t>01/17/2020 14:15:48</t>
  </si>
  <si>
    <t>01/17/2020 14:15:50</t>
  </si>
  <si>
    <t>01/17/2020 14:15:51</t>
  </si>
  <si>
    <t>01/17/2020 14:15:52</t>
  </si>
  <si>
    <t>01/17/2020 14:15:53</t>
  </si>
  <si>
    <t>01/17/2020 14:15:55</t>
  </si>
  <si>
    <t>01/17/2020 14:15:56</t>
  </si>
  <si>
    <t>01/17/2020 14:15:57</t>
  </si>
  <si>
    <t>01/17/2020 14:15:58</t>
  </si>
  <si>
    <t>01/17/2020 14:15:59</t>
  </si>
  <si>
    <t>01/17/2020 14:16:01</t>
  </si>
  <si>
    <t>01/17/2020 14:16:40</t>
  </si>
  <si>
    <t>winrt--{S-1-5-21-602162358-764733703-839522115-352965}-.searchconnector-ms</t>
  </si>
  <si>
    <t>\\acsfs\profiles$\philipegsf\Searches\winrt--{S-1-5-21-602162358-764733703-839522115-352965}-.searchconnector-ms</t>
  </si>
  <si>
    <t>01/17/2020 14:17:18</t>
  </si>
  <si>
    <t>01/17/2020 14:21:46</t>
  </si>
  <si>
    <t>01/17/2020 14:17:48</t>
  </si>
  <si>
    <t>01/17/2020 14:22:46</t>
  </si>
  <si>
    <t>01/17/2020 14:17:45</t>
  </si>
  <si>
    <t>fdbb115c-cfa4-407d-a076-455bc87864fa.tmp</t>
  </si>
  <si>
    <t>\\acsfs\profiles$\erichds\Downloads\fdbb115c-cfa4-407d-a076-455bc87864fa.tmp</t>
  </si>
  <si>
    <t>01/17/2020 14:23:46</t>
  </si>
  <si>
    <t>01/17/2020 14:23:07</t>
  </si>
  <si>
    <t>c935b44b-c433-4e18-bb60-09b1af2d9edc.tmp</t>
  </si>
  <si>
    <t>\\acsfs\profiles$\gabrielsma\Downloads\c935b44b-c433-4e18-bb60-09b1af2d9edc.tmp</t>
  </si>
  <si>
    <t>01/17/2020 14:23:12</t>
  </si>
  <si>
    <t>01/17/2020 14:22:21</t>
  </si>
  <si>
    <t>01/17/2020 14:24:46</t>
  </si>
  <si>
    <t>074f7c66-e0b7-4c4a-bc09-ce760a7f8a83.tmp</t>
  </si>
  <si>
    <t>\\acsfs\profiles$\nathaliarmr\Downloads\074f7c66-e0b7-4c4a-bc09-ce760a7f8a83.tmp</t>
  </si>
  <si>
    <t>01/17/2020 14:21:45</t>
  </si>
  <si>
    <t>01/17/2020 14:25:46</t>
  </si>
  <si>
    <t>01/17/2020 14:23:21</t>
  </si>
  <si>
    <t>01/17/2020 14:26:46</t>
  </si>
  <si>
    <t>01/17/2020 14:23:51</t>
  </si>
  <si>
    <t>01/17/2020 14:23:15</t>
  </si>
  <si>
    <t>01/17/2020 14:27:46</t>
  </si>
  <si>
    <t>mail.google.com/sync/u/0/i/s?hl=pt-BR&amp;c=1524</t>
  </si>
  <si>
    <t>01/17/2020 14:23:39</t>
  </si>
  <si>
    <t>mail.google.com/sync/u/0/i/s?hl=pt-BR&amp;c=1526</t>
  </si>
  <si>
    <t>mail.google.com/sync/u/0/i/s?hl=pt-BR&amp;c=1528</t>
  </si>
  <si>
    <t>01/17/2020 14:24:00</t>
  </si>
  <si>
    <t>mail.google.com/sync/u/0/i/s?hl=pt-BR&amp;c=1530</t>
  </si>
  <si>
    <t>01/17/2020 14:24:03</t>
  </si>
  <si>
    <t>mail.google.com/sync/u/0/i/s?hl=pt-BR&amp;c=1532</t>
  </si>
  <si>
    <t>01/17/2020 14:24:28</t>
  </si>
  <si>
    <t>mail.google.com/sync/u/0/i/s?hl=pt-BR&amp;c=1535</t>
  </si>
  <si>
    <t>01/17/2020 14:24:42</t>
  </si>
  <si>
    <t>mail.google.com/sync/u/0/i/s?hl=pt-BR&amp;c=1537</t>
  </si>
  <si>
    <t>01/17/2020 14:24:55</t>
  </si>
  <si>
    <t>mail.google.com/sync/u/0/i/s?hl=pt-BR&amp;c=1539</t>
  </si>
  <si>
    <t>01/17/2020 14:25:08</t>
  </si>
  <si>
    <t>mail.google.com/sync/u/0/i/s?hl=pt-BR&amp;c=1541</t>
  </si>
  <si>
    <t>01/17/2020 14:25:39</t>
  </si>
  <si>
    <t>mail.google.com/sync/u/0/i/s?hl=pt-BR&amp;c=1544</t>
  </si>
  <si>
    <t>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senildapdo@algartecnologia.com.br;supervisaobancovotorantim@algartech.com;taysdss@algartech.com;thiagolrc@bv.algartech.com;viniciussg@algartech.com;</t>
  </si>
  <si>
    <t>andrelpsa@algartech.com,catianalv@algartech.com,cpc-controldeskavon@algartech.com,joaogvc@algartech.com,joseasn@algartech.com,josiascdsj@algartech.com,leonardoao@algartech.com,lucianarsantos@algartech.com,luiz.henriquesantos@avon.com,marianadjc@algartech.com,maristelavodq@bv.algartech.com,paulacn@algartech.com,qualidadealgarbv@algartech.com,senildapdo@algartecnologia.com.br,supervisaobancovotorantim@algartech.com,taysdss@algartech.com,thiagolrc@bv.algartech.com,viniciussg@algartech.com</t>
  </si>
  <si>
    <t>01/17/2020 14:25:47</t>
  </si>
  <si>
    <t>mail.google.com/sync/u/0/i/s?hl=pt-BR&amp;c=1546</t>
  </si>
  <si>
    <t>01/17/2020 14:25:53</t>
  </si>
  <si>
    <t>mail.google.com/sync/u/0/i/s?hl=pt-BR&amp;c=1548</t>
  </si>
  <si>
    <t>01/17/2020 14:26:03</t>
  </si>
  <si>
    <t>mail.google.com/sync/u/0/i/s?hl=pt-BR&amp;c=1550</t>
  </si>
  <si>
    <t>01/17/2020 14:26:05</t>
  </si>
  <si>
    <t>mail.google.com/sync/u/0/i/s?hl=pt-BR&amp;c=1552</t>
  </si>
  <si>
    <t>01/17/2020 14:23:33</t>
  </si>
  <si>
    <t>01/17/2020 14:28:46</t>
  </si>
  <si>
    <t>6a31e1a5-1740-4d96-8c6f-07634d6bfe0b.tmp</t>
  </si>
  <si>
    <t>\\acsfs\profiles$\quindaizaagds\Downloads\6a31e1a5-1740-4d96-8c6f-07634d6bfe0b.tmp</t>
  </si>
  <si>
    <t>01/17/2020 14:25:55</t>
  </si>
  <si>
    <t>Erros operacionais - Janeiro_Possivel.xlsb</t>
  </si>
  <si>
    <t>\\acsfs\ACS\Gabriel da Silva\Contemporânea\Erros Operacionais\Erros operacionais - Janeiro_Possivel.xlsb</t>
  </si>
  <si>
    <t>01/17/2020 14:27:28</t>
  </si>
  <si>
    <t>f3f7362c-fdaa-4bb0-90d1-c87c40fdaf34.tmp</t>
  </si>
  <si>
    <t>\\acsfs\profiles$\cintiadjl\Downloads\f3f7362c-fdaa-4bb0-90d1-c87c40fdaf34.tmp</t>
  </si>
  <si>
    <t>01/17/2020 14:30:46</t>
  </si>
  <si>
    <t>01/17/2020 14:25:33</t>
  </si>
  <si>
    <t>01/17/2020 14:26:41</t>
  </si>
  <si>
    <t>4ec8e118-357e-47ba-978b-cdd352669837.tmp</t>
  </si>
  <si>
    <t>\\acsfs\profiles$\philipegsf\Downloads\4ec8e118-357e-47ba-978b-cdd352669837.tmp</t>
  </si>
  <si>
    <t>01/17/2020 14:27:06</t>
  </si>
  <si>
    <t>01/17/2020 14:29:22</t>
  </si>
  <si>
    <t>424a155d-6aa3-4204-aea9-0d11010ce041.tmp</t>
  </si>
  <si>
    <t>\\acsfs\profiles$\philipegsf\Downloads\424a155d-6aa3-4204-aea9-0d11010ce041.tmp</t>
  </si>
  <si>
    <t>01/17/2020 14:28:26</t>
  </si>
  <si>
    <t>01/17/2020 14:31:46</t>
  </si>
  <si>
    <t>01/17/2020 14:30:40</t>
  </si>
  <si>
    <t>820c6625-9a8b-47c7-b165-5f402aa94540.tmp</t>
  </si>
  <si>
    <t>\\acsfs\profiles$\lucasgpe\Downloads\820c6625-9a8b-47c7-b165-5f402aa94540.tmp</t>
  </si>
  <si>
    <t>01/17/2020 14:26:51</t>
  </si>
  <si>
    <t>01/17/2020 14:32:46</t>
  </si>
  <si>
    <t>\\udpavonfs01\AVON\00 - ACOMPANHAMENTO AVON\04 - BACKOFFICE CORNERSTONE\2020\01.2020\RELATORIO\16.01.2020\Acompanhamento Backoffice Cornerstone JAN.20.xlsx</t>
  </si>
  <si>
    <t>01/17/2020 14:27:24</t>
  </si>
  <si>
    <t>01/17/2020 14:27:56</t>
  </si>
  <si>
    <t>01/17/2020 14:28:59</t>
  </si>
  <si>
    <t>01/17/2020 14:33:46</t>
  </si>
  <si>
    <t>01/17/2020 14:30:34</t>
  </si>
  <si>
    <t>01/17/2020 14:30:44</t>
  </si>
  <si>
    <t>01/17/2020 14:29:38</t>
  </si>
  <si>
    <t>01/17/2020 14:34:46</t>
  </si>
  <si>
    <t>fa8ff0b6-c206-47a1-a320-e7fba5d83d6b.tmp</t>
  </si>
  <si>
    <t>\\acsfs\profiles$\leticiala\Downloads\fa8ff0b6-c206-47a1-a320-e7fba5d83d6b.tmp</t>
  </si>
  <si>
    <t>01/17/2020 14:31:11</t>
  </si>
  <si>
    <t>01/17/2020 14:35:46</t>
  </si>
  <si>
    <t>bab8c624-c513-40e4-822c-b3bf12853ed6.tmp</t>
  </si>
  <si>
    <t>\\acsfs\profiles$\georgendsq\Downloads\bab8c624-c513-40e4-822c-b3bf12853ed6.tmp</t>
  </si>
  <si>
    <t>01/17/2020 14:31:36</t>
  </si>
  <si>
    <t>01/17/2020 14:31:23</t>
  </si>
  <si>
    <t>01/17/2020 14:36:47</t>
  </si>
  <si>
    <t>http:///batch/drive/v2internal?%24ct=multipart%2Fmixed%3B%20boundary%3D%22%3D%3D%3D%3D%3Dqenrl1xhte40%3D%3D%3D%3D%3D%22&amp;key=AIzaSyAy9VVXHSpS2IJpptzYtGbLP3-3_l0aBk4</t>
  </si>
  <si>
    <t>01/17/2020 14:31:25</t>
  </si>
  <si>
    <t>http:///batch/drive/v2internal?%24ct=multipart%2Fmixed%3B%20boundary%3D%22%3D%3D%3D%3D%3Dzaxh1riw3o1z%3D%3D%3D%3D%3D%22&amp;key=AIzaSyAy9VVXHSpS2IJpptzYtGbLP3-3_l0aBk4</t>
  </si>
  <si>
    <t>01/17/2020 14:31:26</t>
  </si>
  <si>
    <t>http:///batch/drive/v2internal?%24ct=multipart%2Fmixed%3B%20boundary%3D%22%3D%3D%3D%3D%3D5g81rsdkz3fj%3D%3D%3D%3D%3D%22&amp;key=AIzaSyAy9VVXHSpS2IJpptzYtGbLP3-3_l0aBk4</t>
  </si>
  <si>
    <t>ancestorhasaugmentedpermissions;containsunsubscribedchildren;displayname;domain;emailaddress;filesize;hasthumbnail;hasvisitorpermissions;id);items(kind;ken;lastmodifyinguser(kind;lastviewedbymedate;modifiedbymedate;modifieddate;ontainsunsubscribedchildren;owners(kind;permiss;permission;permissionid;picture;picture�;rpermissions;thumbnailversion;workspaceids;</t>
  </si>
  <si>
    <t>http://ancestorhasaugmentedpermissions,containsunsubscribedchildren,displayname,domain,emailaddress,filesize,hasthumbnail,hasvisitorpermissions,id),items(kind,ken,lastmodifyinguser(kind,lastviewedbymedate,modifiedbymedate,modifieddate,ontainsunsubscribedchildren,owners(kind,permiss,permission,permissionid,picture,picture�,rpermissions,thumbnailversion,workspaceids</t>
  </si>
  <si>
    <t>01/17/2020 14:31:27</t>
  </si>
  <si>
    <t>http:///batch/drive/v2internal?%24ct=multipart%2Fmixed%3B%20boundary%3D%22%3D%3D%3D%3D%3D4peksflcxxqa%3D%3D%3D%3D%3D%22&amp;key=AIzaSyAy9VVXHSpS2IJpptzYtGbLP3-3_l0aBk4</t>
  </si>
  <si>
    <t>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picture�;rpermissions;shared;sharedwithmedate;thumbnailversion;title;userpermission(role);workspaceids;</t>
  </si>
  <si>
    <t>http://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picture�,rpermissions,shared,sharedwithmedate,thumbnailversion,title,userpermission(role),workspaceids</t>
  </si>
  <si>
    <t>01/17/2020 14:31:32</t>
  </si>
  <si>
    <t>http:///batch/drive/v2internal?%24ct=multipart%2Fmixed%3B%20boundary%3D%22%3D%3D%3D%3D%3Duiej376nawq2%3D%3D%3D%3D%3D%22&amp;key=AIzaSyAy9VVXHSpS2IJpptzYtGbLP3-3_l0aBk4</t>
  </si>
  <si>
    <t>http:///batch/drive/v2internal?%24ct=multipart%2Fmixed%3B%20boundary%3D%22%3D%3D%3D%3D%3D8b8389woohhm%3D%3D%3D%3D%3D%22&amp;key=AIzaSyAy9VVXHSpS2IJpptzYtGbLP3-3_l0aBk4</t>
  </si>
  <si>
    <t>01/17/2020 14:31:51</t>
  </si>
  <si>
    <t>http:///batch/drive/v2internal?%24ct=multipart%2Fmixed%3B%20boundary%3D%22%3D%3D%3D%3D%3Doa5rt7ydpo7w%3D%3D%3D%3D%3D%22&amp;key=AIzaSyAy9VVXHSpS2IJpptzYtGbLP3-3_l0aBk4</t>
  </si>
  <si>
    <t>ancestorhasaugmen;ancestorhasaugmentedpermissions;containsunsubscribedchildren;displayname;domain;emailaddress;exp;file(kind;fileid;filesize;hasthumbnail;hasvisitorpermissions;id;id);items(deleted;items(kind;ken;kind;lastmodifyinguser(kind;lastviewedbymedate;modifiedbymedate;modifieddate;ontainsunsubscribedchildren;owners(kind;per;permiss;permission;permissionid;picture;picture�;rpermissions;shared;sharedwithmedate;thumbnailversion;title;userpermission(role);workspaceids;</t>
  </si>
  <si>
    <t>http://ancestorhasaugmen,ancestorhasaugmentedpermissions,containsunsubscribedchildren,displayname,domain,emailaddress,exp,file(kind,fileid,filesize,hasthumbnail,hasvisitorpermissions,id,id),items(deleted,items(kind,ken,kind,lastmodifyinguser(kind,lastviewedbymedate,modifiedbymedate,modifieddate,ontainsunsubscribedchildren,owners(kind,per,permiss,permission,permissionid,picture,picture�,rpermissions,shared,sharedwithmedate,thumbnailversion,title,userpermission(role),workspaceids</t>
  </si>
  <si>
    <t>01/17/2020 14:31:53</t>
  </si>
  <si>
    <t>TMO.ods</t>
  </si>
  <si>
    <t>ancestorhasaugmen,ancestorhasaugmentedpermissions,containsunsubscribedchildren,displayname,domain,emailaddress,exp,file(kind,fileid,filesize,hasthumbnail,hasvisitorpermissions,id,id),items(deleted,items(kind,ken,kind,lastmodifyinguser(kind,lastviewedbymedate,modifiedbymedate,modifieddate,ontainsunsubscribedchildren,owners(kind,per,permiss,permission,permissionid,picture,picture�,rpermissions,shared,sharedwithmedate,thumbnailversion,title,userpermission(role),workspaceids</t>
  </si>
  <si>
    <t>\\acsfs\ACS\Gabriel da Silva\Contemporânea\TMO.ods\Basic\</t>
  </si>
  <si>
    <t>\\acsfs\ACS\Gabriel da Silva\Contemporânea\TMO.ods\Basic\Standard\</t>
  </si>
  <si>
    <t>\\acsfs\ACS\Gabriel da Silva\Contemporânea\TMO.ods\Basic\VBAProject\</t>
  </si>
  <si>
    <t>\\acsfs\ACS\Gabriel da Silva\Contemporânea\TMO.ods\</t>
  </si>
  <si>
    <t>\\acsfs\ACS\Gabriel da Silva\Contemporânea\TMO.ods\META-INF\</t>
  </si>
  <si>
    <t>01/17/2020 14:31:54</t>
  </si>
  <si>
    <t>\\acsfs\ACS\Gabriel da Silva\Contemporânea\TMO.ods\Thumbnails\</t>
  </si>
  <si>
    <t>01/17/2020 14:32:03</t>
  </si>
  <si>
    <t>http://drive.google.com/upload/drive/v2internal/files?uploadType=multipart&amp;supportsTeamDrives=true&amp;pinned=true&amp;convert=true&amp;fields=kind%2CmodifiedDate%2ChasVisitorPermissions%2CcontainsUnsubscribedChildren%2CmodifiedByMeDate%2ClastViewedByMeDate%2CworkspaceIds%2CfileSize%2Cowners(kind%2CpermissionId%2CdisplayName%2Cpicture%2CemailAddress%2Cdomain%2Cid)%2ClastModifyingUser(kind%2CpermissionId%2CdisplayName%2Cpicture%2CemailAddress%2Cid)%2CancestorHasAugmentedPermissions%2ChasThumbnail%2CthumbnailVersion%2Ctitle%2Cid%2Cshared%2CsharedWithMeDate%2CuserPermission(role)%2CexplicitlyTrashed%2CmimeType%2CquotaBytesUsed%2Cshareable%2Ccopyable%2Csubscribed%2CfolderColor%2ChasChildFolders%2CfileExtension%2CprimarySyncParentId%2CsharingUser(kind%2CpermissionId%2CdisplayName%2Cpicture%2CemailAddress%2Cid)%2CflaggedForAbuse%2CfolderFeatures%2Cspaces%2CsourceAppId%2Crecency%2CrecencyReason%2Cversion%2CactionItems%2CteamDriveId%2ChasAugmentedPermissions%2CcreatedDate%2CprimaryDomainName%2CorganizationDisplayName%2Cpassively</t>
  </si>
  <si>
    <t>http:///batch/drive/v2internal?%24ct=multipart%2Fmixed%3B%20boundary%3D%22%3D%3D%3D%3D%3D2ao2hjni8j5v%3D%3D%3D%3D%3D%22&amp;key=AIzaSyAy9VVXHSpS2IJpptzYtGbLP3-3_l0aBk4</t>
  </si>
  <si>
    <t>01/17/2020 14:32:04</t>
  </si>
  <si>
    <t>http:///batch/drive/v2internal?%24ct=multipart%2Fmixed%3B%20boundary%3D%22%3D%3D%3D%3D%3Dlgfo39nzippo%3D%3D%3D%3D%3D%22&amp;key=AIzaSyAy9VVXHSpS2IJpptzYtGbLP3-3_l0aBk4</t>
  </si>
  <si>
    <t>01/17/2020 14:32:24</t>
  </si>
  <si>
    <t>0;0.491;0.491];0.668;0];1008.3549999399111;12.854];135.741;15.344;15.344];15.552;15.552];1582.777];16.375000006519258;166.57999996095896;18.924999982118607;2.6150000048801303;21.464;21.464];21.7;21.7];246.5849999571219;284.4150000018999;29.35500000603497;3;3.0750000150874257;32.49000001233071;33.212;33.212];38.98499999195337;4;4.060000064782798;4.2749999556690454;4.420000012032688;4.843;5;5.054999957792461;5.059999995864928;505.241;523.4550000168383;535.2349999593571;55.04000000655651;55.38499995600432;6.009];645.0600000098348;645.7500000251457;646.0850000148639;646.3000000221655;646.3849999709055;655.6499999715015;684.4199999468401;685.3699999628589;686.0849999357015;686.5100000286475;687.3249999480322;700";710.4299999773502;731.0399999842048;731.7150000017136;749.5249999919906;874.888];91.06000000610948;931.014999980107;:400;["https://drive.google.com/_/drive_fe/_/js/k=drive_fe.main.pt_br.nw3rowx7iis.o/am=mbqqtgsep3aigae/d=0/ct=zgms/rs=afb8gsyyttug5khoeelansmxgjmkkmw_2a/m=ws9tlc;["https://drive.google.com/_</t>
  </si>
  <si>
    <t>http://0,0.491,0.491],0.668,0],1008.3549999399111,12.854],135.741,15.344,15.344],15.552,15.552],1582.777],16.375000006519258,166.57999996095896,18.924999982118607,2.6150000048801303,21.464,21.464],21.7,21.7],246.5849999571219,284.4150000018999,29.35500000603497,3,3.0750000150874257,32.49000001233071,33.212,33.212],38.98499999195337,4,4.060000064782798,4.2749999556690454,4.420000012032688,4.843,5,5.054999957792461,5.059999995864928,505.241,523.4550000168383,535.2349999593571,55.04000000655651,55.38499995600432,6.009],645.0600000098348,645.7500000251457,646.0850000148639,646.3000000221655,646.3849999709055,655.6499999715015,684.4199999468401,685.3699999628589,686.0849999357015,686.5100000286475,687.3249999480322,700",710.4299999773502,731.0399999842048,731.7150000017136,749.5249999919906,874.888],91.06000000610948,931.014999980107,:400,["https://drive.google.com/_/drive_fe/_/js/k=drive_fe.main.pt_br.nw3rowx7iis.o/am=mbqqtgsep3aigae/d=0/ct=zgms/rs=afb8gsyyttug5khoeelansmxgjmkkmw_2a/m=ws9tlc,["https://drive.googl</t>
  </si>
  <si>
    <t>0;0.491;0.491];0.668;0];1008.3549999399111;1161.3499999511987;1176.3599999248981;1181.2549999449402;1184.484999976121;12.854];1229.369999957271;1279.454999952577;13.568;135.741;15.344;15.344];15.552;15.552];1582.777];16.375000006519258;162.80000004917383;166.16999998223037;166.57999996095896;170.05000007338822;18.924999982118607;2.6150000048801303;21.464;21.464];21.7;21.7];246.5849999571219;284.4150000018999;29.35500000603497;3;3.0750000150874257;32.49000001233071;33.212;33.212];34.27000006195158;38.459];38.98499999195337;4;4.060000064782798;4.2749999556690454;4.420000012032688;4.843;5;5.054999957792461;5.059999995864928;505.241;523.4550000168383;535.2349999593571;55.04000000655651;55.38499995600432;6.009];645.0600000098348;645.7500000251457;646.0850000148639;646.3000000221655;646.3849999709055;655.6499999715015;68.3350000763312;684.4199999468401;685.3699999628589;686.0849999357015;686.5100000286475;687.3249999480322;700";71.22500007972121;710.4299999773502;731.0399999842048;731.7150000017136;749.524999991990</t>
  </si>
  <si>
    <t>http://0,0.491,0.491],0.668,0],1008.3549999399111,1161.3499999511987,1176.3599999248981,1181.2549999449402,1184.484999976121,12.854],1229.369999957271,1279.454999952577,13.568,135.741,15.344,15.344],15.552,15.552],1582.777],16.375000006519258,162.80000004917383,166.16999998223037,166.57999996095896,170.05000007338822,18.924999982118607,2.6150000048801303,21.464,21.464],21.7,21.7],246.5849999571219,284.4150000018999,29.35500000603497,3,3.0750000150874257,32.49000001233071,33.212,33.212],34.27000006195158,38.459],38.98499999195337,4,4.060000064782798,4.2749999556690454,4.420000012032688,4.843,5,5.054999957792461,5.059999995864928,505.241,523.4550000168383,535.2349999593571,55.04000000655651,55.38499995600432,6.009],645.0600000098348,645.7500000251457,646.0850000148639,646.3000000221655,646.3849999709055,655.6499999715015,68.3350000763312,684.4199999468401,685.3699999628589,686.0849999357015,686.5100000286475,687.3249999480322,700",71.22500007972121,710.4299999773502,731.0399999842048,731.7150000017136,749.52499</t>
  </si>
  <si>
    <t>0;0.491;0.491];0.668;0];1008.3549999399111;1161.3499999511987;1176.3599999248981;1181.2549999449402;1184.484999976121;12.854];1229.369999957271;1279.454999952577;1279.9949999898672;1284.2899999814108;1294.675000011921snw5/mxq/b zg/5ler5ler5me/nvv67 / 9r9zn3jx kmr/zhdibkum7iiyuafqbclqgubcsrflanlwy3dydr/p9musrtplbq4ezveqd40fla6vhhfl6j6ja4zq59uqvaysave9vyugdik0osaranakanakanordol3ovgjny2nehsiknwvkhlcv4bppxtmmnwdhabcemnsv5xrunm0p5y0 foytubrkjbqnocgshhgdktehdhibl0fepxxlppbelvw7pxcrit/ljssniv6zwbc3j1pmt8b3nno88dpot0wkkq9cw4yydpxe8zloyrvrttmgiltp/mde2vvarcfkoyypvf f9j77zjcbdgr9tuduzha8ts9qyh18vxkgeszmwujvhj13a3 8vt9y /ns9x58mp5ebyo xbzr mhwboghc4d0iarcq/v0pvrmrksafemqa6grym098wqwc1ct4q7d cdumihwpvb8017xlruzwu1f5t8mei5mqrzdcrmz98cn0xysr248/r3wr8/r3efvz3bnh7dmdsi hb6mwljaltspcdh/qaw0ofoe mhy3a9cyt9hddumqp1oxcggzgcblq0jxraxkd3hsefyadbrhjsldqpdlp9u3budz65kxr0hd6rfzxjgaejhoaqiqi4dabknbukaeijaeihdmabe/fnqbvfydg4qhqve/ofb5jpzx/leebnjaxnv1ifahlvoj/phsfey2zbqrddutroakel2s/e9vnyedwobkirpqad5obyu0omyfgkohgmtpq9l58zaxu7fkvdhgm9</t>
  </si>
  <si>
    <t>http://0,0.491,0.491],0.668,0],1008.3549999399111,1161.3499999511987,1176.3599999248981,1181.2549999449402,1184.484999976121,12.854],1229.369999957271,1279.454999952577,1279.9949999898672,1284.2899999814108,1294.675000011921snw5/mxq/b zg/5ler5ler5me/nvv67 / 9r9zn3jx kmr/zhdibkum7iiyuafqbclqgubcsrflanlwy3dydr/p9musrtplbq4ezveqd40fla6vhhfl6j6ja4zq59uqvaysave9vyugdik0osaranakanakanordol3ovgjny2nehsiknwvkhlcv4bppxtmmnwdhabcemnsv5xrunm0p5y0 foytubrkjbqnocgshhgdktehdhibl0fepxxlppbelvw7pxcrit/ljssniv6zwbc3j1pmt8b3nno88dpot0wkkq9cw4yydpxe8zloyrvrttmgiltp/mde2vvarcfkoyypvf f9j77zjcbdgr9tuduzha8ts9qyh18vxkgeszmwujvhj13a3 8vt9y /ns9x58mp5ebyo xbzr mhwboghc4d0iarcq/v0pvrmrksafemqa6grym098wqwc1ct4q7d cdumihwpvb8017xlruzwu1f5t8mei5mqrzdcrmz98cn0xysr248/r3wr8/r3efvz3bnh7dmdsi hb6mwljaltspcdh/qaw0ofoe mhy3a9cyt9hddumqp1oxcggzgcblq0jxraxkd3hsefyadbrhjsldqpdlp9u3budz65kxr0hd6rfzxjgaejhoaqiqi4dabknbukaeijaeihdmabe/fnqbvfydg4qhqve/ofb5jpzx/leebnjaxnv1ifahlvoj/phsfey2zbqrddutroakel2s/e9vnyedwobkirpqad5obyu0omyfgkohgmtpq9l58zaxu7f</t>
  </si>
  <si>
    <t>0;0.491;0.491];0.668;0];1.557;1008.3549999399111;1161.3499999511987;1176.3599999248981;1181.2549999449402;1184.484999976121;12.854];1229.369999957271;126.041;1279.454999952577;1279.9949999898672;1284.2899999814108;1294.675000011921;1294.675000011921snw5/mxq/b zg/5ler5ler5me/nvv67 / 9r9zn3jx kmr/zhdibkum7iiyuafqbclqgubcsrflanlwy3dydr/p9musrtplbq4ezveqd40fla6vhhfl6j6ja4zq59uqvaysave9vyugdik0osaranakanakanordol3ovgjny2nehsiknwvkhlcv4bppxtmmnwdhabcemnsv5xrunm0p5y0 foytubrkjbqnocgshhgdktehdhibl0fepxxlppbelvw7pxcrit/ljssniv6zwbc3j1pmt8b3nno88dpot0wkkq9cw4yydpxe8zloyrvrttmgiltp/mde2vvarcfkoyypvf f9j77zjcbdgr9tuduzha8ts9qyh18vxkgeszmwujvhj13a3 8vt9y /ns9x58mp5ebyo xbzr mhwboghc4d0iarcq/v0pvrmrksafemqa6grym098wqwc1ct4q7d cdumihwpvb8017xlruzwu1f5t8mei5mqrzdcrmz98cn0xysr248/r3wr8/r3efvz3bnh7dmdsi hb6mwljaltspcdh/qaw0ofoe mhy3a9cyt9hddumqp1oxcggzgcblq0jxraxkd3hsefyadbrhjsldqpdlp9u3budz65kxr0hd6rfzxjgaejhoaqiqi4dabknbukaeijaeihdmabe/fnqbvfydg4qhqve/ofb5jpzx/leebnjaxnv1ifahlvoj/phsfey2zbqrddutroakel2s/e9vnyedwobkirpqad5oby</t>
  </si>
  <si>
    <t>http://0,0.491,0.491],0.668,0],1.557,1008.3549999399111,1161.3499999511987,1176.3599999248981,1181.2549999449402,1184.484999976121,12.854],1229.369999957271,126.041,1279.454999952577,1279.9949999898672,1284.2899999814108,1294.675000011921,1294.675000011921snw5/mxq/b zg/5ler5ler5me/nvv67 / 9r9zn3jx kmr/zhdibkum7iiyuafqbclqgubcsrflanlwy3dydr/p9musrtplbq4ezveqd40fla6vhhfl6j6ja4zq59uqvaysave9vyugdik0osaranakanakanordol3ovgjny2nehsiknwvkhlcv4bppxtmmnwdhabcemnsv5xrunm0p5y0 foytubrkjbqnocgshhgdktehdhibl0fepxxlppbelvw7pxcrit/ljssniv6zwbc3j1pmt8b3nno88dpot0wkkq9cw4yydpxe8zloyrvrttmgiltp/mde2vvarcfkoyypvf f9j77zjcbdgr9tuduzha8ts9qyh18vxkgeszmwujvhj13a3 8vt9y /ns9x58mp5ebyo xbzr mhwboghc4d0iarcq/v0pvrmrksafemqa6grym098wqwc1ct4q7d cdumihwpvb8017xlruzwu1f5t8mei5mqrzdcrmz98cn0xysr248/r3wr8/r3efvz3bnh7dmdsi hb6mwljaltspcdh/qaw0ofoe mhy3a9cyt9hddumqp1oxcggzgcblq0jxraxkd3hsefyadbrhjsldqpdlp9u3budz65kxr0hd6rfzxjgaejhoaqiqi4dabknbukaeijaeihdmabe/fnqbvfydg4qhqve/ofb5jpzx/leebnjaxnv1ifahlvoj/phsfey2zbqrddutroakel2s/e9vnyedwobkirp</t>
  </si>
  <si>
    <t>01/17/2020 14:32:25</t>
  </si>
  <si>
    <t>01/17/2020 14:32:28</t>
  </si>
  <si>
    <t>01/17/2020 14:32:36</t>
  </si>
  <si>
    <t>http:///batch/drive/v2internal?%24ct=multipart%2Fmixed%3B%20boundary%3D%22%3D%3D%3D%3D%3Duz4fb0qtebds%3D%3D%3D%3D%3D%22&amp;key=AIzaSyAy9VVXHSpS2IJpptzYtGbLP3-3_l0aBk4</t>
  </si>
  <si>
    <t>http:///batch/drive/v2internal?%24ct=multipart%2Fmixed%3B%20boundary%3D%22%3D%3D%3D%3D%3Dy5hdgmko1cm6%3D%3D%3D%3D%3D%22&amp;key=AIzaSyAy9VVXHSpS2IJpptzYtGbLP3-3_l0aBk4</t>
  </si>
  <si>
    <t>01/17/2020 14:34:19</t>
  </si>
  <si>
    <t>01/17/2020 14:36:02</t>
  </si>
  <si>
    <t>01/17/2020 14:36:28</t>
  </si>
  <si>
    <t>01/17/2020 14:34:33</t>
  </si>
  <si>
    <t>01/17/2020 14:37:46</t>
  </si>
  <si>
    <t>e6fb0eac-7613-4a3a-95a7-38466e4d9c66.tmp</t>
  </si>
  <si>
    <t>\\acsfs\profiles$\lorrainerdl\Downloads\e6fb0eac-7613-4a3a-95a7-38466e4d9c66.tmp</t>
  </si>
  <si>
    <t>01/17/2020 14:34:35</t>
  </si>
  <si>
    <t>576507e5-3371-4832-99ea-d15a85e46ab2.tmp</t>
  </si>
  <si>
    <t>\\acsfs\profiles$\lorrainerdl\Downloads\576507e5-3371-4832-99ea-d15a85e46ab2.tmp</t>
  </si>
  <si>
    <t>01/17/2020 14:36:30</t>
  </si>
  <si>
    <t>12bb4f9c-a99c-45c8-b736-da24fdc18578.tmp</t>
  </si>
  <si>
    <t>\\acsfs\profiles$\lorrainerdl\Downloads\12bb4f9c-a99c-45c8-b736-da24fdc18578.tmp</t>
  </si>
  <si>
    <t>01/17/2020 14:34:43</t>
  </si>
  <si>
    <t>db23f770-9607-4ab9-96c0-18f676a604e2.tmp</t>
  </si>
  <si>
    <t>\\acsfs\profiles$\erichds\Downloads\db23f770-9607-4ab9-96c0-18f676a604e2.tmp</t>
  </si>
  <si>
    <t>01/17/2020 14:33:24</t>
  </si>
  <si>
    <t>01/17/2020 14:38:46</t>
  </si>
  <si>
    <t>2da2eb79-771e-4f2e-9432-c2ccc588b16e.tmp</t>
  </si>
  <si>
    <t>\\acsfs\profiles$\gabrielamdp\Downloads\2da2eb79-771e-4f2e-9432-c2ccc588b16e.tmp</t>
  </si>
  <si>
    <t>01/17/2020 14:36:58</t>
  </si>
  <si>
    <t>01/17/2020 14:34:41</t>
  </si>
  <si>
    <t>01/17/2020 14:39:46</t>
  </si>
  <si>
    <t>01/17/2020 14:34:50</t>
  </si>
  <si>
    <t>01/17/2020 14:34:51</t>
  </si>
  <si>
    <t>01/17/2020 14:38:45</t>
  </si>
  <si>
    <t>2c694ddf-9604-42d3-93ea-dcea06ab661f.tmp</t>
  </si>
  <si>
    <t>\\acsfs\profiles$\PEDROHAB\Downloads\2c694ddf-9604-42d3-93ea-dcea06ab661f.tmp</t>
  </si>
  <si>
    <t>01/17/2020 14:40:46</t>
  </si>
  <si>
    <t>01/17/2020 14:39:36</t>
  </si>
  <si>
    <t>2cb0626f-c87e-421d-a2c2-d72392453676.tmp</t>
  </si>
  <si>
    <t>\\acsfs\profiles$\lorraynevam\Downloads\2cb0626f-c87e-421d-a2c2-d72392453676.tmp</t>
  </si>
  <si>
    <t>01/17/2020 14:36:59</t>
  </si>
  <si>
    <t>01/17/2020 14:41:46</t>
  </si>
  <si>
    <t>eddf7609-3bcc-4b11-a58e-86b2a5e5c099.tmp</t>
  </si>
  <si>
    <t>\\acsfs\profiles$\fabianobmf\Downloads\eddf7609-3bcc-4b11-a58e-86b2a5e5c099.tmp</t>
  </si>
  <si>
    <t>01/17/2020 14:39:48</t>
  </si>
  <si>
    <t>55ce2609-4c0f-4e2c-9169-25f9b50b7674.tmp</t>
  </si>
  <si>
    <t>\\acsfs\profiles$\fabianobmf\Downloads\55ce2609-4c0f-4e2c-9169-25f9b50b7674.tmp</t>
  </si>
  <si>
    <t>01/17/2020 14:41:53</t>
  </si>
  <si>
    <t>01/17/2020 14:42:46</t>
  </si>
  <si>
    <t>\\acsfs\deptos\Operacao\PCP\5 - Comum\CONTROL DESK\5 - OBJETIVOS 2 SEMESTRE 2019\IMPRODUTIVIDADE\</t>
  </si>
  <si>
    <t>BV FINANCEIRA .xls</t>
  </si>
  <si>
    <t>\\acsfs\deptos\Operacao\PCP\5 - Comum\CONTROL DESK\5 - OBJETIVOS 2 SEMESTRE 2019\IMPRODUTIVIDADE\BV FINANCEIRA .xls</t>
  </si>
  <si>
    <t>01/17/2020 14:42:40</t>
  </si>
  <si>
    <t>01/17/2020 14:44:46</t>
  </si>
  <si>
    <t>8f70ece2-0f10-4d5d-84ac-289ce86c7e3f.tmp</t>
  </si>
  <si>
    <t>\\acsfs\profiles$\nathaliarmr\Downloads\8f70ece2-0f10-4d5d-84ac-289ce86c7e3f.tmp</t>
  </si>
  <si>
    <t>01/17/2020 14:45:46</t>
  </si>
  <si>
    <t>01/17/2020 14:41:32</t>
  </si>
  <si>
    <t>01/17/2020 14:44:28</t>
  </si>
  <si>
    <t>01/17/2020 14:41:27</t>
  </si>
  <si>
    <t>01/17/2020 14:46:46</t>
  </si>
  <si>
    <t>01/17/2020 14:41:30</t>
  </si>
  <si>
    <t>01/17/2020 14:41:54</t>
  </si>
  <si>
    <t>01/17/2020 14:47:46</t>
  </si>
  <si>
    <t>CAIXA SEGURADORA.xls</t>
  </si>
  <si>
    <t>\\acsfs\deptos\Operacao\PCP\5 - Comum\CONTROL DESK\5 - OBJETIVOS 2 SEMESTRE 2019\IMPRODUTIVIDADE\CAIXA SEGURADORA.xls</t>
  </si>
  <si>
    <t>01/17/2020 14:46:37</t>
  </si>
  <si>
    <t>01/17/2020 14:48:46</t>
  </si>
  <si>
    <t>01/17/2020 14:45:11</t>
  </si>
  <si>
    <t>01/17/2020 14:45:18</t>
  </si>
  <si>
    <t>lu649212c9p7.tmp</t>
  </si>
  <si>
    <t>\\acsfs\profiles$\FLAVIOJMM\My Documents\lu649212c9p7.tmp</t>
  </si>
  <si>
    <t>\\acsfs\profiles$\FLAVIOJMM\My Documents\lu649212c9p7.tmp\</t>
  </si>
  <si>
    <t>\\acsfs\profiles$\FLAVIOJMM\My Documents\lu649212c9p7.tmp\META-INF\</t>
  </si>
  <si>
    <t>\\acsfs\profiles$\FLAVIOJMM\My Documents\lu649212c9p7.tmp\Thumbnails\</t>
  </si>
  <si>
    <t>01/17/2020 14:46:34</t>
  </si>
  <si>
    <t>c6793124-d45e-4698-a923-44a83a2608da.tmp</t>
  </si>
  <si>
    <t>\\acsfs\profiles$\henriqueco\Downloads\c6793124-d45e-4698-a923-44a83a2608da.tmp</t>
  </si>
  <si>
    <t>01/17/2020 14:47:39</t>
  </si>
  <si>
    <t>e924d3e7-f5e7-4212-9016-935e22bd64ac.tmp</t>
  </si>
  <si>
    <t>\\acsfs\profiles$\henriqueco\Downloads\e924d3e7-f5e7-4212-9016-935e22bd64ac.tmp</t>
  </si>
  <si>
    <t>01/17/2020 14:45:51</t>
  </si>
  <si>
    <t>01/17/2020 14:49:46</t>
  </si>
  <si>
    <t>05f47538-6bfd-4e14-bbfc-d164f4989160.tmp</t>
  </si>
  <si>
    <t>\\acsfs\profiles$\rafaelacdoc\Downloads\05f47538-6bfd-4e14-bbfc-d164f4989160.tmp</t>
  </si>
  <si>
    <t>01/17/2020 14:47:59</t>
  </si>
  <si>
    <t>01/17/2020 14:50:46</t>
  </si>
  <si>
    <t>a8410492-f49e-4f8b-bf66-2e1169f27079.tmp</t>
  </si>
  <si>
    <t>\\acsfs\profiles$\victorgl\Downloads\a8410492-f49e-4f8b-bf66-2e1169f27079.tmp</t>
  </si>
  <si>
    <t>01/17/2020 14:49:11</t>
  </si>
  <si>
    <t>c4eeedfe-bc79-4e78-860e-1adc925fade5.tmp</t>
  </si>
  <si>
    <t>\\acsfs\profiles$\jalilebds\Downloads\c4eeedfe-bc79-4e78-860e-1adc925fade5.tmp</t>
  </si>
  <si>
    <t>01/17/2020 14:49:37</t>
  </si>
  <si>
    <t>ab34fe97-731d-4cf7-b545-93c5ae3ecb29.tmp</t>
  </si>
  <si>
    <t>\\acsfs\profiles$\jalilebds\Downloads\ab34fe97-731d-4cf7-b545-93c5ae3ecb29.tmp</t>
  </si>
  <si>
    <t>01/17/2020 14:45:27</t>
  </si>
  <si>
    <t>01/17/2020 14:47:37</t>
  </si>
  <si>
    <t>\\acsfs\profiles$\rosileiam\My Documents\My Pictures\</t>
  </si>
  <si>
    <t>\\acsfs\profiles$\rosileiam\My Documents\My Videos\desktop.ini</t>
  </si>
  <si>
    <t>01/17/2020 14:47:47</t>
  </si>
  <si>
    <t>\\acsfs\profiles$\rosileiam\My Documents\My Videos\</t>
  </si>
  <si>
    <t>01/17/2020 14:47:48</t>
  </si>
  <si>
    <t>01/17/2020 14:47:51</t>
  </si>
  <si>
    <t>01/17/2020 14:47:55</t>
  </si>
  <si>
    <t>01/17/2020 14:47:56</t>
  </si>
  <si>
    <t>\\acsfs\profiles$\rosileiam\My Documents\My Music\</t>
  </si>
  <si>
    <t>\\acsfs\profiles$\rosileiam\My Documents\My Pictures\desktop.ini</t>
  </si>
  <si>
    <t>01/17/2020 14:47:58</t>
  </si>
  <si>
    <t>01/17/2020 14:48:00</t>
  </si>
  <si>
    <t>01/17/2020 14:48:01</t>
  </si>
  <si>
    <t>\\acsfs\profiles$\rosileiam\Contacts\</t>
  </si>
  <si>
    <t>\\acsfs\profiles$\rosileiam\Contacts\desktop.ini</t>
  </si>
  <si>
    <t>01/17/2020 14:48:04</t>
  </si>
  <si>
    <t>01/17/2020 14:48:05</t>
  </si>
  <si>
    <t>01/17/2020 14:48:06</t>
  </si>
  <si>
    <t>01/17/2020 14:48:07</t>
  </si>
  <si>
    <t>01/17/2020 14:48:10</t>
  </si>
  <si>
    <t>\\acsfs\profiles$\rosileiam\My Documents\</t>
  </si>
  <si>
    <t>\\acsfs\profiles$\rosileiam\Favorites\desktop.ini</t>
  </si>
  <si>
    <t>01/17/2020 14:48:11</t>
  </si>
  <si>
    <t>01/17/2020 14:48:14</t>
  </si>
  <si>
    <t>01/17/2020 14:48:16</t>
  </si>
  <si>
    <t>01/17/2020 14:48:17</t>
  </si>
  <si>
    <t>01/17/2020 14:48:18</t>
  </si>
  <si>
    <t>\\acsfs\profiles$\rosileiam\My Documents\My Music\desktop.ini</t>
  </si>
  <si>
    <t>01/17/2020 14:48:21</t>
  </si>
  <si>
    <t>01/17/2020 14:48:22</t>
  </si>
  <si>
    <t>01/17/2020 14:48:23</t>
  </si>
  <si>
    <t>01/17/2020 14:48:24</t>
  </si>
  <si>
    <t>01/17/2020 14:48:25</t>
  </si>
  <si>
    <t>\\acsfs\profiles$\rosileiam\Searches\</t>
  </si>
  <si>
    <t>\\acsfs\profiles$\rosileiam\Searches\desktop.ini</t>
  </si>
  <si>
    <t>01/17/2020 14:48:26</t>
  </si>
  <si>
    <t>01/17/2020 14:48:27</t>
  </si>
  <si>
    <t>01/17/2020 14:48:28</t>
  </si>
  <si>
    <t>01/17/2020 14:48:29</t>
  </si>
  <si>
    <t>01/17/2020 14:48:30</t>
  </si>
  <si>
    <t>\\acsfs\profiles$\rosileiam\Downloads\desktop.ini</t>
  </si>
  <si>
    <t>01/17/2020 14:48:31</t>
  </si>
  <si>
    <t>01/17/2020 14:48:32</t>
  </si>
  <si>
    <t>\\acsfs\profiles$\rosileiam\Favorites\</t>
  </si>
  <si>
    <t>\\acsfs\profiles$\rosileiam\My Documents\desktop.ini</t>
  </si>
  <si>
    <t>01/17/2020 14:48:33</t>
  </si>
  <si>
    <t>01/17/2020 14:48:34</t>
  </si>
  <si>
    <t>01/17/2020 14:48:35</t>
  </si>
  <si>
    <t>01/17/2020 14:48:36</t>
  </si>
  <si>
    <t>01/17/2020 14:48:37</t>
  </si>
  <si>
    <t>01/17/2020 14:48:38</t>
  </si>
  <si>
    <t>\\acsfs\profiles$\rosileiam\Saved Games\desktop.ini</t>
  </si>
  <si>
    <t>01/17/2020 14:48:39</t>
  </si>
  <si>
    <t>01/17/2020 14:48:51</t>
  </si>
  <si>
    <t>01/17/2020 14:48:55</t>
  </si>
  <si>
    <t>01/17/2020 14:47:20</t>
  </si>
  <si>
    <t>01/17/2020 14:51:46</t>
  </si>
  <si>
    <t>01/17/2020 14:47:28</t>
  </si>
  <si>
    <t>01/17/2020 14:47:34</t>
  </si>
  <si>
    <t>01/17/2020 14:50:47</t>
  </si>
  <si>
    <t>41867a3a-d0e7-450e-8051-ca4f57dc15c8.tmp</t>
  </si>
  <si>
    <t>\\acsfs\profiles$\sarahbal\Downloads\41867a3a-d0e7-450e-8051-ca4f57dc15c8.tmp</t>
  </si>
  <si>
    <t>01/17/2020 14:52:46</t>
  </si>
  <si>
    <t>e0ab8da0-d4bc-47ba-8cd7-b155b945ce6a.tmp</t>
  </si>
  <si>
    <t>\\acsfs\profiles$\lorrainerdl\Downloads\e0ab8da0-d4bc-47ba-8cd7-b155b945ce6a.tmp</t>
  </si>
  <si>
    <t>01/17/2020 14:51:21</t>
  </si>
  <si>
    <t>01/17/2020 14:55:46</t>
  </si>
  <si>
    <t>68f82fa0-4854-4592-b0d0-a95f78e4a7b1.tmp</t>
  </si>
  <si>
    <t>\\acsfs\profiles$\jalilebds\Downloads\68f82fa0-4854-4592-b0d0-a95f78e4a7b1.tmp</t>
  </si>
  <si>
    <t>01/17/2020 14:51:56</t>
  </si>
  <si>
    <t>b8303d76-d0cf-437a-b3e5-0d0e9e654818.tmp</t>
  </si>
  <si>
    <t>\\acsfs\profiles$\jalilebds\Downloads\b8303d76-d0cf-437a-b3e5-0d0e9e654818.tmp</t>
  </si>
  <si>
    <t>01/17/2020 14:52:21</t>
  </si>
  <si>
    <t>90b3878a-be25-47ab-8aab-50a194ba47f1.tmp</t>
  </si>
  <si>
    <t>\\acsfs\profiles$\jalilebds\Downloads\90b3878a-be25-47ab-8aab-50a194ba47f1.tmp</t>
  </si>
  <si>
    <t>01/17/2020 14:50:59</t>
  </si>
  <si>
    <t>881cd73c-84d5-44de-867d-915a470abfe9.tmp</t>
  </si>
  <si>
    <t>\\acsfs\profiles$\fernandofs\Downloads\881cd73c-84d5-44de-867d-915a470abfe9.tmp</t>
  </si>
  <si>
    <t>01/17/2020 14:51:15</t>
  </si>
  <si>
    <t>af6f7227-9a98-4cb5-8154-62dcf5e1df99.tmp</t>
  </si>
  <si>
    <t>\\acsfs\profiles$\fernandofs\Downloads\af6f7227-9a98-4cb5-8154-62dcf5e1df99.tmp</t>
  </si>
  <si>
    <t>01/17/2020 14:52:12</t>
  </si>
  <si>
    <t>3a2a46d1-bbdd-4a28-be84-adc63e39b30f.tmp</t>
  </si>
  <si>
    <t>\\acsfs\profiles$\fernandofs\Downloads\3a2a46d1-bbdd-4a28-be84-adc63e39b30f.tmp</t>
  </si>
  <si>
    <t>01/17/2020 14:50:37</t>
  </si>
  <si>
    <t>dae87b74-5f58-4833-846d-62d03348f4aa.tmp</t>
  </si>
  <si>
    <t>\\acsfs\profiles$\rosileiam\Downloads\dae87b74-5f58-4833-846d-62d03348f4aa.tmp</t>
  </si>
  <si>
    <t>01/17/2020 14:51:59</t>
  </si>
  <si>
    <t>9d21cd68-2b6d-400a-b734-39b22617ef74.tmp</t>
  </si>
  <si>
    <t>\\acsfs\profiles$\rosileiam\Downloads\9d21cd68-2b6d-400a-b734-39b22617ef74.tmp</t>
  </si>
  <si>
    <t>01/17/2020 14:54:31</t>
  </si>
  <si>
    <t>01/17/2020 14:54:33</t>
  </si>
  <si>
    <t>01/17/2020 14:54:37</t>
  </si>
  <si>
    <t>01/17/2020 14:54:39</t>
  </si>
  <si>
    <t>01/17/2020 14:54:40</t>
  </si>
  <si>
    <t>01/17/2020 14:54:41</t>
  </si>
  <si>
    <t>01/17/2020 14:54:42</t>
  </si>
  <si>
    <t>01/17/2020 14:54:44</t>
  </si>
  <si>
    <t>01/17/2020 14:54:46</t>
  </si>
  <si>
    <t>01/17/2020 14:54:48</t>
  </si>
  <si>
    <t>01/17/2020 14:54:49</t>
  </si>
  <si>
    <t>01/17/2020 14:54:50</t>
  </si>
  <si>
    <t>01/17/2020 14:54:51</t>
  </si>
  <si>
    <t>01/17/2020 14:54:52</t>
  </si>
  <si>
    <t>01/17/2020 14:54:53</t>
  </si>
  <si>
    <t>01/17/2020 14:54:55</t>
  </si>
  <si>
    <t>01/17/2020 14:54:56</t>
  </si>
  <si>
    <t>01/17/2020 14:54:57</t>
  </si>
  <si>
    <t>01/17/2020 14:54:58</t>
  </si>
  <si>
    <t>01/17/2020 14:55:00</t>
  </si>
  <si>
    <t>01/17/2020 14:55:01</t>
  </si>
  <si>
    <t>01/17/2020 14:55:02</t>
  </si>
  <si>
    <t>01/17/2020 14:55:04</t>
  </si>
  <si>
    <t>01/17/2020 14:55:06</t>
  </si>
  <si>
    <t>01/17/2020 14:55:07</t>
  </si>
  <si>
    <t>01/17/2020 14:55:08</t>
  </si>
  <si>
    <t>01/17/2020 14:55:10</t>
  </si>
  <si>
    <t>01/17/2020 14:55:11</t>
  </si>
  <si>
    <t>01/17/2020 14:55:12</t>
  </si>
  <si>
    <t>01/17/2020 14:55:13</t>
  </si>
  <si>
    <t>01/17/2020 14:55:14</t>
  </si>
  <si>
    <t>01/17/2020 14:55:15</t>
  </si>
  <si>
    <t>01/17/2020 14:55:16</t>
  </si>
  <si>
    <t>01/17/2020 14:55:19</t>
  </si>
  <si>
    <t>01/17/2020 14:55:20</t>
  </si>
  <si>
    <t>01/17/2020 14:55:22</t>
  </si>
  <si>
    <t>01/17/2020 14:55:24</t>
  </si>
  <si>
    <t>01/17/2020 14:55:25</t>
  </si>
  <si>
    <t>01/17/2020 14:55:27</t>
  </si>
  <si>
    <t>01/17/2020 14:55:29</t>
  </si>
  <si>
    <t>01/17/2020 14:18:32</t>
  </si>
  <si>
    <t>lu314041g7pyd.tmp</t>
  </si>
  <si>
    <t>\\acsfs\profiles$\ALEXANDREMM\lu314041g7pyd.tmp</t>
  </si>
  <si>
    <t>\\acsfs\profiles$\ALEXANDREMM\lu314041g7pyd.tmp\</t>
  </si>
  <si>
    <t>\\acsfs\profiles$\ALEXANDREMM\lu314041g7pyd.tmp\META-INF\</t>
  </si>
  <si>
    <t>\\acsfs\profiles$\ALEXANDREMM\lu314041g7pyd.tmp\Thumbnails\</t>
  </si>
  <si>
    <t>01/17/2020 14:50:57</t>
  </si>
  <si>
    <t>01/17/2020 14:56:46</t>
  </si>
  <si>
    <t>01/17/2020 14:51:00</t>
  </si>
  <si>
    <t>01/17/2020 14:51:13</t>
  </si>
  <si>
    <t>01/17/2020 14:51:16</t>
  </si>
  <si>
    <t>01/17/2020 14:51:22</t>
  </si>
  <si>
    <t>01/17/2020 14:51:28</t>
  </si>
  <si>
    <t>01/17/2020 14:51:44</t>
  </si>
  <si>
    <t>01/17/2020 14:51:57</t>
  </si>
  <si>
    <t>01/17/2020 14:52:23</t>
  </si>
  <si>
    <t>01/17/2020 14:52:39</t>
  </si>
  <si>
    <t>01/17/2020 14:52:42</t>
  </si>
  <si>
    <t>01/17/2020 14:52:59</t>
  </si>
  <si>
    <t>01/17/2020 14:53:08</t>
  </si>
  <si>
    <t>01/17/2020 14:53:37</t>
  </si>
  <si>
    <t>01/17/2020 14:53:39</t>
  </si>
  <si>
    <t>01/17/2020 14:54:11</t>
  </si>
  <si>
    <t>01/17/2020 14:54:16</t>
  </si>
  <si>
    <t>01/17/2020 14:54:20</t>
  </si>
  <si>
    <t>01/17/2020 14:55:35</t>
  </si>
  <si>
    <t>01/17/2020 14:55:43</t>
  </si>
  <si>
    <t>01/17/2020 14:55:50</t>
  </si>
  <si>
    <t>01/17/2020 14:53:06</t>
  </si>
  <si>
    <t>01/17/2020 14:56:08</t>
  </si>
  <si>
    <t>01/17/2020 14:56:26</t>
  </si>
  <si>
    <t>01/17/2020 14:57:46</t>
  </si>
  <si>
    <t>XLOG_tiagosno_17012020_070008.log</t>
  </si>
  <si>
    <t>\\acsfs\profiles$\tiagosno\My Documents\xworkcenter\logs\XLOG_tiagosno_17012020_070008.log</t>
  </si>
  <si>
    <t>01/17/2020 14:58:46</t>
  </si>
  <si>
    <t>lu12012129m40.tmp</t>
  </si>
  <si>
    <t>\\acsfs\profiles$\LUCASBS\RENEG BV\Consolidado\lu12012129m40.tmp</t>
  </si>
  <si>
    <t>\\acsfs\profiles$\LUCASBS\RENEG BV\Consolidado\lu12012129m40.tmp\</t>
  </si>
  <si>
    <t>\\acsfs\profiles$\LUCASBS\RENEG BV\Consolidado\lu12012129m40.tmp\META-INF\</t>
  </si>
  <si>
    <t>\\acsfs\profiles$\LUCASBS\RENEG BV\Consolidado\lu12012129m40.tmp\Thumbnails\</t>
  </si>
  <si>
    <t>01/17/2020 14:56:50</t>
  </si>
  <si>
    <t>01/17/2020 14:59:46</t>
  </si>
  <si>
    <t>Evidencia Pamella.PNG</t>
  </si>
  <si>
    <t>01/17/2020 14:57:59</t>
  </si>
  <si>
    <t>01/17/2020 14:58:54</t>
  </si>
  <si>
    <t>01/17/2020 14:58:30</t>
  </si>
  <si>
    <t>01/17/2020 15:00:46</t>
  </si>
  <si>
    <t>0fea9f91-420a-4c3f-aeec-695580478313.tmp</t>
  </si>
  <si>
    <t>\\acsfs\profiles$\gabrielafs\Downloads\0fea9f91-420a-4c3f-aeec-695580478313.tmp</t>
  </si>
  <si>
    <t>01/17/2020 14:55:56</t>
  </si>
  <si>
    <t>01/17/2020 14:58:04</t>
  </si>
  <si>
    <t>dfe8337f-90ee-4adf-9e4c-7f5c82a846f4.tmp</t>
  </si>
  <si>
    <t>\\acsfs\profiles$\brunalas\Downloads\dfe8337f-90ee-4adf-9e4c-7f5c82a846f4.tmp</t>
  </si>
  <si>
    <t>01/17/2020 14:59:42</t>
  </si>
  <si>
    <t>9e5ae827-a8fd-4b18-aeed-375e39994ae5.tmp</t>
  </si>
  <si>
    <t>\\acsfs\profiles$\brunalas\Downloads\9e5ae827-a8fd-4b18-aeed-375e39994ae5.tmp</t>
  </si>
  <si>
    <t>01/17/2020 14:57:32</t>
  </si>
  <si>
    <t>01/17/2020 14:59:15</t>
  </si>
  <si>
    <t>01/17/2020 15:01:46</t>
  </si>
  <si>
    <t>16204aa8-bc20-4e8d-9bc9-c91333174f62.tmp</t>
  </si>
  <si>
    <t>\\acsfs\profiles$\gabrielamdp\Downloads\16204aa8-bc20-4e8d-9bc9-c91333174f62.tmp</t>
  </si>
  <si>
    <t>01/17/2020 14:59:17</t>
  </si>
  <si>
    <t>27fd3385-949f-4db7-b827-23e8a7ab70b4.tmp</t>
  </si>
  <si>
    <t>\\acsfs\profiles$\gabrielamdp\Downloads\27fd3385-949f-4db7-b827-23e8a7ab70b4.tmp</t>
  </si>
  <si>
    <t>01/17/2020 14:59:20</t>
  </si>
  <si>
    <t>0aa93ce0-6f0e-4153-a8e1-1b9c68c941e9.tmp</t>
  </si>
  <si>
    <t>\\acsfs\profiles$\gabrielamdp\Downloads\0aa93ce0-6f0e-4153-a8e1-1b9c68c941e9.tmp</t>
  </si>
  <si>
    <t>01/17/2020 14:56:11</t>
  </si>
  <si>
    <t>01/17/2020 14:56:18</t>
  </si>
  <si>
    <t>01/17/2020 14:56:23</t>
  </si>
  <si>
    <t>01/17/2020 14:57:11</t>
  </si>
  <si>
    <t>01/17/2020 14:57:36</t>
  </si>
  <si>
    <t>01/17/2020 14:57:41</t>
  </si>
  <si>
    <t>01/17/2020 14:58:10</t>
  </si>
  <si>
    <t>01/17/2020 14:58:40</t>
  </si>
  <si>
    <t>01/17/2020 14:58:58</t>
  </si>
  <si>
    <t>01/17/2020 14:59:01</t>
  </si>
  <si>
    <t>01/17/2020 14:59:32</t>
  </si>
  <si>
    <t>01/17/2020 14:59:38</t>
  </si>
  <si>
    <t>01/17/2020 14:59:57</t>
  </si>
  <si>
    <t>01/17/2020 15:00:04</t>
  </si>
  <si>
    <t>01/17/2020 15:00:09</t>
  </si>
  <si>
    <t>01/17/2020 14:56:38</t>
  </si>
  <si>
    <t>01/17/2020 14:57:08</t>
  </si>
  <si>
    <t>01/17/2020 14:58:32</t>
  </si>
  <si>
    <t>01/17/2020 15:02:46</t>
  </si>
  <si>
    <t>01/17/2020 15:02:02</t>
  </si>
  <si>
    <t>01/17/2020 15:03:47</t>
  </si>
  <si>
    <t>01/17/2020 15:01:37</t>
  </si>
  <si>
    <t>01/17/2020 15:01:42</t>
  </si>
  <si>
    <t>lu649212c9pg.tmp</t>
  </si>
  <si>
    <t>\\acsfs\profiles$\FLAVIOJMM\My Documents\lu649212c9pg.tmp</t>
  </si>
  <si>
    <t>\\acsfs\profiles$\FLAVIOJMM\My Documents\lu649212c9pg.tmp\</t>
  </si>
  <si>
    <t>\\acsfs\profiles$\FLAVIOJMM\My Documents\lu649212c9pg.tmp\META-INF\</t>
  </si>
  <si>
    <t>\\acsfs\profiles$\FLAVIOJMM\My Documents\lu649212c9pg.tmp\Thumbnails\</t>
  </si>
  <si>
    <t>01/17/2020 15:04:25</t>
  </si>
  <si>
    <t>01/17/2020 15:05:46</t>
  </si>
  <si>
    <t>VICTOR GARCIA LEMOS (14913).contact</t>
  </si>
  <si>
    <t>\\acsfs\profiles$\victorgl\Contacts\VICTOR GARCIA LEMOS (14913).contact</t>
  </si>
  <si>
    <t>01/17/2020 15:04:37</t>
  </si>
  <si>
    <t>01/17/2020 15:04:38</t>
  </si>
  <si>
    <t>01/17/2020 15:04:39</t>
  </si>
  <si>
    <t>01/17/2020 15:04:40</t>
  </si>
  <si>
    <t>01/17/2020 15:04:41</t>
  </si>
  <si>
    <t>01/17/2020 15:04:42</t>
  </si>
  <si>
    <t>01/17/2020 15:04:43</t>
  </si>
  <si>
    <t>01/17/2020 15:04:44</t>
  </si>
  <si>
    <t>01/17/2020 15:04:45</t>
  </si>
  <si>
    <t>01/17/2020 15:01:34</t>
  </si>
  <si>
    <t>01/17/2020 15:06:47</t>
  </si>
  <si>
    <t>45d45340-0499-4318-aaed-e5146635494a.tmp</t>
  </si>
  <si>
    <t>\\acsfs\profiles$\gabrielamdp\Downloads\45d45340-0499-4318-aaed-e5146635494a.tmp</t>
  </si>
  <si>
    <t>01/17/2020 15:02:36</t>
  </si>
  <si>
    <t>01/17/2020 15:03:15</t>
  </si>
  <si>
    <t>01/17/2020 15:03:18</t>
  </si>
  <si>
    <t>01/17/2020 15:03:39</t>
  </si>
  <si>
    <t>eliane.martins@bv.com.br;supervisaobancovotorantim@algartech.com;</t>
  </si>
  <si>
    <t>eliane.martins@bv.com.br,supervisaobancovotorantim@algartech.com</t>
  </si>
  <si>
    <t>01/17/2020 15:03:55</t>
  </si>
  <si>
    <t>01/17/2020 15:04:04</t>
  </si>
  <si>
    <t>eliane.martins@bv.com.br;flora.lira@bv.com.br;supervisaobancovotorantim@algartech.com;</t>
  </si>
  <si>
    <t>eliane.martins@bv.com.br,flora.lira@bv.com.br,supervisaobancovotorantim@algartech.com</t>
  </si>
  <si>
    <t>01/17/2020 15:04:24</t>
  </si>
  <si>
    <t>01/17/2020 15:04:48</t>
  </si>
  <si>
    <t>01/17/2020 15:05:00</t>
  </si>
  <si>
    <t>01/17/2020 15:04:06</t>
  </si>
  <si>
    <t>10.200.67.82</t>
  </si>
  <si>
    <t>74-86-7A-FC-D0-0E</t>
  </si>
  <si>
    <t>VOTORANT-JB011</t>
  </si>
  <si>
    <t>gabrielbmdl</t>
  </si>
  <si>
    <t>\\acsfs\profiles$\gabrielbmdl\Documents\anotações\</t>
  </si>
  <si>
    <t>script.txt</t>
  </si>
  <si>
    <t>\\acsfs\profiles$\gabrielbmdl\Documents\anotações\script.txt</t>
  </si>
  <si>
    <t>01/17/2020 15:02:42</t>
  </si>
  <si>
    <t>01/17/2020 15:03:12</t>
  </si>
  <si>
    <t>01/17/2020 15:03:42</t>
  </si>
  <si>
    <t>01/17/2020 15:04:12</t>
  </si>
  <si>
    <t>01/17/2020 15:05:43</t>
  </si>
  <si>
    <t>01/17/2020 15:06:13</t>
  </si>
  <si>
    <t>01/17/2020 15:07:47</t>
  </si>
  <si>
    <t>01/17/2020 15:06:18</t>
  </si>
  <si>
    <t>01/17/2020 15:03:16</t>
  </si>
  <si>
    <t>\\acsfs\profiles$\julianeas\Favorites\Links for Brasil\</t>
  </si>
  <si>
    <t>\\acsfs\profiles$\julianeas\Favorites\Links for Brasil\desktop.ini</t>
  </si>
  <si>
    <t>\\acsfs\profiles$\julianeas\Favorites\Links for Brasil\Microsoft Brasil.url</t>
  </si>
  <si>
    <t>\\acsfs\profiles$\julianeas\Favorites\Links for Brasil\Windows Brasil.url</t>
  </si>
  <si>
    <t>01/17/2020 15:03:17</t>
  </si>
  <si>
    <t>\\acsfs\profiles$\julianeas\Favorites\Links for Brasil\MSN Brasil.url</t>
  </si>
  <si>
    <t>01/17/2020 15:06:14</t>
  </si>
  <si>
    <t>0ebbf292-128f-407c-a48c-51360cfbb3e6.tmp</t>
  </si>
  <si>
    <t>\\acsfs\profiles$\danielmlds\Downloads\0ebbf292-128f-407c-a48c-51360cfbb3e6.tmp</t>
  </si>
  <si>
    <t>01/17/2020 15:08:47</t>
  </si>
  <si>
    <t>01/17/2020 15:04:53</t>
  </si>
  <si>
    <t>59a8bb10-95c5-472a-af8a-d55ac4902cac.tmp</t>
  </si>
  <si>
    <t>\\acsfs\profiles$\gabrielsma\Downloads\59a8bb10-95c5-472a-af8a-d55ac4902cac.tmp</t>
  </si>
  <si>
    <t>01/17/2020 15:04:58</t>
  </si>
  <si>
    <t>asdfsadg.ica.crdownload</t>
  </si>
  <si>
    <t>\\acsfs\ACS\Gabriel da Silva\Contemporânea\VENDAS\asdfsadg.ica.crdownload</t>
  </si>
  <si>
    <t>01/17/2020 15:04:59</t>
  </si>
  <si>
    <t>01/17/2020 15:09:47</t>
  </si>
  <si>
    <t>01/17/2020 15:05:24</t>
  </si>
  <si>
    <t>01/17/2020 15:07:24</t>
  </si>
  <si>
    <t>01/17/2020 15:10:47</t>
  </si>
  <si>
    <t>01/17/2020 15:07:30</t>
  </si>
  <si>
    <t>lu1132010ucnz.tmp</t>
  </si>
  <si>
    <t>\\acsfs\profiles$\ISABELLEGTDS\Nova pasta\lu1132010ucnz.tmp</t>
  </si>
  <si>
    <t>\\acsfs\profiles$\ISABELLEGTDS\Nova pasta\lu1132010ucnz.tmp\</t>
  </si>
  <si>
    <t>\\acsfs\profiles$\ISABELLEGTDS\Nova pasta\lu1132010ucnz.tmp\META-INF\</t>
  </si>
  <si>
    <t>\\acsfs\profiles$\ISABELLEGTDS\Nova pasta\lu1132010ucnz.tmp\Thumbnails\</t>
  </si>
  <si>
    <t>01/17/2020 15:08:21</t>
  </si>
  <si>
    <t>01/17/2020 15:04:57</t>
  </si>
  <si>
    <t>01/17/2020 15:09:55</t>
  </si>
  <si>
    <t>01/17/2020 15:11:47</t>
  </si>
  <si>
    <t>XLOG_ellencds_17012020_071433.log</t>
  </si>
  <si>
    <t>\\acsfs\profiles$\ellencds\My Documents\xworkcenter\logs\XLOG_ellencds_17012020_071433.log</t>
  </si>
  <si>
    <t>01/17/2020 15:07:14</t>
  </si>
  <si>
    <t>c911d1d9-dd64-43e8-9dde-b76ef85753b0.tmp</t>
  </si>
  <si>
    <t>\\acsfs\profiles$\gabrielamdp\Downloads\c911d1d9-dd64-43e8-9dde-b76ef85753b0.tmp</t>
  </si>
  <si>
    <t>01/17/2020 15:12:47</t>
  </si>
  <si>
    <t>01/17/2020 15:11:27</t>
  </si>
  <si>
    <t>01/17/2020 15:13:46</t>
  </si>
  <si>
    <t>01/17/2020 15:12:35</t>
  </si>
  <si>
    <t>0812e18f-8290-4f26-b5ca-f209af4931d3.tmp</t>
  </si>
  <si>
    <t>\\acsfs\profiles$\gabrielsma\Downloads\0812e18f-8290-4f26-b5ca-f209af4931d3.tmp</t>
  </si>
  <si>
    <t>01/17/2020 15:12:37</t>
  </si>
  <si>
    <t>01/17/2020 15:10:03</t>
  </si>
  <si>
    <t>01/17/2020 15:11:03</t>
  </si>
  <si>
    <t>01/17/2020 15:12:08</t>
  </si>
  <si>
    <t>01/17/2020 15:13:24</t>
  </si>
  <si>
    <t>01/17/2020 15:14:47</t>
  </si>
  <si>
    <t>93003678-f456-41a3-aa00-c48669e33d02.tmp</t>
  </si>
  <si>
    <t>\\acsfs\profiles$\nathaliarmr\Downloads\93003678-f456-41a3-aa00-c48669e33d02.tmp</t>
  </si>
  <si>
    <t>01/17/2020 15:10:06</t>
  </si>
  <si>
    <t>6d4023ef-1611-41a0-99be-084d4f59a2db.tmp</t>
  </si>
  <si>
    <t>\\acsfs\profiles$\brendadsl\Downloads\6d4023ef-1611-41a0-99be-084d4f59a2db.tmp</t>
  </si>
  <si>
    <t>01/17/2020 15:14:34</t>
  </si>
  <si>
    <t>01/17/2020 15:15:47</t>
  </si>
  <si>
    <t>1296ada7-b40c-4a66-9ceb-d890329a66d6.tmp</t>
  </si>
  <si>
    <t>\\acsfs\profiles$\ayalabfi\Downloads\1296ada7-b40c-4a66-9ceb-d890329a66d6.tmp</t>
  </si>
  <si>
    <t>01/17/2020 15:11:15</t>
  </si>
  <si>
    <t>01/17/2020 15:11:20</t>
  </si>
  <si>
    <t>01/17/2020 15:12:30</t>
  </si>
  <si>
    <t>01/17/2020 15:12:36</t>
  </si>
  <si>
    <t>01/17/2020 15:12:05</t>
  </si>
  <si>
    <t>01/17/2020 15:16:47</t>
  </si>
  <si>
    <t>487f67f0-5396-4bf0-9527-f24ebc3eab9a.tmp</t>
  </si>
  <si>
    <t>\\acsfs\profiles$\gabrielamdp\Downloads\487f67f0-5396-4bf0-9527-f24ebc3eab9a.tmp</t>
  </si>
  <si>
    <t>01/17/2020 15:14:18</t>
  </si>
  <si>
    <t>01/17/2020 15:14:48</t>
  </si>
  <si>
    <t>01/17/2020 15:15:19</t>
  </si>
  <si>
    <t>01/17/2020 15:16:19</t>
  </si>
  <si>
    <t>01/17/2020 15:12:20</t>
  </si>
  <si>
    <t>XLOG_anacdos_17012020_071343.log</t>
  </si>
  <si>
    <t>\\acsfs\profiles$\anacdos\My Documents\xworkcenter\logs\XLOG_anacdos_17012020_071343.log</t>
  </si>
  <si>
    <t>01/17/2020 15:13:59</t>
  </si>
  <si>
    <t>01/17/2020 15:17:46</t>
  </si>
  <si>
    <t>01/17/2020 15:14:12</t>
  </si>
  <si>
    <t>01/17/2020 15:14:11</t>
  </si>
  <si>
    <t>\\acsfs\profiles$\DANIELMLDS\ronaldo\</t>
  </si>
  <si>
    <t>danielmlds.txt</t>
  </si>
  <si>
    <t>\\acsfs\profiles$\DANIELMLDS\ronaldo\danielmlds.txt</t>
  </si>
  <si>
    <t>01/17/2020 15:13:33</t>
  </si>
  <si>
    <t>01/17/2020 15:18:47</t>
  </si>
  <si>
    <t>\\acsfs\profiles$\gabrielsma\My Documents\</t>
  </si>
  <si>
    <t>Erros Operacionais.xlsx</t>
  </si>
  <si>
    <t>\\acsfs\profiles$\gabrielsma\My Documents\Erros Operacionais.xlsx</t>
  </si>
  <si>
    <t>01/17/2020 15:13:44</t>
  </si>
  <si>
    <t>Erros Operacionais_Novo.xlsx</t>
  </si>
  <si>
    <t>\\acsfs\ACS\Gabriel da Silva\Contemporânea\Erros Operacionais\Erros Operacionais_Novo.xlsx</t>
  </si>
  <si>
    <t>01/17/2020 15:13:56</t>
  </si>
  <si>
    <t>c9061a0c-1223-4a9a-bb91-460196511b7c.tmp</t>
  </si>
  <si>
    <t>\\acsfs\profiles$\henriqueco\Downloads\c9061a0c-1223-4a9a-bb91-460196511b7c.tmp</t>
  </si>
  <si>
    <t>01/17/2020 15:15:35</t>
  </si>
  <si>
    <t>01/17/2020 15:16:27</t>
  </si>
  <si>
    <t>01/17/2020 15:19:46</t>
  </si>
  <si>
    <t>0db6fa12-2281-4529-9c9e-9a67c159523c.tmp</t>
  </si>
  <si>
    <t>\\acsfs\profiles$\nathaliarmr\Downloads\0db6fa12-2281-4529-9c9e-9a67c159523c.tmp</t>
  </si>
  <si>
    <t>01/17/2020 15:18:34</t>
  </si>
  <si>
    <t>01/17/2020 15:21:46</t>
  </si>
  <si>
    <t>c26a90cd-3a4c-4651-afd7-73620875ebeb.tmp</t>
  </si>
  <si>
    <t>\\acsfs\profiles$\lucasgpe\Downloads\c26a90cd-3a4c-4651-afd7-73620875ebeb.tmp</t>
  </si>
  <si>
    <t>01/17/2020 15:17:50</t>
  </si>
  <si>
    <t>01/17/2020 15:20:52</t>
  </si>
  <si>
    <t>01/17/2020 15:21:22</t>
  </si>
  <si>
    <t>01/17/2020 15:22:47</t>
  </si>
  <si>
    <t>01/17/2020 15:21:50</t>
  </si>
  <si>
    <t>mail.google.com/sync/u/0/i/s?hl=pt-BR&amp;c=1557</t>
  </si>
  <si>
    <t>01/17/2020 15:21:52</t>
  </si>
  <si>
    <t>mail.google.com/sync/u/0/i/s?hl=pt-BR&amp;c=1560</t>
  </si>
  <si>
    <t>01/17/2020 15:20:50</t>
  </si>
  <si>
    <t>01/17/2020 15:20:39</t>
  </si>
  <si>
    <t>01/17/2020 15:23:46</t>
  </si>
  <si>
    <t>01/17/2020 15:20:45</t>
  </si>
  <si>
    <t>lu12012129m4d.tmp</t>
  </si>
  <si>
    <t>\\acsfs\profiles$\LUCASBS\RENEG BV\Consolidado\lu12012129m4d.tmp</t>
  </si>
  <si>
    <t>\\acsfs\profiles$\LUCASBS\RENEG BV\Consolidado\lu12012129m4d.tmp\</t>
  </si>
  <si>
    <t>\\acsfs\profiles$\LUCASBS\RENEG BV\Consolidado\lu12012129m4d.tmp\META-INF\</t>
  </si>
  <si>
    <t>\\acsfs\profiles$\LUCASBS\RENEG BV\Consolidado\lu12012129m4d.tmp\Thumbnails\</t>
  </si>
  <si>
    <t>01/17/2020 15:22:41</t>
  </si>
  <si>
    <t>01/17/2020 15:22:46</t>
  </si>
  <si>
    <t>lu12012129m4i.tmp</t>
  </si>
  <si>
    <t>\\acsfs\profiles$\LUCASBS\RENEG BV\Consolidado\lu12012129m4i.tmp</t>
  </si>
  <si>
    <t>\\acsfs\profiles$\LUCASBS\RENEG BV\Consolidado\lu12012129m4i.tmp\</t>
  </si>
  <si>
    <t>\\acsfs\profiles$\LUCASBS\RENEG BV\Consolidado\lu12012129m4i.tmp\META-INF\</t>
  </si>
  <si>
    <t>\\acsfs\profiles$\LUCASBS\RENEG BV\Consolidado\lu12012129m4i.tmp\Thumbnails\</t>
  </si>
  <si>
    <t>01/17/2020 15:23:04</t>
  </si>
  <si>
    <t>01/17/2020 15:23:10</t>
  </si>
  <si>
    <t>lu12012129m4n.tmp</t>
  </si>
  <si>
    <t>\\acsfs\profiles$\LUCASBS\RENEG BV\Consolidado\lu12012129m4n.tmp</t>
  </si>
  <si>
    <t>\\acsfs\profiles$\LUCASBS\RENEG BV\Consolidado\lu12012129m4n.tmp\</t>
  </si>
  <si>
    <t>\\acsfs\profiles$\LUCASBS\RENEG BV\Consolidado\lu12012129m4n.tmp\META-INF\</t>
  </si>
  <si>
    <t>01/17/2020 15:22:39</t>
  </si>
  <si>
    <t>\\acsfs\profiles$\LUCASBS\RENEG BV\Consolidado\lu12012129m4n.tmp\Thumbnails\</t>
  </si>
  <si>
    <t>01/17/2020 15:24:47</t>
  </si>
  <si>
    <t>01/17/2020 15:22:13</t>
  </si>
  <si>
    <t>01/17/2020 15:25:46</t>
  </si>
  <si>
    <t>0113befc-ea43-485e-a60c-6c3772321a32.tmp</t>
  </si>
  <si>
    <t>\\acsfs\profiles$\fernandofs\Downloads\0113befc-ea43-485e-a60c-6c3772321a32.tmp</t>
  </si>
  <si>
    <t>01/17/2020 15:23:03</t>
  </si>
  <si>
    <t>01/17/2020 15:26:47</t>
  </si>
  <si>
    <t>7257f227-ea93-4a28-9c17-dafe96e496fc.tmp</t>
  </si>
  <si>
    <t>\\acsfs\profiles$\sarahbal\Downloads\7257f227-ea93-4a28-9c17-dafe96e496fc.tmp</t>
  </si>
  <si>
    <t>01/17/2020 15:22:17</t>
  </si>
  <si>
    <t>01/17/2020 15:27:46</t>
  </si>
  <si>
    <t>mail.google.com/sync/u/0/i/s?hl=pt-BR&amp;c=1563</t>
  </si>
  <si>
    <t>01/17/2020 15:22:21</t>
  </si>
  <si>
    <t>mail.google.com/sync/u/0/i/s?hl=pt-BR&amp;c=1565</t>
  </si>
  <si>
    <t>01/17/2020 15:22:45</t>
  </si>
  <si>
    <t>01/17/2020 15:22:56</t>
  </si>
  <si>
    <t>mail.google.com/sync/u/0/i/s?hl=pt-BR&amp;c=1570</t>
  </si>
  <si>
    <t>01/17/2020 15:23:36</t>
  </si>
  <si>
    <t>mail.google.com/sync/u/0/i/s?hl=pt-BR&amp;c=1572</t>
  </si>
  <si>
    <t>01/17/2020 15:23:44</t>
  </si>
  <si>
    <t>mail.google.com/sync/u/0/i/s?hl=pt-BR&amp;c=1574</t>
  </si>
  <si>
    <t>01/17/2020 15:23:55</t>
  </si>
  <si>
    <t>mail.google.com/sync/u/0/i/s?hl=pt-BR&amp;c=1577</t>
  </si>
  <si>
    <t>100014122394468;algartechcpcbv@bv.algartech.com;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t>
  </si>
  <si>
    <t>100014122394468,algartechcpcbv@bv.algartech.com,andrelpsa@algartech.com,joaogvc@algartech.com,josiascdsj@algartech.com,leonardoao@algartech.com,marianadjc@algartech.com,maristelavodq@bv.algartech.com,paulacn@algartech.com,qualidadealgarbv@algartech.com,ricardodfm@algartech.com.br,supervisaobancovotorantim@algartech.com,taysdss@algartech.com,thiagolrc@bv.algartech.com</t>
  </si>
  <si>
    <t>01/17/2020 15:24:21</t>
  </si>
  <si>
    <t>mail.google.com/sync/u/0/i/s?hl=pt-BR&amp;c=1579</t>
  </si>
  <si>
    <t>01/17/2020 15:24:25</t>
  </si>
  <si>
    <t>mail.google.com/sync/u/0/i/s?hl=pt-BR&amp;c=1581</t>
  </si>
  <si>
    <t>algartechcpcbv@bv.algartech.com;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algartechcpcbv@bv.algartech.com,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t>
  </si>
  <si>
    <t>01/17/2020 15:24:31</t>
  </si>
  <si>
    <t>mail.google.com/sync/u/0/i/s?hl=pt-BR&amp;c=1583</t>
  </si>
  <si>
    <t>01/17/2020 15:24:36</t>
  </si>
  <si>
    <t>01/17/2020 15:24:41</t>
  </si>
  <si>
    <t>mail.google.com/sync/u/0/i/s?hl=pt-BR&amp;c=1587</t>
  </si>
  <si>
    <t>mail.google.com/sync/u/0/i/s?hl=pt-BR&amp;c=1589</t>
  </si>
  <si>
    <t>01/17/2020 15:25:11</t>
  </si>
  <si>
    <t>01/17/2020 15:25:16</t>
  </si>
  <si>
    <t>100014122394468;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100014122394468,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01/17/2020 15:25:29</t>
  </si>
  <si>
    <t>01/17/2020 15:25:32</t>
  </si>
  <si>
    <t>01/17/2020 15:27:13</t>
  </si>
  <si>
    <t>01/17/2020 15:28:47</t>
  </si>
  <si>
    <t>3645ec8d-8004-432e-a3d0-829fe273b965.tmp</t>
  </si>
  <si>
    <t>\\acsfs\profiles$\ingridsm\Downloads\3645ec8d-8004-432e-a3d0-829fe273b965.tmp</t>
  </si>
  <si>
    <t>01/17/2020 15:25:42</t>
  </si>
  <si>
    <t>6b170c04-46f4-4f84-9551-778f9c63a315.tmp</t>
  </si>
  <si>
    <t>\\acsfs\profiles$\inarajst\Downloads\6b170c04-46f4-4f84-9551-778f9c63a315.tmp</t>
  </si>
  <si>
    <t>01/17/2020 15:26:11</t>
  </si>
  <si>
    <t>6ac5192b-c971-42ff-9f2c-11edca085a28.tmp</t>
  </si>
  <si>
    <t>\\acsfs\profiles$\inarajst\Downloads\6ac5192b-c971-42ff-9f2c-11edca085a28.tmp</t>
  </si>
  <si>
    <t>01/17/2020 15:30:47</t>
  </si>
  <si>
    <t>01/17/2020 15:30:15</t>
  </si>
  <si>
    <t>01/17/2020 15:26:23</t>
  </si>
  <si>
    <t>01/17/2020 15:31:46</t>
  </si>
  <si>
    <t>ulog_Acrobat12_Reader_3b8210f9-3618-47e4-b9cc-5aaaba62831a_f1c4ba95-c8ad-4875-96ba-23c19b469902_0.log</t>
  </si>
  <si>
    <t>C:\Users\flaviacno\AppData\Roaming\Adobe\LogTransport2\Logs\ulog_Acrobat12_Reader_3b8210f9-3618-47e4-b9cc-5aaaba62831a_f1c4ba95-c8ad-4875-96ba-23c19b469902_0.log\</t>
  </si>
  <si>
    <t>01/17/2020 15:26:36</t>
  </si>
  <si>
    <t>faa6b9c0-cecd-4739-917a-16169a6e749c.tmp</t>
  </si>
  <si>
    <t>\\acsfs\profiles$\andreapdsg\Downloads\faa6b9c0-cecd-4739-917a-16169a6e749c.tmp</t>
  </si>
  <si>
    <t>01/17/2020 15:26:39</t>
  </si>
  <si>
    <t>Q29udHJvbGxlci5DYWxjdWxhZG9yYURlVmVuY2lt.ica</t>
  </si>
  <si>
    <t>\\acsfs\profiles$\andreapdsg\Downloads\Q29udHJvbGxlci5DYWxjdWxhZG9yYURlVmVuY2lt.ica</t>
  </si>
  <si>
    <t>01/17/2020 15:27:04</t>
  </si>
  <si>
    <t>01/17/2020 15:28:07</t>
  </si>
  <si>
    <t>3c5dbf10-3e4a-4418-ab86-675158278304.tmp</t>
  </si>
  <si>
    <t>\\acsfs\profiles$\andreapdsg\Downloads\3c5dbf10-3e4a-4418-ab86-675158278304.tmp</t>
  </si>
  <si>
    <t>01/17/2020 15:28:13</t>
  </si>
  <si>
    <t>ad18e66b-dc28-48a2-ae22-254ce50e56b1.tmp</t>
  </si>
  <si>
    <t>\\acsfs\profiles$\sarahbal\Downloads\ad18e66b-dc28-48a2-ae22-254ce50e56b1.tmp</t>
  </si>
  <si>
    <t>01/17/2020 15:32:47</t>
  </si>
  <si>
    <t>01/17/2020 15:27:01</t>
  </si>
  <si>
    <t>01/17/2020 15:33:46</t>
  </si>
  <si>
    <t>01/17/2020 15:30:25</t>
  </si>
  <si>
    <t>\\acsfs\ACS\Gabriel da Silva\Contemporânea\Erros Operacionais\Thumbs.db</t>
  </si>
  <si>
    <t>01/17/2020 15:31:36</t>
  </si>
  <si>
    <t>01/17/2020 15:34:47</t>
  </si>
  <si>
    <t>a6856e82-d276-43fe-ba69-8619b76c781a.tmp</t>
  </si>
  <si>
    <t>\\acsfs\profiles$\leticiala\Downloads\a6856e82-d276-43fe-ba69-8619b76c781a.tmp</t>
  </si>
  <si>
    <t>01/17/2020 15:32:38</t>
  </si>
  <si>
    <t>63e0fb86-9565-4f90-9cb1-c915ae133faf.tmp</t>
  </si>
  <si>
    <t>\\acsfs\profiles$\fabianafv\Downloads\63e0fb86-9565-4f90-9cb1-c915ae133faf.tmp</t>
  </si>
  <si>
    <t>01/17/2020 15:35:47</t>
  </si>
  <si>
    <t>01/17/2020 15:32:21</t>
  </si>
  <si>
    <t>01/17/2020 15:36:47</t>
  </si>
  <si>
    <t>lu10556ftvf.tmp</t>
  </si>
  <si>
    <t>\\acsfs\profiles$\VIVIANALDS\My Documents\lu10556ftvf.tmp</t>
  </si>
  <si>
    <t>\\acsfs\profiles$\VIVIANALDS\My Documents\lu10556ftvf.tmp\</t>
  </si>
  <si>
    <t>\\acsfs\profiles$\VIVIANALDS\My Documents\lu10556ftvf.tmp\META-INF\</t>
  </si>
  <si>
    <t>\\acsfs\profiles$\VIVIANALDS\My Documents\lu10556ftvf.tmp\Thumbnails\</t>
  </si>
  <si>
    <t>01/17/2020 15:35:37</t>
  </si>
  <si>
    <t>e8795650-918c-4ac7-85d1-1cadbfe56613.tmp</t>
  </si>
  <si>
    <t>\\acsfs\profiles$\sarahbal\Downloads\e8795650-918c-4ac7-85d1-1cadbfe56613.tmp</t>
  </si>
  <si>
    <t>01/17/2020 15:35:05</t>
  </si>
  <si>
    <t>c11fdb8e-aebd-4ec7-9e5b-38d4cb06ae91.tmp</t>
  </si>
  <si>
    <t>\\acsfs\profiles$\welidicdj\Downloads\c11fdb8e-aebd-4ec7-9e5b-38d4cb06ae91.tmp</t>
  </si>
  <si>
    <t>01/17/2020 15:35:14</t>
  </si>
  <si>
    <t>01/17/2020 15:35:19</t>
  </si>
  <si>
    <t>92eb0cd4-bd23-45ec-83c0-d76c1f53c73e.tmp</t>
  </si>
  <si>
    <t>\\acsfs\profiles$\welidicdj\Downloads\92eb0cd4-bd23-45ec-83c0-d76c1f53c73e.tmp</t>
  </si>
  <si>
    <t>01/17/2020 15:35:22</t>
  </si>
  <si>
    <t>b0711819-eb76-4b4b-a7d8-d6182e281d6c.tmp</t>
  </si>
  <si>
    <t>\\acsfs\profiles$\welidicdj\Downloads\b0711819-eb76-4b4b-a7d8-d6182e281d6c.tmp</t>
  </si>
  <si>
    <t>01/17/2020 15:35:49</t>
  </si>
  <si>
    <t>Q29udHJvbGxlci5QYXl3YXJl (17).ica</t>
  </si>
  <si>
    <t>\\acsfs\profiles$\welidicdj\Downloads\Q29udHJvbGxlci5QYXl3YXJl (17).ica</t>
  </si>
  <si>
    <t>01/17/2020 15:38:47</t>
  </si>
  <si>
    <t>d1c02e53-ca31-4e15-a073-1a8858a5c6ab.tmp</t>
  </si>
  <si>
    <t>\\acsfs\profiles$\laylaams\Downloads\d1c02e53-ca31-4e15-a073-1a8858a5c6ab.tmp</t>
  </si>
  <si>
    <t>01/17/2020 15:35:41</t>
  </si>
  <si>
    <t>73e6c4ab-b91e-4913-8e44-7278cb5c9efb.tmp</t>
  </si>
  <si>
    <t>\\acsfs\profiles$\nycolleemdj\Downloads\73e6c4ab-b91e-4913-8e44-7278cb5c9efb.tmp</t>
  </si>
  <si>
    <t>01/17/2020 15:37:31</t>
  </si>
  <si>
    <t>4e6ef19f-40fa-4e2a-acc3-f3aa33dfc8ea.tmp</t>
  </si>
  <si>
    <t>\\acsfs\profiles$\nycolleemdj\Downloads\4e6ef19f-40fa-4e2a-acc3-f3aa33dfc8ea.tmp</t>
  </si>
  <si>
    <t>01/17/2020 15:38:15</t>
  </si>
  <si>
    <t>01/17/2020 15:39:47</t>
  </si>
  <si>
    <t>63ad4b88-5e62-4d0e-b233-628f5b2c728e.tmp</t>
  </si>
  <si>
    <t>\\acsfs\profiles$\larissaad\Downloads\63ad4b88-5e62-4d0e-b233-628f5b2c728e.tmp</t>
  </si>
  <si>
    <t>01/17/2020 15:38:32</t>
  </si>
  <si>
    <t>635b4ab0-87e7-4561-96c1-a15a381f445e.tmp</t>
  </si>
  <si>
    <t>\\acsfs\profiles$\nathaliarmr\Downloads\635b4ab0-87e7-4561-96c1-a15a381f445e.tmp</t>
  </si>
  <si>
    <t>01/17/2020 15:38:38</t>
  </si>
  <si>
    <t>01/17/2020 15:41:47</t>
  </si>
  <si>
    <t>nayaranao</t>
  </si>
  <si>
    <t>\\acsfs\profiles$\nayaranao\Downloads\</t>
  </si>
  <si>
    <t>dbf7c5e7-6347-44a5-8491-e3ad41ce16ba.tmp</t>
  </si>
  <si>
    <t>\\acsfs\profiles$\nayaranao\Downloads\dbf7c5e7-6347-44a5-8491-e3ad41ce16ba.tmp</t>
  </si>
  <si>
    <t>59600011-f858-4c8a-a3b3-a07cb699a154.tmp</t>
  </si>
  <si>
    <t>\\acsfs\profiles$\nayaranao\Downloads\59600011-f858-4c8a-a3b3-a07cb699a154.tmp</t>
  </si>
  <si>
    <t>01/17/2020 15:39:26</t>
  </si>
  <si>
    <t>49db767e-af87-4d02-953c-7291c6271f30.tmp</t>
  </si>
  <si>
    <t>\\acsfs\profiles$\nayaranao\Downloads\49db767e-af87-4d02-953c-7291c6271f30.tmp</t>
  </si>
  <si>
    <t>01/17/2020 15:40:56</t>
  </si>
  <si>
    <t>72d03827-86c8-45ad-b258-929f96129b35.tmp</t>
  </si>
  <si>
    <t>\\acsfs\profiles$\myllenardl\Downloads\72d03827-86c8-45ad-b258-929f96129b35.tmp</t>
  </si>
  <si>
    <t>01/17/2020 15:39:08</t>
  </si>
  <si>
    <t>01/17/2020 15:41:29</t>
  </si>
  <si>
    <t>01/17/2020 15:42:47</t>
  </si>
  <si>
    <t>0ebdd234-7938-46a4-9116-e7180fdf383d.tmp</t>
  </si>
  <si>
    <t>\\acsfs\profiles$\erichds\Downloads\0ebdd234-7938-46a4-9116-e7180fdf383d.tmp</t>
  </si>
  <si>
    <t>01/17/2020 15:43:46</t>
  </si>
  <si>
    <t>01/17/2020 15:41:41</t>
  </si>
  <si>
    <t>01/17/2020 15:41:42</t>
  </si>
  <si>
    <t>01/17/2020 15:44:47</t>
  </si>
  <si>
    <t>01/17/2020 15:42:32</t>
  </si>
  <si>
    <t>\\acsfs\profiles$\yurics\My Documents\xworkcenter\logs\</t>
  </si>
  <si>
    <t>XLOG_YuriCS_17012020_104830.log</t>
  </si>
  <si>
    <t>\\acsfs\profiles$\yurics\My Documents\xworkcenter\logs\XLOG_YuriCS_17012020_104830.log</t>
  </si>
  <si>
    <t>01/17/2020 15:44:34</t>
  </si>
  <si>
    <t>a8e4833c-0da2-403b-bbc8-4bfa7bc4d18c.tmp</t>
  </si>
  <si>
    <t>\\acsfs\profiles$\brendadsl\Downloads\a8e4833c-0da2-403b-bbc8-4bfa7bc4d18c.tmp</t>
  </si>
  <si>
    <t>01/17/2020 15:43:37</t>
  </si>
  <si>
    <t>01/17/2020 15:45:46</t>
  </si>
  <si>
    <t>\\acsfs\Deptos\EDUCACAO EMPRESARIAL\FERNANDA MONIT\</t>
  </si>
  <si>
    <t>Adriele das Graças Carvalho_1_6779729322768931022_1_32.wav</t>
  </si>
  <si>
    <t>\\acsfs\Deptos\EDUCACAO EMPRESARIAL\FERNANDA MONIT\Adriele das Graças Carvalho_1_6779729322768931022_1_32.wav</t>
  </si>
  <si>
    <t>01/17/2020 15:41:46</t>
  </si>
  <si>
    <t>cac215ac-ef0a-422d-87b7-ec266aaa7623.tmp</t>
  </si>
  <si>
    <t>\\acsfs\profiles$\THYAGOSP\Downloads\cac215ac-ef0a-422d-87b7-ec266aaa7623.tmp</t>
  </si>
  <si>
    <t>01/17/2020 15:40:53</t>
  </si>
  <si>
    <t>01/17/2020 15:46:47</t>
  </si>
  <si>
    <t>5687817b-1786-4009-b061-0e90abaa7003.tmp</t>
  </si>
  <si>
    <t>\\acsfs\profiles$\nayaranao\Downloads\5687817b-1786-4009-b061-0e90abaa7003.tmp</t>
  </si>
  <si>
    <t>01/17/2020 15:42:19</t>
  </si>
  <si>
    <t>3c7ce051-b864-4e92-a262-216852d55c9c.tmp</t>
  </si>
  <si>
    <t>\\acsfs\profiles$\myllenardl\Downloads\3c7ce051-b864-4e92-a262-216852d55c9c.tmp</t>
  </si>
  <si>
    <t>01/17/2020 15:45:25</t>
  </si>
  <si>
    <t>01/17/2020 15:47:46</t>
  </si>
  <si>
    <t>01/17/2020 15:44:10</t>
  </si>
  <si>
    <t>mail.google.com/sync/u/0/i/s?hl=pt-BR&amp;c=1604</t>
  </si>
  <si>
    <t>01/17/2020 15:44:23</t>
  </si>
  <si>
    <t>01/17/2020 15:44:29</t>
  </si>
  <si>
    <t>01/17/2020 15:44:40</t>
  </si>
  <si>
    <t>mail.google.com/sync/u/0/i/s?hl=pt-BR&amp;c=1610</t>
  </si>
  <si>
    <t>01/17/2020 15:44:46</t>
  </si>
  <si>
    <t>mail.google.com/sync/u/0/i/s?hl=pt-BR&amp;c=1612</t>
  </si>
  <si>
    <t>01/17/2020 15:46:14</t>
  </si>
  <si>
    <t>\\udpavonfs01\AVON\00 - ACOMPANHAMENTO AVON\04 - BACKOFFICE CORNERSTONE\2020\01.2020\RELATORIO\16.01.2020\</t>
  </si>
  <si>
    <t>01/17/2020 15:46:31</t>
  </si>
  <si>
    <t>mail.google.com/sync/u/0/i/s?hl=pt-BR&amp;c=1615</t>
  </si>
  <si>
    <t>01/17/2020 15:46:36</t>
  </si>
  <si>
    <t>mail.google.com/sync/u/0/i/s?hl=pt-BR&amp;c=1618</t>
  </si>
  <si>
    <t>01/17/2020 15:46:48</t>
  </si>
  <si>
    <t>mail.google.com/sync/u/0/i/s?hl=pt-BR&amp;c=1620</t>
  </si>
  <si>
    <t>01/17/2020 15:45:08</t>
  </si>
  <si>
    <t>01/17/2020 15:48:47</t>
  </si>
  <si>
    <t>834e3b88-a8a6-4168-ba3d-0c430efd7afd.tmp</t>
  </si>
  <si>
    <t>\\acsfs\profiles$\KARENJSS\Downloads\834e3b88-a8a6-4168-ba3d-0c430efd7afd.tmp</t>
  </si>
  <si>
    <t>01/17/2020 15:45:41</t>
  </si>
  <si>
    <t>01/17/2020 15:49:46</t>
  </si>
  <si>
    <t>0fdc2e99-e202-4a80-94a1-c45b6813e323.tmp</t>
  </si>
  <si>
    <t>\\acsfs\profiles$\nathaliarmr\Downloads\0fdc2e99-e202-4a80-94a1-c45b6813e323.tmp</t>
  </si>
  <si>
    <t>01/17/2020 15:44:33</t>
  </si>
  <si>
    <t>01/17/2020 15:44:37</t>
  </si>
  <si>
    <t>01/17/2020 15:44:38</t>
  </si>
  <si>
    <t>01/17/2020 15:44:44</t>
  </si>
  <si>
    <t>01/17/2020 15:45:31</t>
  </si>
  <si>
    <t>01/17/2020 15:45:34</t>
  </si>
  <si>
    <t>01/17/2020 15:45:48</t>
  </si>
  <si>
    <t>01/17/2020 15:46:42</t>
  </si>
  <si>
    <t>01/17/2020 15:50:47</t>
  </si>
  <si>
    <t>01/17/2020 15:46:43</t>
  </si>
  <si>
    <t>lu294483tbyhw.tmp</t>
  </si>
  <si>
    <t>\\acsfs\profiles$\victoriaksr\My Documents\lu294483tbyhw.tmp</t>
  </si>
  <si>
    <t>01/17/2020 15:47:51</t>
  </si>
  <si>
    <t>01/17/2020 15:47:52</t>
  </si>
  <si>
    <t>lu294483tbyi6.tmp</t>
  </si>
  <si>
    <t>\\acsfs\profiles$\victoriaksr\My Documents\lu294483tbyi6.tmp</t>
  </si>
  <si>
    <t>01/17/2020 15:49:24</t>
  </si>
  <si>
    <t>57664465-0c2c-4da0-9d2e-c483a557ac9e.tmp</t>
  </si>
  <si>
    <t>\\acsfs\profiles$\victoriaksr\Downloads\57664465-0c2c-4da0-9d2e-c483a557ac9e.tmp</t>
  </si>
  <si>
    <t>01/17/2020 15:51:46</t>
  </si>
  <si>
    <t>01/17/2020 15:52:47</t>
  </si>
  <si>
    <t>d3e0a6c9-2f96-442d-bd2c-cd165089fd40.tmp</t>
  </si>
  <si>
    <t>\\acsfs\profiles$\brendadsl\Downloads\d3e0a6c9-2f96-442d-bd2c-cd165089fd40.tmp</t>
  </si>
  <si>
    <t>01/17/2020 15:45:09</t>
  </si>
  <si>
    <t>6fc2f3c0-b10a-4112-8ddf-4430afc06940.tmp</t>
  </si>
  <si>
    <t>\\acsfs\profiles$\brendadsl\Downloads\6fc2f3c0-b10a-4112-8ddf-4430afc06940.tmp</t>
  </si>
  <si>
    <t>01/17/2020 15:47:07</t>
  </si>
  <si>
    <t>d24534f8-eeba-441c-8519-714bc88846ab.tmp</t>
  </si>
  <si>
    <t>\\acsfs\profiles$\brendadsl\Downloads\d24534f8-eeba-441c-8519-714bc88846ab.tmp</t>
  </si>
  <si>
    <t>01/17/2020 15:47:16</t>
  </si>
  <si>
    <t>0567b9cb-bab5-4e54-8e27-bf7db066eeb5.tmp</t>
  </si>
  <si>
    <t>\\acsfs\profiles$\brendadsl\Downloads\0567b9cb-bab5-4e54-8e27-bf7db066eeb5.tmp</t>
  </si>
  <si>
    <t>01/17/2020 15:48:35</t>
  </si>
  <si>
    <t>01/17/2020 15:53:46</t>
  </si>
  <si>
    <t>01/17/2020 15:49:41</t>
  </si>
  <si>
    <t>Estudo Incentivo.xlsx</t>
  </si>
  <si>
    <t>\\acsfs\ACS\Gabriel da Silva\Contemporânea\Gen\Estudo Incentivo.xlsx</t>
  </si>
  <si>
    <t>01/17/2020 15:51:07</t>
  </si>
  <si>
    <t>f5de2d8d-626a-42c3-949c-520b281df98a.tmp</t>
  </si>
  <si>
    <t>\\acsfs\profiles$\edicarlosdl\Downloads\f5de2d8d-626a-42c3-949c-520b281df98a.tmp</t>
  </si>
  <si>
    <t>01/17/2020 15:54:47</t>
  </si>
  <si>
    <t>01/17/2020 15:51:10</t>
  </si>
  <si>
    <t>b29763bb-2bcd-4b01-8628-a372f9f44ad7.tmp</t>
  </si>
  <si>
    <t>\\acsfs\profiles$\leticiala\Downloads\b29763bb-2bcd-4b01-8628-a372f9f44ad7.tmp</t>
  </si>
  <si>
    <t>01/17/2020 15:50:02</t>
  </si>
  <si>
    <t>01/17/2020 15:53:03</t>
  </si>
  <si>
    <t>01/17/2020 15:52:25</t>
  </si>
  <si>
    <t>http:///batch/drive/v2internal?%24ct=multipart%2Fmixed%3B%20boundary%3D%22%3D%3D%3D%3D%3D83nibnbi0dgs%3D%3D%3D%3D%3D%22&amp;key=AIzaSyAy9VVXHSpS2IJpptzYtGbLP3-3_l0aBk4</t>
  </si>
  <si>
    <t>01/17/2020 15:52:31</t>
  </si>
  <si>
    <t>http:///batch/drive/v2internal?%24ct=multipart%2Fmixed%3B%20boundary%3D%22%3D%3D%3D%3D%3Ddpftm253mfcw%3D%3D%3D%3D%3D%22&amp;key=AIzaSyAy9VVXHSpS2IJpptzYtGbLP3-3_l0aBk4</t>
  </si>
  <si>
    <t>01/17/2020 15:52:32</t>
  </si>
  <si>
    <t>http:///batch/drive/v2internal?%24ct=multipart%2Fmixed%3B%20boundary%3D%22%3D%3D%3D%3D%3Dxt6jvnng4abm%3D%3D%3D%3D%3D%22&amp;key=AIzaSyAy9VVXHSpS2IJpptzYtGbLP3-3_l0aBk4</t>
  </si>
  <si>
    <t>01/17/2020 15:52:41</t>
  </si>
  <si>
    <t>http:///batch/drive/v2internal?%24ct=multipart%2Fmixed%3B%20boundary%3D%22%3D%3D%3D%3D%3Dgsjtkrynu4em%3D%3D%3D%3D%3D%22&amp;key=AIzaSyAy9VVXHSpS2IJpptzYtGbLP3-3_l0aBk4</t>
  </si>
  <si>
    <t>01/17/2020 15:52:42</t>
  </si>
  <si>
    <t>http:///batch/drive/v2internal?%24ct=multipart%2Fmixed%3B%20boundary%3D%22%3D%3D%3D%3D%3D7rc6ch1l5rdr%3D%3D%3D%3D%3D%22&amp;key=AIzaSyAy9VVXHSpS2IJpptzYtGbLP3-3_l0aBk4</t>
  </si>
  <si>
    <t>http:///batch/drive/v2internal?%24ct=multipart%2Fmixed%3B%20boundary%3D%22%3D%3D%3D%3D%3D65q1l2hglrkb%3D%3D%3D%3D%3D%22&amp;key=AIzaSyAy9VVXHSpS2IJpptzYtGbLP3-3_l0aBk4</t>
  </si>
  <si>
    <t>01/17/2020 15:52:53</t>
  </si>
  <si>
    <t>http:///batch/drive/v2internal?%24ct=multipart%2Fmixed%3B%20boundary%3D%22%3D%3D%3D%3D%3Dv2rpj217fwu2%3D%3D%3D%3D%3D%22&amp;key=AIzaSyAy9VVXHSpS2IJpptzYtGbLP3-3_l0aBk4</t>
  </si>
  <si>
    <t>01/17/2020 15:52:54</t>
  </si>
  <si>
    <t>http:///batch/drive/v2internal?%24ct=multipart%2Fmixed%3B%20boundary%3D%22%3D%3D%3D%3D%3D70y29mhh96n6%3D%3D%3D%3D%3D%22&amp;key=AIzaSyAy9VVXHSpS2IJpptzYtGbLP3-3_l0aBk4</t>
  </si>
  <si>
    <t>01/17/2020 15:52:55</t>
  </si>
  <si>
    <t>http:///batch/drive/v2internal?%24ct=multipart%2Fmixed%3B%20boundary%3D%22%3D%3D%3D%3D%3Dkdizwrjqb78m%3D%3D%3D%3D%3D%22&amp;key=AIzaSyAy9VVXHSpS2IJpptzYtGbLP3-3_l0aBk4</t>
  </si>
  <si>
    <t>01/17/2020 15:53:19</t>
  </si>
  <si>
    <t>0;0.371;0.371];0.668;0];1;1.8248175182481752];1013000;110.66500000015367;110.67499999990105;1162.0349999975588;1196;1196];12.854];1220.74000000066;1221.4500000009139;1221.8849999990198;1222.3449999983131;1223.1199999987439;1284.3749999992724;1290.9099999997125;1291.6049999985262;13.568;1303.6399999982677;1303769;1326119;1326174;135.741;137.92000000103144;1449614;15.344;15.344];15.552;15.552];1579287150187000];1579287151108000;1579287151677000;1579287151678000;1579287151721000;1582.777];15];16.410000000178115;16.90000000235159;1600];1600]];166.92500000135624;1702760;1707.2799999987183;1797995;1802335;1882564;1883014;1890724;1936.9000000006054 o;�&lt;_x001D_�_�_x001E_�&lt;wˤ��w�_x0010_�'�q���r�?�_x001D_�n��}_x0012_�s5��z���_x0012_c��Ì'j�1&gt;�._x0010_�Ӗ�_x0006_45�_x0015_Ԧ�i6�����`�ݒ���c� o���:���f~&lt;whi�|���g._x0018_b��@~�gz7�����!'~旞&gt;t��_x001F_�i��.���`r_x0001_;1];1epenm2sej9sexcv_grk0bzfqr6ozpra4;1jbixp8hst49gqxoi4tlhbh6bjz3hip_e;1yw89tbfqjbhpliyiqd1v7ne9geyrxvci;200];21.464;21.464];21.7;21.7];214.50499999991735;262.47499999954016;2623479;2643144;2693804;2708644;2805;2805];2];3;3.100000001</t>
  </si>
  <si>
    <t>http://0,0.371,0.371],0.668,0],1,1.8248175182481752],1013000,110.66500000015367,110.67499999990105,1162.0349999975588,1196,1196],12.854],1220.74000000066,1221.4500000009139,1221.8849999990198,1222.3449999983131,1223.1199999987439,1284.3749999992724,1290.9099999997125,1291.6049999985262,13.568,1303.6399999982677,1303769,1326119,1326174,135.741,137.92000000103144,1449614,15.344,15.344],15.552,15.552],1579287150187000],1579287151108000,1579287151677000,1579287151678000,1579287151721000,1582.777],15],16.410000000178115,16.90000000235159,1600],1600]],166.92500000135624,1702760,1707.2799999987183,1797995,1802335,1882564,1883014,1890724,1936.9000000006054 o;�&lt;_x001D_�_�_x001E_�&lt;wˤ��w�_x0010_�'�q���r�?�_x001D_�n��}_x0012_�s5��z���_x0012_c��Ì'j�1&gt;�._x0010_�Ӗ�_x0006_45�_x0015_Ԧ�i6�����`�ݒ���c� o���:���f~&lt;whi�|���g._x0018_b��@~�gz7�����!'~旞&gt;t��_x001F_�i��.���`r_x0001_,1],1epenm2sej9sexcv_grk0bzfqr6ozpra4,1jbixp8hst49gqxoi4tlhbh6bjz3hip_e,1yw89tbfqjbhpliyiqd1v7ne9geyrxvci,200],21.464,21.464],21.7,21.7],214.50499999991735,262.47499999954016,2623479,2643144,2693804,2708644,2805,2805],2],3,3.10</t>
  </si>
  <si>
    <t>0;0.371;0.371];0.668;0];1;1.8248175182481752];1013000;110.66500000015367;110.67499999990105;1162.0349999975588;1196;1196];12.854];1220.74000000066;1221.4500000009139;1221.8849999990198;1222.3449999983131;1223.1199999987439;1284.3749999992724;1290.9099999997125;1291.6049999985262;13.568;1303.6399999982677;1303769;1306.8099999982223;1326119;1326174;135.741;137.92000000103144;1449614;1477.3150000000896;15.344;15.344];15.552;15.552];1579287150187000];1579287151108000;1579287151677000;1579287151678000;1579287151721000;1582.777];15];16.410000000178115;16.90000000235159;1600];1600]];166.92500000135624;1702760;1707.2799999987183;1722.8749999994761;1725.6349999988743;1729.2600000000675;1797995;1802335;1882564;1883014;1890724;1936.9000000006054;1936.9000000006054 o;�&lt;_x001D_�_�_x001E_�&lt;wˤ��w�_x0010_�'�q���r�?�_x001D_�n��}_x0012_�s5��z���_x0012_c��Ì'j�1&gt;�._x0010_�Ӗ�_x0006_45�_x0015_Ԧ�i6�����`�ݒ���c� o���:���f~&lt;whi�|���g._x0018_b��@~�gz7�����!'~旞&gt;t��_x001F_�i��.���`r_x0001_;1];1epenm2sej9sexcv_grk0bzfqr6ozpra4;1jbixp8hst49gqxoi4tlhbh6bjz3hip_e;1yw89tbfqjbhpliyiqd1v7ne9geyrxvci;200];21.464;21</t>
  </si>
  <si>
    <t>http://0,0.371,0.371],0.668,0],1,1.8248175182481752],1013000,110.66500000015367,110.67499999990105,1162.0349999975588,1196,1196],12.854],1220.74000000066,1221.4500000009139,1221.8849999990198,1222.3449999983131,1223.1199999987439,1284.3749999992724,1290.9099999997125,1291.6049999985262,13.568,1303.6399999982677,1303769,1306.8099999982223,1326119,1326174,135.741,137.92000000103144,1449614,1477.3150000000896,15.344,15.344],15.552,15.552],1579287150187000],1579287151108000,1579287151677000,1579287151678000,1579287151721000,1582.777],15],16.410000000178115,16.90000000235159,1600],1600]],166.92500000135624,1702760,1707.2799999987183,1722.8749999994761,1725.6349999988743,1729.2600000000675,1797995,1802335,1882564,1883014,1890724,1936.9000000006054,1936.9000000006054 o;�&lt;_x001D_�_�_x001E_�&lt;wˤ��w�_x0010_�'�q���r�?�_x001D_�n��}_x0012_�s5��z���_x0012_c��Ì'j�1&gt;�._x0010_�Ӗ�_x0006_45�_x0015_Ԧ�i6�����`�ݒ���c� o���:���f~&lt;whi�|���g._x0018_b��@~�gz7�����!'~旞&gt;t��_x001F_�i��.���`r_x0001_,1],1epenm2sej9sexcv_grk0bzfqr6ozpra4,1jbixp8hst49gqxoi4tlhbh6bjz3hip_e,1yw89tbfqjbhpliyiqd1v7ne9geyrxvci,200],21</t>
  </si>
  <si>
    <t>0;0.371;0.371];0.668;0];1;1.8248175182481752];1013000;110.66500000015367;110.67499999990105;1162.0349999975588;1196;1196];12.854];1220.74000000066;1221.4500000009139;1221.8849999990198;1222.3449999983131;1223.1199999987439;1284.3749999992724;1290.9099999997125;1291.6049999985262;13.568;1303.6399999982677;1303769;1306.8099999982223;1326119;1326174;135.741;137.92000000103144;1449614;1477.3150000000896;15.344;15.344];15.552;15.552];1579287150187000];1579287151108000;1579287151677000;1579287151678000;1579287151721000;1582.777];15];16.410000000178115;16.90000000235159;1600];1600]];166.92500000135624;1702760;1707.2799999987183;1722.8749999994761;1725.6349999988743;1729.2600000000675;1797995;1802335;1882564;1883014;1884.954999997717;1890724;1895.8050000001094;1936.9000000006054;1936.9000000006054 o;�&lt;_x001D_�_�_x001E_�&lt;wˤ��w�_x0010_�'�q���r�?�_x001D_�n��}_x0012_�s5��z���_x0012_c��Ì'j�1&gt;�._x0010_�Ӗ�_x0006_45�_x0015_Ԧ�i6�����`�ݒ���c� o���:���f~&lt;whi�|���g._x0018_b��@~�gz7�����!'~旞&gt;t��_x001F_�i��.���`r_x0001_;1];1epenm2sej9sexcv_grk0bzfqr6ozpra4;1jbixp8hst49gqxoi4tlhbh6bjz3hip_e;1yw89tbfqjb</t>
  </si>
  <si>
    <t>http://0,0.371,0.371],0.668,0],1,1.8248175182481752],1013000,110.66500000015367,110.67499999990105,1162.0349999975588,1196,1196],12.854],1220.74000000066,1221.4500000009139,1221.8849999990198,1222.3449999983131,1223.1199999987439,1284.3749999992724,1290.9099999997125,1291.6049999985262,13.568,1303.6399999982677,1303769,1306.8099999982223,1326119,1326174,135.741,137.92000000103144,1449614,1477.3150000000896,15.344,15.344],15.552,15.552],1579287150187000],1579287151108000,1579287151677000,1579287151678000,1579287151721000,1582.777],15],16.410000000178115,16.90000000235159,1600],1600]],166.92500000135624,1702760,1707.2799999987183,1722.8749999994761,1725.6349999988743,1729.2600000000675,1797995,1802335,1882564,1883014,1884.954999997717,1890724,1895.8050000001094,1936.9000000006054,1936.9000000006054 o;�&lt;_x001D_�_�_x001E_�&lt;wˤ��w�_x0010_�'�q���r�?�_x001D_�n��}_x0012_�s5��z���_x0012_c��Ì'j�1&gt;�._x0010_�Ӗ�_x0006_45�_x0015_Ԧ�i6�����`�ݒ���c� o���:���f~&lt;whi�|���g._x0018_b��@~�gz7�����!'~旞&gt;t��_x001F_�i��.���`r_x0001_,1],1epenm2sej9sexcv_grk0bzfqr6ozpra4,1jbixp8hst49gqxoi4tlhbh6bjz3hip_e,1yw8</t>
  </si>
  <si>
    <t>01/17/2020 15:53:20</t>
  </si>
  <si>
    <t>0;0.371;0.371];0.478;0.668;0.938];0];1;1.8248175182481752];1013000;110.66500000015367;110.67499999990105;1162.0349999975588;1196;1196];12.854];1220.74000000066;1221.4500000009139;1221.8849999990198;1222.3449999983131;1223.1199999987439;1284.3749999992724;1290.9099999997125;1291.6049999985262;13.568;1303.6399999982677;1303769;1306.8099999982223;1326119;1326174;135.741;137.92000000103144;1449614;1477.3150000000896;15.344;15.344];15.552;15.552];1579287150187000];1579287151108000;1579287151677000;1579287151678000;1579287151721000;1582.777];15];16.410000000178115;16.90000000235159;1600];1600]];166.92500000135624;17.20500000010361;1702760;1707.2799999987183;1722.8749999994761;1725.6349999988743;1729.2600000000675;1797995;1802335;1882564;1883014;1884.954999997717;1890724;1895.8050000001094;1936.9000000006054;1936.9000000006054 o;�&lt;_x001D_�_�_x001E_�&lt;wˤ��w�_x0010_�'�q���r�?�_x001D_�n��}_x0012_�s5��z���_x0012_c��Ì'j�1&gt;�._x0010_�Ӗ�_x0006_45�_x0015_Ԧ�i6�����`�ݒ���c� o���:���f~&lt;whi�|���g._x0018_b��@~�gz7�����!'~旞&gt;t��_x001F_�i��.���`r_x0001_;1];1epenm2sej9sexcv_grk0bzfqr6ozpra4;1jbixp8hst49gq</t>
  </si>
  <si>
    <t>http://0,0.371,0.371],0.478,0.668,0.938],0],1,1.8248175182481752],1013000,110.66500000015367,110.67499999990105,1162.0349999975588,1196,1196],12.854],1220.74000000066,1221.4500000009139,1221.8849999990198,1222.3449999983131,1223.1199999987439,1284.3749999992724,1290.9099999997125,1291.6049999985262,13.568,1303.6399999982677,1303769,1306.8099999982223,1326119,1326174,135.741,137.92000000103144,1449614,1477.3150000000896,15.344,15.344],15.552,15.552],1579287150187000],1579287151108000,1579287151677000,1579287151678000,1579287151721000,1582.777],15],16.410000000178115,16.90000000235159,1600],1600]],166.92500000135624,17.20500000010361,1702760,1707.2799999987183,1722.8749999994761,1725.6349999988743,1729.2600000000675,1797995,1802335,1882564,1883014,1884.954999997717,1890724,1895.8050000001094,1936.9000000006054,1936.9000000006054 o;�&lt;_x001D_�_�_x001E_�&lt;wˤ��w�_x0010_�'�q���r�?�_x001D_�n��}_x0012_�s5��z���_x0012_c��Ì'j�1&gt;�._x0010_�Ӗ�_x0006_45�_x0015_Ԧ�i6�����`�ݒ���c� o���:���f~&lt;whi�|���g._x0018_b��@~�gz7�����!'~旞&gt;t��_x001F_�i��.���`r_x0001_,1],1epenm2sej9sexcv_grk0bzfqr6ozpra4,1jbixp8</t>
  </si>
  <si>
    <t>0;0.371;0.371];0.478;0.668;0.669;0.916;0.938];0];1;1.146];1.8248175182481752];1013000;110.66500000015367;110.67499999990105;1162.0349999975588;1196;1196];12.375;12.854];1220.74000000066;1221.4500000009139;1221.8849999990198;1222.3449999983131;1223.1199999987439;1284.3749999992724;1290.9099999997125;1291.6049999985262;13.568;13.975000001664739;1303.6399999982677;1303769;1306.8099999982223;1326119;1326174;135.741;137.92000000103144;1449614;1477.3150000000896;15.344;15.344];15.552;15.552];1579287150187000];1579287151108000;1579287151677000;1579287151678000;1579287151721000;1582.777];15];16.410000000178115;16.90000000235159;1600];1600]];164.89000000001397;166.92500000135624;17.20500000010361;17.641;17.641];1702760;1707.2799999987183;1722.8749999994761;1725.6349999988743;1729.2600000000675;1797995;1802335;1882564;1883014;1884.954999997717;1890724;1895.8050000001094;1936.9000000006054;1936.9000000006054 o;�&lt;_x001D_�_�_x001E_�&lt;wˤ��w�_x0010_�'�q���r�?�_x001D_�n��}_x0012_�s5��z���_x0012_c��Ì'j�1&gt;�._x0010_�Ӗ�_x0006_45�_x0015_Ԧ�i6�����`�ݒ���c� o���:���f~&lt;whi�|���g._x0018_b��@~�g</t>
  </si>
  <si>
    <t>http://0,0.371,0.371],0.478,0.668,0.669,0.916,0.938],0],1,1.146],1.8248175182481752],1013000,110.66500000015367,110.67499999990105,1162.0349999975588,1196,1196],12.375,12.854],1220.74000000066,1221.4500000009139,1221.8849999990198,1222.3449999983131,1223.1199999987439,1284.3749999992724,1290.9099999997125,1291.6049999985262,13.568,13.975000001664739,1303.6399999982677,1303769,1306.8099999982223,1326119,1326174,135.741,137.92000000103144,1449614,1477.3150000000896,15.344,15.344],15.552,15.552],1579287150187000],1579287151108000,1579287151677000,1579287151678000,1579287151721000,1582.777],15],16.410000000178115,16.90000000235159,1600],1600]],164.89000000001397,166.92500000135624,17.20500000010361,17.641,17.641],1702760,1707.2799999987183,1722.8749999994761,1725.6349999988743,1729.2600000000675,1797995,1802335,1882564,1883014,1884.954999997717,1890724,1895.8050000001094,1936.9000000006054,1936.9000000006054 o;�&lt;_x001D_�_�_x001E_�&lt;wˤ��w�_x0010_�'�q���r�?�_x001D_�n��}_x0012_�s5��z���_x0012_c��Ì'j�1&gt;�._x0010_�Ӗ�_x0006_45�_x0015_Ԧ�i6�����`�ݒ���c� o���:���f~&lt;whi�|���g._x0018_</t>
  </si>
  <si>
    <t>01/17/2020 15:53:21</t>
  </si>
  <si>
    <t>0;0.271;0.371;0.371];0.382;0.478;0.527;0.668;0.669;0.675];0.908];0.916;0.938];0];1;1.146];1.8248175182481752];1013000;11.503;11.856;11.856];110.66500000015367;110.67499999990105;1162.0349999975588;1196;1196];12.375;12.854];1220.74000000066;1221.4500000009139;1221.8849999990198;1222.3449999983131;1223.1199999987439;1284.3749999992724;1290.9099999997125;1291.6049999985262;13.568;13.975000001664739;1303.6399999982677;1303769;1306.8099999982223;1326119;1326174;135.741;137.92000000103144;1449614;1477.3150000000896;15.344;15.344];15.552;15.552];1579287150187000];1579287151108000;1579287151677000;1579287151678000;1579287151721000;1582.777];15];16.165000000910368;16.410000000178115;16.90000000235159;1600];1600]];164.89000000001397;166.92500000135624;17.20500000010361;17.641;17.641];1702760;1707.2799999987183;1722.8749999994761;1725.6349999988743;1729.2600000000675;1797995;18.887;18.887];1802335;1882564;1883014;1884.954999997717;1890724;1895.8050000001094;19.029999999474967;1936.9000000006054;1936.9000000006054 o;�&lt;_x001D_�</t>
  </si>
  <si>
    <t>http://0,0.271,0.371,0.371],0.382,0.478,0.527,0.668,0.669,0.675],0.908],0.916,0.938],0],1,1.146],1.8248175182481752],1013000,11.503,11.856,11.856],110.66500000015367,110.67499999990105,1162.0349999975588,1196,1196],12.375,12.854],1220.74000000066,1221.4500000009139,1221.8849999990198,1222.3449999983131,1223.1199999987439,1284.3749999992724,1290.9099999997125,1291.6049999985262,13.568,13.975000001664739,1303.6399999982677,1303769,1306.8099999982223,1326119,1326174,135.741,137.92000000103144,1449614,1477.3150000000896,15.344,15.344],15.552,15.552],1579287150187000],1579287151108000,1579287151677000,1579287151678000,1579287151721000,1582.777],15],16.165000000910368,16.410000000178115,16.90000000235159,1600],1600]],164.89000000001397,166.92500000135624,17.20500000010361,17.641,17.641],1702760,1707.2799999987183,1722.8749999994761,1725.6349999988743,1729.2600000000675,1797995,18.887,18.887],1802335,1882564,1883014,1884.954999997717,1890724,1895.8050000001094,19.029999999474967,1936.9000000006054,1936.9000000006054</t>
  </si>
  <si>
    <t>01/17/2020 15:53:24</t>
  </si>
  <si>
    <t>0;0.271;0.305;0.311;0.342;0.371;0.371];0.382;0.478;0.527;0.534];0.567;0.616];0.62];0.668;0.669;0.675];0.908];0.916;0.938];0.964];0];1;1.146];1.8248175182481752];10;1013000;103.717;103.717];11.503;11.856;11.856];110.66500000015367;110.67499999990105;1162.0349999975588;1196;1196];12.375;12.854];12.883;12.883];1220.74000000066;1221.4500000009139;1221.8849999990198;1222.3449999983131;1223.1199999987439;1284.3749999992724;1290.9099999997125;1291.6049999985262;13.568;13.975000001664739;1303.6399999982677;1303769;1306.8099999982223;1326119;1326174;135.741;137.28500000070198;137.92000000103144;1423.945000002277;1440.9950000008394;1449614;1460.9799999998359;1477.3150000000896;15.070000001287553;15.344;15.344];15.552;15.552];15.559999999823049;1579287150187000];1579287151108000;1579287151677000;1579287151678000;1579287151721000;1579287152891000;1582.777];15];16.159;16.159];16.165000000910368;16.410000000178115;16.90000000235159;1600];1600]];164.89000000001397;166.92500000135624;17.20500000010361;17.641;17.641];1702760;</t>
  </si>
  <si>
    <t>http://0,0.271,0.305,0.311,0.342,0.371,0.371],0.382,0.478,0.527,0.534],0.567,0.616],0.62],0.668,0.669,0.675],0.908],0.916,0.938],0.964],0],1,1.146],1.8248175182481752],10,1013000,103.717,103.717],11.503,11.856,11.856],110.66500000015367,110.67499999990105,1162.0349999975588,1196,1196],12.375,12.854],12.883,12.883],1220.74000000066,1221.4500000009139,1221.8849999990198,1222.3449999983131,1223.1199999987439,1284.3749999992724,1290.9099999997125,1291.6049999985262,13.568,13.975000001664739,1303.6399999982677,1303769,1306.8099999982223,1326119,1326174,135.741,137.28500000070198,137.92000000103144,1423.945000002277,1440.9950000008394,1449614,1460.9799999998359,1477.3150000000896,15.070000001287553,15.344,15.344],15.552,15.552],15.559999999823049,1579287150187000],1579287151108000,1579287151677000,1579287151678000,1579287151721000,1579287152891000,1582.777],15],16.159,16.159],16.165000000910368,16.410000000178115,16.90000000235159,1600],1600]],164.89000000001397,166.92500000135624,17.20500000010361,17.641,17.641],1</t>
  </si>
  <si>
    <t>01/17/2020 15:53:25</t>
  </si>
  <si>
    <t>0;0.271;0.305;0.311;0.342;0.371;0.371];0.382;0.478;0.527;0.534];0.567;0.616];0.62];0.668;0.669;0.675];0.908];0.916;0.938];0.964];0];0b75dogjxigafnloyt1ywvtfyq1ptb0llt015tnvxnelxuuvj;1;1.146];1.7152658662092624]]];1.8248175182481752];10;1013000;103.717;103.717];10341]]];11;11.503;11.856;11.856];110.66500000015367;110.67499999990105;1162.0349999975588;1196;1196];12;12.375;12.854];12.883;12.883];1220.74000000066;1221.4500000009139;1221.8849999990198;1222.3449999983131;1223.1199999987439;1284.3749999992724;1290.9099999997125;1291.6049999985262;13;13.568;13.975000001664739;1303.6399999982677;1303769;1306.8099999982223;1326119;1326174;135.741;137.28500000070198;137.92000000103144;14;1423.945000002277;1440.9950000008394;1449614;1460.9799999998359;1477.3150000000896;15.070000001287553;15.344;15.344];15.552;15.552];15.559999999823049;1579287143395714:180732305:302231857;1579287150187000];1579287151108000;1579287151677000;1579287151678000;1579287151721000;1579287152891000;1579287153014000;1579287153015000;1579287153018</t>
  </si>
  <si>
    <t>http://0,0.271,0.305,0.311,0.342,0.371,0.371],0.382,0.478,0.527,0.534],0.567,0.616],0.62],0.668,0.669,0.675],0.908],0.916,0.938],0.964],0],0b75dogjxigafnloyt1ywvtfyq1ptb0llt015tnvxnelxuuvj,1,1.146],1.7152658662092624]]],1.8248175182481752],10,1013000,103.717,103.717],10341]]],11,11.503,11.856,11.856],110.66500000015367,110.67499999990105,1162.0349999975588,1196,1196],12,12.375,12.854],12.883,12.883],1220.74000000066,1221.4500000009139,1221.8849999990198,1222.3449999983131,1223.1199999987439,1284.3749999992724,1290.9099999997125,1291.6049999985262,13,13.568,13.975000001664739,1303.6399999982677,1303769,1306.8099999982223,1326119,1326174,135.741,137.28500000070198,137.92000000103144,14,1423.945000002277,1440.9950000008394,1449614,1460.9799999998359,1477.3150000000896,15.070000001287553,15.344,15.344],15.552,15.552],15.559999999823049,1579287143395714:180732305:302231857,1579287150187000],1579287151108000,1579287151677000,1579287151678000,1579287151721000,1579287152891000,1579287153014000,1579287153015000,157928</t>
  </si>
  <si>
    <t>0;0.271;0.305;0.311;0.342;0.371;0.371];0.382;0.478;0.527;0.534];0.567;0.616];0.62];0.668;0.669;0.675];0.908];0.916;0.938];0.964];0];0b75dogjxigafnloyt1ywvtfyq1ptb0llt015tnvxnelxuuvj;0b75dogjxigafx0zxznzzv1bzt01faehowlrir3g0rjzin1jr;1;1.146];1.7152658662092624]]];1.8248175182481752];10;1013000;103.717;103.717];10341]]];11;11.503;11.856;11.856];110.66500000015367;110.67499999990105;1162.0349999975588;1196;1196];12;12.375;12.854];12.883;12.883];1220.74000000066;1221.4500000009139;1221.8849999990198;1222.3449999983131;1223.1199999987439;1284.3749999992724;1290.9099999997125;1291.6049999985262;13;13.568;13.975000001664739;1303.6399999982677;1303769;1306.8099999982223;1326119;1326174;135.741;137.28500000070198;137.92000000103144;1380;14;1423.945000002277;1440.9950000008394;1449614;1460.9799999998359;1477.3150000000896;15;15.070000001287553;15.344;15.344];15.552;15.552];15.559999999823049;1579287143395714:180732305:302231857;1579287150187000];1579287151108000;1579287151677000;1579287151678000;1579287151721000;157928</t>
  </si>
  <si>
    <t>http://0,0.271,0.305,0.311,0.342,0.371,0.371],0.382,0.478,0.527,0.534],0.567,0.616],0.62],0.668,0.669,0.675],0.908],0.916,0.938],0.964],0],0b75dogjxigafnloyt1ywvtfyq1ptb0llt015tnvxnelxuuvj,0b75dogjxigafx0zxznzzv1bzt01faehowlrir3g0rjzin1jr,1,1.146],1.7152658662092624]]],1.8248175182481752],10,1013000,103.717,103.717],10341]]],11,11.503,11.856,11.856],110.66500000015367,110.67499999990105,1162.0349999975588,1196,1196],12,12.375,12.854],12.883,12.883],1220.74000000066,1221.4500000009139,1221.8849999990198,1222.3449999983131,1223.1199999987439,1284.3749999992724,1290.9099999997125,1291.6049999985262,13,13.568,13.975000001664739,1303.6399999982677,1303769,1306.8099999982223,1326119,1326174,135.741,137.28500000070198,137.92000000103144,1380,14,1423.945000002277,1440.9950000008394,1449614,1460.9799999998359,1477.3150000000896,15,15.070000001287553,15.344,15.344],15.552,15.552],15.559999999823049,1579287143395714:180732305:302231857,1579287150187000],1579287151108000,1579287151677000,1579287151678000,1579287151721000</t>
  </si>
  <si>
    <t>"mozilla/5.0 (windows nt 6.1) applewebkit/537.36 (khtml;0;0.271;0.305;0.311;0.342;0.371;0.371];0.382;0.478;0.527;0.534];0.567;0.616];0.62];0.668;0.669;0.675];0.908];0.916;0.938];0.964];0];0b75dogjxigafnloyt1ywvtfyq1ptb0llt015tnvxnelxuuvj;0b75dogjxigafx0zxznzzv1bzt01faehowlrir3g0rjzin1jr;1;1.146];1.7152658662092624]]];1.8248175182481752];10;1013000;103.717;103.717];10341]]];11;11.503;11.856;11.856];110.66500000015367;110.67499999990105;1162.0349999975588;1196;1196];12;12.375;12.854];12.883;12.883];1220.74000000066;1221.4500000009139;1221.8849999990198;1222.3449999983131;1223.1199999987439;1284.3749999992724;1290.9099999997125;1291.6049999985262;13;13.568;13.975000001664739;1303.6399999982677;1303769;1306.8099999982223;1326119;1326174;135.741;137.28500000070198;137.92000000103144;13700014;13700109;13700167;13700185;13700235;13700451;13700563;13700607;13700883;13700946;13700951;13700982;13701078;13701139;13701207;13701214;13701235;13701239;13701262;13701276;13701298;13701418;13701422;13701430;13701450;13701458;1</t>
  </si>
  <si>
    <t>http://"mozilla/5.0 (windows nt 6.1) applewebkit/537.36 (khtml,0,0.271,0.305,0.311,0.342,0.371,0.371],0.382,0.478,0.527,0.534],0.567,0.616],0.62],0.668,0.669,0.675],0.908],0.916,0.938],0.964],0],0b75dogjxigafnloyt1ywvtfyq1ptb0llt015tnvxnelxuuvj,0b75dogjxigafx0zxznzzv1bzt01faehowlrir3g0rjzin1jr,1,1.146],1.7152658662092624]]],1.8248175182481752],10,1013000,103.717,103.717],10341]]],11,11.503,11.856,11.856],110.66500000015367,110.67499999990105,1162.0349999975588,1196,1196],12,12.375,12.854],12.883,12.883],1220.74000000066,1221.4500000009139,1221.8849999990198,1222.3449999983131,1223.1199999987439,1284.3749999992724,1290.9099999997125,1291.6049999985262,13,13.568,13.975000001664739,1303.6399999982677,1303769,1306.8099999982223,1326119,1326174,135.741,137.28500000070198,137.92000000103144,13700014,13700109,13700167,13700185,13700235,13700451,13700563,13700607,13700883,13700946,13700951,13700982,13701078,13701139,13701207,13701214,13701235,13701239,13701262,13701276,13701298,13701418,13701422,13701430,13701450,137</t>
  </si>
  <si>
    <t>"mozilla/5.0 (windows nt 6.1) applewebkit/537.36 (khtml;0;0.271;0.305;0.311;0.342;0.371;0.371];0.382;0.478;0.527;0.534];0.567;0.616];0.62];0.668;0.669;0.675];0.908];0.916;0.938];0.964];0];0b75dogjxigafnloyt1ywvtfyq1ptb0llt015tnvxnelxuuvj;0b75dogjxigafx0zxznzzv1bzt01faehowlrir3g0rjzin1jr;1;1.146];1.7152658662092624]]];1.8248175182481752];10;10000];1013000;103.717;103.717];10341]]];11;11.503;11.856;11.856];110.66500000015367;110.67499999990105;1162.0349999975588;1196;1196];12;12.375;12.854];12.883;12.883];1220.74000000066;1221.4500000009139;1221.8849999990198;1222.3449999983131;1223.1199999987439;1284.3749999992724;1290.9099999997125;1291.6049999985262;13;13.568;13.975000001664739;1303.6399999982677;1303769;1306.8099999982223;1326119;1326174;135.741;137.28500000070198;137.92000000103144;13700014;13700109;13700167;13700185;13700235;13700451;13700563;13700607;13700883;13700946;13700951;13700982;13701078;13701139;13701207;13701214;13701235;13701239;13701262;13701276;13701298;13701418;13701422;13701430;13701450;137</t>
  </si>
  <si>
    <t>http://"mozilla/5.0 (windows nt 6.1) applewebkit/537.36 (khtml,0,0.271,0.305,0.311,0.342,0.371,0.371],0.382,0.478,0.527,0.534],0.567,0.616],0.62],0.668,0.669,0.675],0.908],0.916,0.938],0.964],0],0b75dogjxigafnloyt1ywvtfyq1ptb0llt015tnvxnelxuuvj,0b75dogjxigafx0zxznzzv1bzt01faehowlrir3g0rjzin1jr,1,1.146],1.7152658662092624]]],1.8248175182481752],10,10000],1013000,103.717,103.717],10341]]],11,11.503,11.856,11.856],110.66500000015367,110.67499999990105,1162.0349999975588,1196,1196],12,12.375,12.854],12.883,12.883],1220.74000000066,1221.4500000009139,1221.8849999990198,1222.3449999983131,1223.1199999987439,1284.3749999992724,1290.9099999997125,1291.6049999985262,13,13.568,13.975000001664739,1303.6399999982677,1303769,1306.8099999982223,1326119,1326174,135.741,137.28500000070198,137.92000000103144,13700014,13700109,13700167,13700185,13700235,13700451,13700563,13700607,13700883,13700946,13700951,13700982,13701078,13701139,13701207,13701214,13701235,13701239,13701262,13701276,13701298,13701418,13701422,13701430,13701</t>
  </si>
  <si>
    <t>http:///batch/drive/v2internal?%24ct=multipart%2Fmixed%3B%20boundary%3D%22%3D%3D%3D%3D%3Dxb2auihqphg3%3D%3D%3D%3D%3D%22&amp;key=AIzaSyAy9VVXHSpS2IJpptzYtGbLP3-3_l0aBk4</t>
  </si>
  <si>
    <t>http:///batch/drive/v2internal?%24ct=multipart%2Fmixed%3B%20boundary%3D%22%3D%3D%3D%3D%3D8mm3afc6us3f%3D%3D%3D%3D%3D%22&amp;key=AIzaSyAy9VVXHSpS2IJpptzYtGbLP3-3_l0aBk4</t>
  </si>
  <si>
    <t>01/17/2020 15:53:26</t>
  </si>
  <si>
    <t>http:///batch/drive/v2internal?%24ct=multipart%2Fmixed%3B%20boundary%3D%22%3D%3D%3D%3D%3D2i8u0dvedy1w%3D%3D%3D%3D%3D%22&amp;key=AIzaSyAy9VVXHSpS2IJpptzYtGbLP3-3_l0aBk4</t>
  </si>
  <si>
    <t>http:///batch/drive/v2internal?%24ct=multipart%2Fmixed%3B%20boundary%3D%22%3D%3D%3D%3D%3Dbohb8yo5pkf8%3D%3D%3D%3D%3D%22&amp;key=AIzaSyAy9VVXHSpS2IJpptzYtGbLP3-3_l0aBk4</t>
  </si>
  <si>
    <t>01/17/2020 15:53:27</t>
  </si>
  <si>
    <t>http:///batch/drive/v2internal?%24ct=multipart%2Fmixed%3B%20boundary%3D%22%3D%3D%3D%3D%3Dhkabyqv50gu5%3D%3D%3D%3D%3D%22&amp;key=AIzaSyAy9VVXHSpS2IJpptzYtGbLP3-3_l0aBk4</t>
  </si>
  <si>
    <t>01/17/2020 15:54:34</t>
  </si>
  <si>
    <t>http:///batch/drive/v2internal?%24ct=multipart%2Fmixed%3B%20boundary%3D%22%3D%3D%3D%3D%3Drw8dv2rh570w%3D%3D%3D%3D%3D%22&amp;key=AIzaSyAy9VVXHSpS2IJpptzYtGbLP3-3_l0aBk4</t>
  </si>
  <si>
    <t>01/17/2020 15:54:14</t>
  </si>
  <si>
    <t>01/17/2020 15:56:47</t>
  </si>
  <si>
    <t>7d8fc4dc-9804-44a2-80fd-97e6af886510.tmp</t>
  </si>
  <si>
    <t>\\acsfs\profiles$\gabrielamdp\Downloads\7d8fc4dc-9804-44a2-80fd-97e6af886510.tmp</t>
  </si>
  <si>
    <t>01/17/2020 15:57:47</t>
  </si>
  <si>
    <t>01/17/2020 15:53:23</t>
  </si>
  <si>
    <t>01/17/2020 15:56:28</t>
  </si>
  <si>
    <t>16-01 RELATORIO DE LOGIN AVON - Cópia.xlsm</t>
  </si>
  <si>
    <t>\\acsfs\deptos\Operacao\PCP\5 - Comum\CONTROL DESK\2 - DAC2\Control Desk AVON\Relatorios\Status de login\2020\16-01 RELATORIO DE LOGIN AVON - Cópia.xlsm</t>
  </si>
  <si>
    <t>01/17/2020 15:57:56</t>
  </si>
  <si>
    <t>01/17/2020 15:59:47</t>
  </si>
  <si>
    <t>6606d8c9-3346-4c56-9b05-71e56fe64cc4.tmp</t>
  </si>
  <si>
    <t>\\acsfs\profiles$\leticiala\Downloads\6606d8c9-3346-4c56-9b05-71e56fe64cc4.tmp</t>
  </si>
  <si>
    <t>01/17/2020 15:59:06</t>
  </si>
  <si>
    <t>01/17/2020 16:00:47</t>
  </si>
  <si>
    <t>01/17/2020 15:59:02</t>
  </si>
  <si>
    <t>f5689c4b-f888-42dc-8605-33fc4ce676c5.tmp</t>
  </si>
  <si>
    <t>\\acsfs\profiles$\esterasg\Downloads\f5689c4b-f888-42dc-8605-33fc4ce676c5.tmp</t>
  </si>
  <si>
    <t>01/17/2020 16:01:47</t>
  </si>
  <si>
    <t>01/17/2020 15:56:59</t>
  </si>
  <si>
    <t>01/17/2020 16:02:47</t>
  </si>
  <si>
    <t>82eab848-a718-4957-8efd-deb706d047db.tmp</t>
  </si>
  <si>
    <t>\\acsfs\profiles$\brendadsl\Downloads\82eab848-a718-4957-8efd-deb706d047db.tmp</t>
  </si>
  <si>
    <t>01/17/2020 15:57:00</t>
  </si>
  <si>
    <t>22d25e13-578a-4a82-9679-1b61194b2f34.tmp</t>
  </si>
  <si>
    <t>\\acsfs\profiles$\brendadsl\Downloads\22d25e13-578a-4a82-9679-1b61194b2f34.tmp</t>
  </si>
  <si>
    <t>01/17/2020 15:57:02</t>
  </si>
  <si>
    <t>44dce675-5ea0-4889-b86c-9c5a8ae76025.tmp</t>
  </si>
  <si>
    <t>\\acsfs\profiles$\brendadsl\Downloads\44dce675-5ea0-4889-b86c-9c5a8ae76025.tmp</t>
  </si>
  <si>
    <t>e52f8369-9e5b-46eb-860c-ffe6bdc4c102.tmp</t>
  </si>
  <si>
    <t>\\acsfs\profiles$\brendadsl\Downloads\e52f8369-9e5b-46eb-860c-ffe6bdc4c102.tmp</t>
  </si>
  <si>
    <t>01/17/2020 15:57:03</t>
  </si>
  <si>
    <t>d784ffd3-52c2-4b8e-912a-3cd3803ea2e7.tmp</t>
  </si>
  <si>
    <t>\\acsfs\profiles$\brendadsl\Downloads\d784ffd3-52c2-4b8e-912a-3cd3803ea2e7.tmp</t>
  </si>
  <si>
    <t>01/17/2020 16:03:47</t>
  </si>
  <si>
    <t>01/17/2020 15:54:35</t>
  </si>
  <si>
    <t>http:///batch/drive/v2internal?%24ct=multipart%2Fmixed%3B%20boundary%3D%22%3D%3D%3D%3D%3Dfpad48j6rcyc%3D%3D%3D%3D%3D%22&amp;key=AIzaSyAy9VVXHSpS2IJpptzYtGbLP3-3_l0aBk4</t>
  </si>
  <si>
    <t>01/17/2020 15:54:36</t>
  </si>
  <si>
    <t>http:///batch/drive/v2internal?%24ct=multipart%2Fmixed%3B%20boundary%3D%22%3D%3D%3D%3D%3Dmcow5ok3glhj%3D%3D%3D%3D%3D%22&amp;key=AIzaSyAy9VVXHSpS2IJpptzYtGbLP3-3_l0aBk4</t>
  </si>
  <si>
    <t>01/17/2020 15:55:19</t>
  </si>
  <si>
    <t>http:///batch/drive/v2internal?%24ct=multipart%2Fmixed%3B%20boundary%3D%22%3D%3D%3D%3D%3D34avclwclqpx%3D%3D%3D%3D%3D%22&amp;key=AIzaSyAy9VVXHSpS2IJpptzYtGbLP3-3_l0aBk4</t>
  </si>
  <si>
    <t>http:///batch/drive/v2internal?%24ct=multipart%2Fmixed%3B%20boundary%3D%22%3D%3D%3D%3D%3Dwq7i4ick4a1h%3D%3D%3D%3D%3D%22&amp;key=AIzaSyAy9VVXHSpS2IJpptzYtGbLP3-3_l0aBk4</t>
  </si>
  <si>
    <t>01/17/2020 15:55:20</t>
  </si>
  <si>
    <t>http:///batch/drive/v2internal?%24ct=multipart%2Fmixed%3B%20boundary%3D%22%3D%3D%3D%3D%3Dvvsa0yj7badi%3D%3D%3D%3D%3D%22&amp;key=AIzaSyAy9VVXHSpS2IJpptzYtGbLP3-3_l0aBk4</t>
  </si>
  <si>
    <t>01/17/2020 15:55:29</t>
  </si>
  <si>
    <t>http:///batch/drive/v2internal?%24ct=multipart%2Fmixed%3B%20boundary%3D%22%3D%3D%3D%3D%3Djo3fk0qtifuz%3D%3D%3D%3D%3D%22&amp;key=AIzaSyAy9VVXHSpS2IJpptzYtGbLP3-3_l0aBk4</t>
  </si>
  <si>
    <t>01/17/2020 15:55:30</t>
  </si>
  <si>
    <t>http:///batch/drive/v2internal?%24ct=multipart%2Fmixed%3B%20boundary%3D%22%3D%3D%3D%3D%3Dp21sa6dfr89l%3D%3D%3D%3D%3D%22&amp;key=AIzaSyAy9VVXHSpS2IJpptzYtGbLP3-3_l0aBk4</t>
  </si>
  <si>
    <t>01/17/2020 15:55:31</t>
  </si>
  <si>
    <t>http:///batch/drive/v2internal?%24ct=multipart%2Fmixed%3B%20boundary%3D%22%3D%3D%3D%3D%3Dtvgyhh62rmly%3D%3D%3D%3D%3D%22&amp;key=AIzaSyAy9VVXHSpS2IJpptzYtGbLP3-3_l0aBk4</t>
  </si>
  <si>
    <t>01/17/2020 15:55:57</t>
  </si>
  <si>
    <t>http:///batch/drive/v2internal?%24ct=multipart%2Fmixed%3B%20boundary%3D%22%3D%3D%3D%3D%3Dp2neeqv34inf%3D%3D%3D%3D%3D%22&amp;key=AIzaSyAy9VVXHSpS2IJpptzYtGbLP3-3_l0aBk4</t>
  </si>
  <si>
    <t>01/17/2020 15:55:58</t>
  </si>
  <si>
    <t>http:///batch/drive/v2internal?%24ct=multipart%2Fmixed%3B%20boundary%3D%22%3D%3D%3D%3D%3Dkuvkgkfce6g5%3D%3D%3D%3D%3D%22&amp;key=AIzaSyAy9VVXHSpS2IJpptzYtGbLP3-3_l0aBk4</t>
  </si>
  <si>
    <t>01/17/2020 15:55:59</t>
  </si>
  <si>
    <t>http:///batch/drive/v2internal?%24ct=multipart%2Fmixed%3B%20boundary%3D%22%3D%3D%3D%3D%3Dewonb93qjjo2%3D%3D%3D%3D%3D%22&amp;key=AIzaSyAy9VVXHSpS2IJpptzYtGbLP3-3_l0aBk4</t>
  </si>
  <si>
    <t>01/17/2020 15:57:40</t>
  </si>
  <si>
    <t>\\acsfs\Deptos\Operacao\Banco_Votorantim\Supervisao\Rai Carlos\</t>
  </si>
  <si>
    <t>Links uteis.txt</t>
  </si>
  <si>
    <t>\\acsfs\Deptos\Operacao\Banco_Votorantim\Supervisao\Rai Carlos\Links uteis.txt</t>
  </si>
  <si>
    <t>01/17/2020 16:00:33</t>
  </si>
  <si>
    <t>01/17/2020 16:00:35</t>
  </si>
  <si>
    <t>01/17/2020 15:59:26</t>
  </si>
  <si>
    <t>01/17/2020 16:04:47</t>
  </si>
  <si>
    <t>01/17/2020 16:00:37</t>
  </si>
  <si>
    <t>01/17/2020 16:00:57</t>
  </si>
  <si>
    <t>01/17/2020 16:01:16</t>
  </si>
  <si>
    <t>01/17/2020 16:01:27</t>
  </si>
  <si>
    <t>01/17/2020 16:01:50</t>
  </si>
  <si>
    <t>01/17/2020 16:04:07</t>
  </si>
  <si>
    <t>01/17/2020 16:05:48</t>
  </si>
  <si>
    <t>01/17/2020 16:06:47</t>
  </si>
  <si>
    <t>01/17/2020 16:08:47</t>
  </si>
  <si>
    <t>01/17/2020 16:03:34</t>
  </si>
  <si>
    <t>\\acsfs\ACS\Gabriel da Silva\Contemporânea\BDBV\65A47560.tmp\</t>
  </si>
  <si>
    <t>\\acsfs\ACS\Gabriel da Silva\Contemporânea\BDBV\65A47560.tmp\:Zone.Identifier:$DATA</t>
  </si>
  <si>
    <t>Controle_op_vendas - ALGAR.xlsx</t>
  </si>
  <si>
    <t>\\acsfs\ACS\Gabriel da Silva\Contemporânea\BDBV\Controle_op_vendas - ALGAR.xlsx</t>
  </si>
  <si>
    <t>01/17/2020 16:04:06</t>
  </si>
  <si>
    <t>\\acsfs\ACS\Gabriel da Silva\Contemporânea\BDBV\C4FFD397.tmp\</t>
  </si>
  <si>
    <t>\\acsfs\ACS\Gabriel da Silva\Contemporânea\BDBV\C4FFD397.tmp\:Zone.Identifier:$DATA</t>
  </si>
  <si>
    <t>01/17/2020 16:05:44</t>
  </si>
  <si>
    <t>\\acsfs\ACS\Gabriel da Silva\Contemporânea\BDBV\1E229B59.tmp\</t>
  </si>
  <si>
    <t>\\acsfs\ACS\Gabriel da Silva\Contemporânea\BDBV\1E229B59.tmp\:Zone.Identifier:$DATA</t>
  </si>
  <si>
    <t>01/17/2020 16:08:40</t>
  </si>
  <si>
    <t>01/17/2020 16:09:47</t>
  </si>
  <si>
    <t>d5aaaf5f-bdc0-4e14-8dd7-fe92660a5e54.tmp</t>
  </si>
  <si>
    <t>\\acsfs\profiles$\gabrielamdp\Downloads\d5aaaf5f-bdc0-4e14-8dd7-fe92660a5e54.tmp</t>
  </si>
  <si>
    <t>8a8a08c0-6518-468b-a6a1-ae45d7fb10b1.tmp</t>
  </si>
  <si>
    <t>\\acsfs\profiles$\gabrielamdp\Downloads\8a8a08c0-6518-468b-a6a1-ae45d7fb10b1.tmp</t>
  </si>
  <si>
    <t>01/17/2020 16:08:41</t>
  </si>
  <si>
    <t>b78f21cb-b4ff-4396-b604-67e9809248b1.tmp</t>
  </si>
  <si>
    <t>\\acsfs\profiles$\gabrielamdp\Downloads\b78f21cb-b4ff-4396-b604-67e9809248b1.tmp</t>
  </si>
  <si>
    <t>01/17/2020 16:06:59</t>
  </si>
  <si>
    <t>34bc6c10-2dec-42ac-8f40-059bd6202260.tmp</t>
  </si>
  <si>
    <t>\\acsfs\profiles$\geovannasm\Downloads\34bc6c10-2dec-42ac-8f40-059bd6202260.tmp</t>
  </si>
  <si>
    <t>01/17/2020 16:05:35</t>
  </si>
  <si>
    <t>Relatorio de Vendas - Auditoria BV Cartoes (Janeiro)...cliente.xlsx</t>
  </si>
  <si>
    <t>\\acsfs\DEPTOS\Operacao\Banco_Votorantim\Qualidade\Anderson\Jose\Atualizado\Relatorio de Vendas - Auditoria BV Cartoes (Janeiro)...cliente.xlsx</t>
  </si>
  <si>
    <t>01/17/2020 16:07:39</t>
  </si>
  <si>
    <t>01/17/2020 16:07:58</t>
  </si>
  <si>
    <t>mail.google.com/_/upload?authuser=0&amp;dcp=asu-n&amp;upload_id=AEnB2Uqu6b6ctbJW_r7X_ka8edre88NgGXWO3T-cF5wV8pjuimXuMG17Rn2rpmXbPILa0mV8YdvKR1LfyBCPSpN6LxpvJli2bg&amp;upload_protocol=resumable</t>
  </si>
  <si>
    <t>Modelo Funil - Consolidado Reneg Oficial Validado.xlsx</t>
  </si>
  <si>
    <t>01/17/2020 16:08:04</t>
  </si>
  <si>
    <t>01/17/2020 16:10:47</t>
  </si>
  <si>
    <t>CLIENTE LORENA ARAUJO DE ANDRADE.pdf</t>
  </si>
  <si>
    <t>\\acsfs\Deptos\EDUCACAO EMPRESARIAL\FERNANDA MONIT\Fernanda\RECLAMAÇÃO E OUVIDORIA\CLIENTE LORENA ARAUJO DE ANDRADE.pdf</t>
  </si>
  <si>
    <t>01/17/2020 16:09:27</t>
  </si>
  <si>
    <t>01/17/2020 16:09:39</t>
  </si>
  <si>
    <t>01/17/2020 16:09:43</t>
  </si>
  <si>
    <t>01/17/2020 16:07:40</t>
  </si>
  <si>
    <t>01/17/2020 16:11:48</t>
  </si>
  <si>
    <t>01/17/2020 16:09:00</t>
  </si>
  <si>
    <t>01/17/2020 16:12:48</t>
  </si>
  <si>
    <t>9ae783bc-f681-488f-b6a2-1624e4e8c748.tmp</t>
  </si>
  <si>
    <t>\\acsfs\profiles$\brendadsl\Downloads\9ae783bc-f681-488f-b6a2-1624e4e8c748.tmp</t>
  </si>
  <si>
    <t>01/17/2020 16:10:55</t>
  </si>
  <si>
    <t>01/17/2020 16:08:42</t>
  </si>
  <si>
    <t>01/17/2020 16:13:49</t>
  </si>
  <si>
    <t>01/17/2020 16:10:18</t>
  </si>
  <si>
    <t>01/17/2020 16:12:16</t>
  </si>
  <si>
    <t>01/17/2020 16:10:24</t>
  </si>
  <si>
    <t>01/17/2020 16:15:48</t>
  </si>
  <si>
    <t>01/17/2020 16:10:28</t>
  </si>
  <si>
    <t>01/17/2020 16:11:55</t>
  </si>
  <si>
    <t>01/17/2020 16:16:48</t>
  </si>
  <si>
    <t>01/17/2020 16:14:35</t>
  </si>
  <si>
    <t>01/17/2020 16:17:47</t>
  </si>
  <si>
    <t>01/17/2020 16:14:14</t>
  </si>
  <si>
    <t>01/17/2020 16:19:48</t>
  </si>
  <si>
    <t>fernandaab@algartech.com;</t>
  </si>
  <si>
    <t>01/17/2020 16:20:48</t>
  </si>
  <si>
    <t>01/17/2020 16:17:43</t>
  </si>
  <si>
    <t>4282156c-37f7-4e50-a557-c6ed7be7d837.tmp</t>
  </si>
  <si>
    <t>\\acsfs\profiles$\brunalas\Downloads\4282156c-37f7-4e50-a557-c6ed7be7d837.tmp</t>
  </si>
  <si>
    <t>01/17/2020 16:19:14</t>
  </si>
  <si>
    <t>b3913515-bec6-49da-8ab8-9eee628198c6.tmp</t>
  </si>
  <si>
    <t>\\acsfs\profiles$\philipegsf\Downloads\b3913515-bec6-49da-8ab8-9eee628198c6.tmp</t>
  </si>
  <si>
    <t>01/17/2020 16:21:48</t>
  </si>
  <si>
    <t>01/17/2020 16:17:56</t>
  </si>
  <si>
    <t>01/17/2020 16:22:48</t>
  </si>
  <si>
    <t>01/17/2020 16:23:06</t>
  </si>
  <si>
    <t>01/17/2020 16:23:48</t>
  </si>
  <si>
    <t>5d94f2d5-e1ec-4889-a794-e491fdfdb586.tmp</t>
  </si>
  <si>
    <t>\\acsfs\profiles$\gabrielsma\Downloads\5d94f2d5-e1ec-4889-a794-e491fdfdb586.tmp</t>
  </si>
  <si>
    <t>01/17/2020 16:23:08</t>
  </si>
  <si>
    <t>\\acsfs\ACS\Gabriel da Silva\Contemporânea\VENDAS\Q29udHJvbGxlci5Xb3Jrc3BhY2UtRGVza3RvcC1F.ica.crdownload</t>
  </si>
  <si>
    <t>01/17/2020 16:21:02</t>
  </si>
  <si>
    <t>01/17/2020 16:23:18</t>
  </si>
  <si>
    <t>01/17/2020 16:25:48</t>
  </si>
  <si>
    <t>01/17/2020 16:20:22</t>
  </si>
  <si>
    <t>01/17/2020 16:20:23</t>
  </si>
  <si>
    <t>lu294483tbyil.tmp</t>
  </si>
  <si>
    <t>\\acsfs\profiles$\victoriaksr\My Documents\lu294483tbyil.tmp</t>
  </si>
  <si>
    <t>01/17/2020 16:20:39</t>
  </si>
  <si>
    <t>01/17/2020 16:20:40</t>
  </si>
  <si>
    <t>lu294483tbyiv.tmp</t>
  </si>
  <si>
    <t>\\acsfs\profiles$\victoriaksr\My Documents\lu294483tbyiv.tmp</t>
  </si>
  <si>
    <t>01/17/2020 16:21:14</t>
  </si>
  <si>
    <t>\\acsfs\profiles$\victoriaksr\Downloads\.~lock.Status Filas.xlsx#</t>
  </si>
  <si>
    <t>01/17/2020 16:26:48</t>
  </si>
  <si>
    <t>01/17/2020 16:27:48</t>
  </si>
  <si>
    <t>01/17/2020 16:24:11</t>
  </si>
  <si>
    <t>69f7b629-e73f-433a-b84a-54ecb7fb2fc0.tmp</t>
  </si>
  <si>
    <t>\\acsfs\profiles$\DALVADFB\Downloads\69f7b629-e73f-433a-b84a-54ecb7fb2fc0.tmp</t>
  </si>
  <si>
    <t>01/17/2020 16:22:24</t>
  </si>
  <si>
    <t>b4a729e5-5c76-4c19-a174-c75cacdc7be1.tmp</t>
  </si>
  <si>
    <t>\\acsfs\profiles$\brendadsl\Downloads\b4a729e5-5c76-4c19-a174-c75cacdc7be1.tmp</t>
  </si>
  <si>
    <t>01/17/2020 16:27:16</t>
  </si>
  <si>
    <t>7326c940-6370-41ce-9efb-02bbe8b25119.tmp</t>
  </si>
  <si>
    <t>\\acsfs\profiles$\rosileiam\Downloads\7326c940-6370-41ce-9efb-02bbe8b25119.tmp</t>
  </si>
  <si>
    <t>01/17/2020 16:28:48</t>
  </si>
  <si>
    <t>01/17/2020 16:24:31</t>
  </si>
  <si>
    <t>01/17/2020 16:30:48</t>
  </si>
  <si>
    <t>01/17/2020 16:25:44</t>
  </si>
  <si>
    <t>01/17/2020 16:25:50</t>
  </si>
  <si>
    <t>01/17/2020 16:31:48</t>
  </si>
  <si>
    <t>01/17/2020 16:32:48</t>
  </si>
  <si>
    <t>01/17/2020 16:29:08</t>
  </si>
  <si>
    <t>1eb7632c-2adc-40d7-a7ca-8ed64522fe3b.tmp</t>
  </si>
  <si>
    <t>\\acsfs\profiles$\andressamf\Downloads\1eb7632c-2adc-40d7-a7ca-8ed64522fe3b.tmp</t>
  </si>
  <si>
    <t>01/17/2020 16:26:56</t>
  </si>
  <si>
    <t>e88d4e43-8dd1-4884-a3da-b192c0bdbb66.tmp</t>
  </si>
  <si>
    <t>\\acsfs\profiles$\DALVADFB\Downloads\e88d4e43-8dd1-4884-a3da-b192c0bdbb66.tmp</t>
  </si>
  <si>
    <t>01/17/2020 16:28:04</t>
  </si>
  <si>
    <t>765f7a2b-fb70-400a-9fb3-f65806bcd9ef.tmp</t>
  </si>
  <si>
    <t>\\acsfs\profiles$\rosileiam\Downloads\765f7a2b-fb70-400a-9fb3-f65806bcd9ef.tmp</t>
  </si>
  <si>
    <t>01/17/2020 16:28:59</t>
  </si>
  <si>
    <t>e47ac8a7-eba3-44e6-83ca-1e2b39247845.tmp</t>
  </si>
  <si>
    <t>\\acsfs\profiles$\rosileiam\Downloads\e47ac8a7-eba3-44e6-83ca-1e2b39247845.tmp</t>
  </si>
  <si>
    <t>01/17/2020 16:30:09</t>
  </si>
  <si>
    <t>c6620c20-6482-4ddf-ac70-a8ce63d73ee3.tmp</t>
  </si>
  <si>
    <t>\\acsfs\profiles$\rosileiam\Downloads\c6620c20-6482-4ddf-ac70-a8ce63d73ee3.tmp</t>
  </si>
  <si>
    <t>01/17/2020 16:28:42</t>
  </si>
  <si>
    <t>01/17/2020 16:33:47</t>
  </si>
  <si>
    <t>a0569b44-687d-42c2-990b-0eef0f6b381d.tmp</t>
  </si>
  <si>
    <t>\\acsfs\profiles$\brunalas\Downloads\a0569b44-687d-42c2-990b-0eef0f6b381d.tmp</t>
  </si>
  <si>
    <t>01/17/2020 16:30:10</t>
  </si>
  <si>
    <t>b1b9a616-5ffe-4680-9828-e9a4267690ad.tmp</t>
  </si>
  <si>
    <t>\\acsfs\profiles$\brunalas\Downloads\b1b9a616-5ffe-4680-9828-e9a4267690ad.tmp</t>
  </si>
  <si>
    <t>01/17/2020 16:30:27</t>
  </si>
  <si>
    <t>01/17/2020 16:32:40</t>
  </si>
  <si>
    <t>01/17/2020 16:34:48</t>
  </si>
  <si>
    <t>bvcartes-supervisores@algarnet.onmicrosoft.com;leonardoao@algartech.com;ricardodfm@algartech.com;</t>
  </si>
  <si>
    <t>bvcartes-supervisores@algarnet.onmicrosoft.com,leonardoao@algartech.com,ricardodfm@algartech.com</t>
  </si>
  <si>
    <t>01/17/2020 16:32:55</t>
  </si>
  <si>
    <t>01/17/2020 16:33:15</t>
  </si>
  <si>
    <t>01/17/2020 16:33:31</t>
  </si>
  <si>
    <t>bvcartes-supervisores@algarnet.onmicrosoft.com;leonardoao@algartech.com;ricardodfm@algartech.com;thiagordu@algartech.com;</t>
  </si>
  <si>
    <t>bvcartes-supervisores@algarnet.onmicrosoft.com,leonardoao@algartech.com,ricardodfm@algartech.com,thiagordu@algartech.com</t>
  </si>
  <si>
    <t>01/17/2020 16:33:34</t>
  </si>
  <si>
    <t>01/17/2020 16:33:51</t>
  </si>
  <si>
    <t>01/17/2020 16:34:06</t>
  </si>
  <si>
    <t>01/17/2020 16:36:48</t>
  </si>
  <si>
    <t>01/17/2020 16:31:05</t>
  </si>
  <si>
    <t>bcc6be72-632d-41d0-9fdc-f21a8e22cdaa.tmp</t>
  </si>
  <si>
    <t>\\acsfs\profiles$\myllenardl\Downloads\bcc6be72-632d-41d0-9fdc-f21a8e22cdaa.tmp</t>
  </si>
  <si>
    <t>01/17/2020 16:37:47</t>
  </si>
  <si>
    <t>01/17/2020 16:34:21</t>
  </si>
  <si>
    <t>01/17/2020 16:38:48</t>
  </si>
  <si>
    <t>4d9a786c-305d-4f87-a854-4137c56b3250.tmp</t>
  </si>
  <si>
    <t>\\acsfs\profiles$\ingridsm\Downloads\4d9a786c-305d-4f87-a854-4137c56b3250.tmp</t>
  </si>
  <si>
    <t>01/17/2020 16:37:29</t>
  </si>
  <si>
    <t>01/17/2020 16:39:48</t>
  </si>
  <si>
    <t>\\acsfs\Deptos\Operacao\Banco_Votorantim\Comum\00 - COMUM - BV CARTÕES\</t>
  </si>
  <si>
    <t>01/17/2020 16:36:28</t>
  </si>
  <si>
    <t>01/17/2020 16:40:48</t>
  </si>
  <si>
    <t>e743cc93-f553-474d-851d-f8839056819f.tmp</t>
  </si>
  <si>
    <t>\\acsfs\profiles$\fernandofs\Downloads\e743cc93-f553-474d-851d-f8839056819f.tmp</t>
  </si>
  <si>
    <t>01/17/2020 16:37:12</t>
  </si>
  <si>
    <t>01/17/2020 16:41:47</t>
  </si>
  <si>
    <t>10.200.67.35</t>
  </si>
  <si>
    <t>78-2B-CB-C1-07-55</t>
  </si>
  <si>
    <t>VOTORANT-JB010</t>
  </si>
  <si>
    <t>lorenacagf</t>
  </si>
  <si>
    <t>lorenacagf@bv.algartech.com</t>
  </si>
  <si>
    <t>https://udpmailboxap01.acs.com.br:8443/h/search?si=17&amp;so=0&amp;sc=77636&amp;sfi=6&amp;st=conversation&amp;action=compose&amp;paction=rowview</t>
  </si>
  <si>
    <t>https://flaviacno@algartech.com</t>
  </si>
  <si>
    <t>01/17/2020 16:42:48</t>
  </si>
  <si>
    <t>01/17/2020 16:40:42</t>
  </si>
  <si>
    <t>01/17/2020 16:43:47</t>
  </si>
  <si>
    <t>01/17/2020 16:41:46</t>
  </si>
  <si>
    <t>01/17/2020 16:42:42</t>
  </si>
  <si>
    <t>01/17/2020 16:41:50</t>
  </si>
  <si>
    <t>01/17/2020 16:44:48</t>
  </si>
  <si>
    <t>e1fc5c72-53d0-483e-ac41-37b30f1d5021.tmp</t>
  </si>
  <si>
    <t>\\acsfs\profiles$\paulohaf\Downloads\e1fc5c72-53d0-483e-ac41-37b30f1d5021.tmp</t>
  </si>
  <si>
    <t>01/17/2020 16:42:33</t>
  </si>
  <si>
    <t>1cb407e2-0fb7-458f-8374-3a9f2e66472b.tmp</t>
  </si>
  <si>
    <t>\\acsfs\profiles$\paulohaf\Downloads\1cb407e2-0fb7-458f-8374-3a9f2e66472b.tmp</t>
  </si>
  <si>
    <t>01/17/2020 16:42:59</t>
  </si>
  <si>
    <t>4cc9e2d8-a4cd-4134-b400-75f87007971a.tmp</t>
  </si>
  <si>
    <t>\\acsfs\profiles$\paulohaf\Downloads\4cc9e2d8-a4cd-4134-b400-75f87007971a.tmp</t>
  </si>
  <si>
    <t>01/17/2020 16:44:41</t>
  </si>
  <si>
    <t>01/17/2020 16:45:47</t>
  </si>
  <si>
    <t>lu294483tbyjf.tmp</t>
  </si>
  <si>
    <t>\\acsfs\profiles$\victoriaksr\Downloads\lu294483tbyjf.tmp</t>
  </si>
  <si>
    <t>01/17/2020 16:46:48</t>
  </si>
  <si>
    <t>01/17/2020 16:47:47</t>
  </si>
  <si>
    <t>01/17/2020 16:48:48</t>
  </si>
  <si>
    <t>01/17/2020 16:47:28</t>
  </si>
  <si>
    <t>01/17/2020 16:45:14</t>
  </si>
  <si>
    <t>01/17/2020 16:49:47</t>
  </si>
  <si>
    <t>\\acsfs\Deptos\EDUCACAO EMPRESARIAL\KÉSIA\Thumbs.db</t>
  </si>
  <si>
    <t>01/17/2020 16:46:56</t>
  </si>
  <si>
    <t>01/17/2020 16:47:17</t>
  </si>
  <si>
    <t>01/17/2020 16:51:48</t>
  </si>
  <si>
    <t>2092d698-6620-492e-b5b8-59deaef3d9b7.tmp</t>
  </si>
  <si>
    <t>\\acsfs\profiles$\fabianobmf\Downloads\2092d698-6620-492e-b5b8-59deaef3d9b7.tmp</t>
  </si>
  <si>
    <t>01/17/2020 16:52:48</t>
  </si>
  <si>
    <t>01/17/2020 16:51:16</t>
  </si>
  <si>
    <t>01/17/2020 16:48:49</t>
  </si>
  <si>
    <t>01/17/2020 16:53:48</t>
  </si>
  <si>
    <t>mail.google.com/sync/u/0/i/s?hl=pt-BR&amp;c=1626</t>
  </si>
  <si>
    <t>01/17/2020 16:49:12</t>
  </si>
  <si>
    <t>mail.google.com/sync/u/0/i/s?hl=pt-BR&amp;c=1630</t>
  </si>
  <si>
    <t>01/17/2020 16:49:21</t>
  </si>
  <si>
    <t>01/17/2020 16:49:27</t>
  </si>
  <si>
    <t>01/17/2020 16:51:01</t>
  </si>
  <si>
    <t>mail.google.com/sync/u/0/i/s?hl=pt-BR&amp;c=1640</t>
  </si>
  <si>
    <t>01/17/2020 16:51:08</t>
  </si>
  <si>
    <t>mail.google.com/sync/u/0/i/s?hl=pt-BR&amp;c=1642</t>
  </si>
  <si>
    <t>01/17/2020 16:51:12</t>
  </si>
  <si>
    <t>mail.google.com/sync/u/0/i/s?hl=pt-BR&amp;c=1644</t>
  </si>
  <si>
    <t>01/17/2020 16:51:17</t>
  </si>
  <si>
    <t>mail.google.com/sync/u/0/i/s?hl=pt-BR&amp;c=1646</t>
  </si>
  <si>
    <t>01/17/2020 16:52:39</t>
  </si>
  <si>
    <t>mail.google.com/sync/u/0/i/s?hl=pt-BR&amp;c=1652</t>
  </si>
  <si>
    <t>01/17/2020 16:52:45</t>
  </si>
  <si>
    <t>mail.google.com/sync/u/0/i/s?hl=pt-BR&amp;c=1654</t>
  </si>
  <si>
    <t>01/17/2020 16:48:50</t>
  </si>
  <si>
    <t>27a07680-9ae6-4a5e-b883-1c1fa5e26553.tmp</t>
  </si>
  <si>
    <t>\\acsfs\profiles$\ingridsm\Downloads\27a07680-9ae6-4a5e-b883-1c1fa5e26553.tmp</t>
  </si>
  <si>
    <t>01/17/2020 16:50:51</t>
  </si>
  <si>
    <t>01/17/2020 16:51:06</t>
  </si>
  <si>
    <t>01/17/2020 16:52:25</t>
  </si>
  <si>
    <t>01/17/2020 16:55:48</t>
  </si>
  <si>
    <t>01/17/2020 16:52:35</t>
  </si>
  <si>
    <t>01/17/2020 16:54:00</t>
  </si>
  <si>
    <t>01/17/2020 16:56:48</t>
  </si>
  <si>
    <t>01/17/2020 16:57:48</t>
  </si>
  <si>
    <t>01/17/2020 16:52:56</t>
  </si>
  <si>
    <t>01/17/2020 16:58:47</t>
  </si>
  <si>
    <t>mail.google.com/sync/u/0/i/s?hl=pt-BR&amp;c=1656</t>
  </si>
  <si>
    <t>01/17/2020 16:53:03</t>
  </si>
  <si>
    <t>01/17/2020 16:53:15</t>
  </si>
  <si>
    <t>01/17/2020 16:53:35</t>
  </si>
  <si>
    <t>mail.google.com/sync/u/0/i/s?hl=pt-BR&amp;c=1663</t>
  </si>
  <si>
    <t>01/17/2020 16:53:43</t>
  </si>
  <si>
    <t>mail.google.com/sync/u/0/i/s?hl=pt-BR&amp;c=1671</t>
  </si>
  <si>
    <t>01/17/2020 16:53:54</t>
  </si>
  <si>
    <t>mail.google.com/sync/u/0/i/s?hl=pt-BR&amp;c=1674</t>
  </si>
  <si>
    <t>01/17/2020 16:56:05</t>
  </si>
  <si>
    <t>01/17/2020 16:56:17</t>
  </si>
  <si>
    <t>e176d4b5-8a23-4cab-b776-0d32a5e0b2b8.tmp</t>
  </si>
  <si>
    <t>\\acsfs\profiles$\gabrielsma\Downloads\e176d4b5-8a23-4cab-b776-0d32a5e0b2b8.tmp</t>
  </si>
  <si>
    <t>01/17/2020 16:56:42</t>
  </si>
  <si>
    <t>Não confirmado 391960.crdownload</t>
  </si>
  <si>
    <t>\\acsfs\ACS\Gabriel da Silva\Contemporânea\Acessos\Não confirmado 391960.crdownload</t>
  </si>
  <si>
    <t>01/17/2020 17:02:47</t>
  </si>
  <si>
    <t>01/17/2020 17:02:48</t>
  </si>
  <si>
    <t>01/17/2020 16:59:25</t>
  </si>
  <si>
    <t>01/17/2020 17:03:48</t>
  </si>
  <si>
    <t>76b50212-6604-4949-a12d-9c5813e98ab2.tmp</t>
  </si>
  <si>
    <t>\\acsfs\profiles$\laylaams\Downloads\76b50212-6604-4949-a12d-9c5813e98ab2.tmp</t>
  </si>
  <si>
    <t>01/17/2020 16:59:29</t>
  </si>
  <si>
    <t>17-01 RELATORIO DE LOGIN AVON.xlsm</t>
  </si>
  <si>
    <t>\\acsfs\deptos\Operacao\PCP\5 - Comum\CONTROL DESK\2 - DAC2\Control Desk AVON\Relatorios\Status de login\2020\17-01 RELATORIO DE LOGIN AVON.xlsm</t>
  </si>
  <si>
    <t>01/17/2020 17:02:13</t>
  </si>
  <si>
    <t>01/17/2020 17:06:48</t>
  </si>
  <si>
    <t>01/17/2020 17:05:09</t>
  </si>
  <si>
    <t>c64e7131-c319-4029-bb28-91845635f1a1.tmp</t>
  </si>
  <si>
    <t>\\acsfs\profiles$\andreapdsg\Downloads\c64e7131-c319-4029-bb28-91845635f1a1.tmp</t>
  </si>
  <si>
    <t>01/17/2020 17:07:48</t>
  </si>
  <si>
    <t>01/17/2020 17:04:02</t>
  </si>
  <si>
    <t>01/17/2020 17:08:47</t>
  </si>
  <si>
    <t>01/17/2020 17:11:48</t>
  </si>
  <si>
    <t>01/17/2020 17:10:05</t>
  </si>
  <si>
    <t>01/17/2020 17:10:06</t>
  </si>
  <si>
    <t>lu13880d73z.tmp</t>
  </si>
  <si>
    <t>\\acsfs\profiles$\lucasgpe\Desktop\lu13880d73z.tmp</t>
  </si>
  <si>
    <t>\\acsfs\profiles$\lucasgpe\Desktop\lu13880d73z.tmp\</t>
  </si>
  <si>
    <t>\\acsfs\profiles$\lucasgpe\Desktop\lu13880d73z.tmp\META-INF\</t>
  </si>
  <si>
    <t>\\acsfs\profiles$\lucasgpe\Desktop\lu13880d73z.tmp\Thumbnails\</t>
  </si>
  <si>
    <t>01/17/2020 17:12:48</t>
  </si>
  <si>
    <t>01/17/2020 17:09:18</t>
  </si>
  <si>
    <t>01/17/2020 17:13:48</t>
  </si>
  <si>
    <t>01/17/2020 17:09:54</t>
  </si>
  <si>
    <t>01/17/2020 17:13:16</t>
  </si>
  <si>
    <t>01/17/2020 17:14:49</t>
  </si>
  <si>
    <t>a96c90b9-b303-4032-9ce5-02c91b19780a.tmp</t>
  </si>
  <si>
    <t>\\acsfs\profiles$\gabrielamdp\Downloads\a96c90b9-b303-4032-9ce5-02c91b19780a.tmp</t>
  </si>
  <si>
    <t>01/17/2020 17:16:48</t>
  </si>
  <si>
    <t>01/17/2020 17:12:15</t>
  </si>
  <si>
    <t>1427d38f-7d2b-4d1d-ad0b-21b9ec28f68f.tmp</t>
  </si>
  <si>
    <t>\\acsfs\profiles$\nayaranao\Downloads\1427d38f-7d2b-4d1d-ad0b-21b9ec28f68f.tmp</t>
  </si>
  <si>
    <t>01/17/2020 17:17:48</t>
  </si>
  <si>
    <t>01/17/2020 17:15:15</t>
  </si>
  <si>
    <t>01/17/2020 17:18:48</t>
  </si>
  <si>
    <t>https://100014082285011,100014122394468,andrelpsa@algartech.com,cpc-controldeskavon@algartech.com,joaogvc@algartech.com,joseasn@algartech.com,josiascdsj@algartech.com,leonardoao@algartech.com,marianadjc@algartech.com,maristelavodq@bv.algartech.com,paulacn@algartech.com,qualidadealgarbv@algartech.com,supervisaobancovotorantim@algartech.com,taysdss@algartech.com,thiagolrc@bv.algartech.com</t>
  </si>
  <si>
    <t>01/17/2020 17:16:29</t>
  </si>
  <si>
    <t>01/17/2020 17:17:38</t>
  </si>
  <si>
    <t>01/17/2020 17:18:10</t>
  </si>
  <si>
    <t>01/17/2020 17:15:54</t>
  </si>
  <si>
    <t>b1eff121-d026-4acd-abd0-464f6b8a1984.tmp</t>
  </si>
  <si>
    <t>\\acsfs\profiles$\edicarlosdl\Downloads\b1eff121-d026-4acd-abd0-464f6b8a1984.tmp</t>
  </si>
  <si>
    <t>01/17/2020 17:20:48</t>
  </si>
  <si>
    <t>01/17/2020 17:17:19</t>
  </si>
  <si>
    <t>26b86e5c-d900-4a6c-b45d-7517477fa685.tmp</t>
  </si>
  <si>
    <t>\\acsfs\profiles$\fernandofs\Downloads\26b86e5c-d900-4a6c-b45d-7517477fa685.tmp</t>
  </si>
  <si>
    <t>01/17/2020 17:20:40</t>
  </si>
  <si>
    <t>c77fd647-b443-4683-8c78-78de76359ddd.tmp</t>
  </si>
  <si>
    <t>\\acsfs\profiles$\philipegsf\Downloads\c77fd647-b443-4683-8c78-78de76359ddd.tmp</t>
  </si>
  <si>
    <t>01/17/2020 17:22:48</t>
  </si>
  <si>
    <t>01/17/2020 17:23:48</t>
  </si>
  <si>
    <t>01/17/2020 17:20:25</t>
  </si>
  <si>
    <t>01/17/2020 17:21:02</t>
  </si>
  <si>
    <t>01/17/2020 17:24:45</t>
  </si>
  <si>
    <t>01/17/2020 17:25:48</t>
  </si>
  <si>
    <t>lu643567qhidl.tmp</t>
  </si>
  <si>
    <t>\\acsfs\profiles$\LORRAYNEVAM\lu643567qhidl.tmp</t>
  </si>
  <si>
    <t>\\acsfs\profiles$\LORRAYNEVAM\lu643567qhidl.tmp\</t>
  </si>
  <si>
    <t>\\acsfs\profiles$\LORRAYNEVAM\lu643567qhidl.tmp\META-INF\</t>
  </si>
  <si>
    <t>\\acsfs\profiles$\LORRAYNEVAM\lu643567qhidl.tmp\Thumbnails\</t>
  </si>
  <si>
    <t>01/17/2020 17:22:26</t>
  </si>
  <si>
    <t>01/17/2020 17:26:48</t>
  </si>
  <si>
    <t>XLOG_marcosvnds_17012020_103227.log</t>
  </si>
  <si>
    <t>\\acsfs\profiles$\marcosvnds\My Documents\xworkcenter\logs\XLOG_marcosvnds_17012020_103227.log</t>
  </si>
  <si>
    <t>01/17/2020 17:27:48</t>
  </si>
  <si>
    <t>01/17/2020 17:25:28</t>
  </si>
  <si>
    <t>01/17/2020 17:28:48</t>
  </si>
  <si>
    <t>mail.google.com/sync/u/0/i/s?hl=pt-BR&amp;c=1690</t>
  </si>
  <si>
    <t>01/17/2020 17:25:49</t>
  </si>
  <si>
    <t>mail.google.com/sync/u/0/i/s?hl=pt-BR&amp;c=1692</t>
  </si>
  <si>
    <t>01/17/2020 17:26:05</t>
  </si>
  <si>
    <t>mail.google.com/sync/u/0/i/s?hl=pt-BR&amp;c=1695</t>
  </si>
  <si>
    <t>01/17/2020 17:26:11</t>
  </si>
  <si>
    <t>mail.google.com/sync/u/0/i/s?hl=pt-BR&amp;c=1697</t>
  </si>
  <si>
    <t>01/17/2020 17:26:51</t>
  </si>
  <si>
    <t>mail.google.com/sync/u/0/i/s?hl=pt-BR&amp;c=1700</t>
  </si>
  <si>
    <t>01/17/2020 17:26:57</t>
  </si>
  <si>
    <t>mail.google.com/sync/u/0/i/s?hl=pt-BR&amp;c=1702</t>
  </si>
  <si>
    <t>01/17/2020 17:27:04</t>
  </si>
  <si>
    <t>mail.google.com/sync/u/0/i/s?hl=pt-BR&amp;c=1704</t>
  </si>
  <si>
    <t>100014082285011;algartechcpcbv@bv.algartech.com;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viniciussg@algartech.com;</t>
  </si>
  <si>
    <t>100014082285011,algartechcpcbv@bv.algartech.com,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viniciussg@algartech.com</t>
  </si>
  <si>
    <t>01/17/2020 17:27:17</t>
  </si>
  <si>
    <t>algartechcpcbv@bv.algartech.com;andrelpsa@algartech.com;br accept-language: pt-br;catianalv@algartech.com;cpc-controldeskavon@algartech.com;deflate;en-us;q=0.8;en;q=0.7 cookie: asp.net_sessionid=g2kqixv24fuoqyraarp2qp31; __requestverificationtoken=jefofh95oejbf6bisbxsr0_wpp9pamco8ex8of7lzks-21qb7aw14fqy3v6nhakbhn4jhpllcoccpvzklo5thhpc3e3crhvccubzm2qfe0k1; _ga=ga1.3.1078855568.1579181971; _gid=ga1.3.705401020.1579181971; _hjid=9e68604e-794d-444d-bd28-9b83750d2fc3; tp_stylesheet=light_blue; tp_layout_mode=wide; footer_bg=dark; .aspxformsauth=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t>
  </si>
  <si>
    <t>algartechcpcbv@bv.algartech.com,andrelpsa@algartech.com,br accept-language: pt-br,catianalv@algartech.com,cpc-controldeskavon@algartech.com,deflate,en-us;q=0.8,en;q=0.7 cookie: asp.net_sessionid=g2kqixv24fuoqyraarp2qp31; __requestverificationtoken=jefofh95oejbf6bisbxsr0_wpp9pamco8ex8of7lzks-21qb7aw14fqy3v6nhakbhn4jhpllcoccpvzklo5thhpc3e3crhvccubzm2qfe0k1; _ga=ga1.3.1078855568.1579181971; _gid=ga1.3.705401020.1579181971; _hjid=9e68604e-794d-444d-bd28-9b83750d2fc3; tp_stylesheet=light_blue; tp_layout_mode=wide; footer_bg=dark; .aspxformsauth=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t>
  </si>
  <si>
    <t>01/17/2020 17:27:25</t>
  </si>
  <si>
    <t>mail.google.com/sync/u/0/i/s?hl=pt-BR&amp;c=1709</t>
  </si>
  <si>
    <t>01/17/2020 17:27:26</t>
  </si>
  <si>
    <t>01/17/2020 17:24:24</t>
  </si>
  <si>
    <t>01/17/2020 17:25:50</t>
  </si>
  <si>
    <t>.~lock.Pasta2.xlsx#</t>
  </si>
  <si>
    <t>\\acsfs\ACS\Gabriel da Silva\Contemporânea\Acessos\.~lock.Pasta2.xlsx#</t>
  </si>
  <si>
    <t>01/17/2020 17:31:48</t>
  </si>
  <si>
    <t>01/17/2020 16:12:15</t>
  </si>
  <si>
    <t>lu838069xf1c.tmp</t>
  </si>
  <si>
    <t>\\acsfs\profiles$\rafaelacdoc\lu838069xf1c.tmp</t>
  </si>
  <si>
    <t>\\acsfs\profiles$\rafaelacdoc\lu838069xf1c.tmp\</t>
  </si>
  <si>
    <t>\\acsfs\profiles$\rafaelacdoc\lu838069xf1c.tmp\META-INF\</t>
  </si>
  <si>
    <t>\\acsfs\profiles$\rafaelacdoc\lu838069xf1c.tmp\Thumbnails\</t>
  </si>
  <si>
    <t>01/17/2020 17:32:48</t>
  </si>
  <si>
    <t>01/17/2020 17:33:49</t>
  </si>
  <si>
    <t>01/17/2020 17:29:52</t>
  </si>
  <si>
    <t>mail.google.com/sync/u/0/i/s?hl=pt-BR&amp;c=1713</t>
  </si>
  <si>
    <t>01/17/2020 17:29:56</t>
  </si>
  <si>
    <t>mail.google.com/sync/u/0/i/s?hl=pt-BR&amp;c=1715</t>
  </si>
  <si>
    <t>01/17/2020 17:30:00</t>
  </si>
  <si>
    <t>mail.google.com/sync/u/0/i/s?hl=pt-BR&amp;c=1717</t>
  </si>
  <si>
    <t>01/17/2020 17:30:05</t>
  </si>
  <si>
    <t>mail.google.com/sync/u/0/i/s?hl=pt-BR&amp;c=1720</t>
  </si>
  <si>
    <t>01/17/2020 17:30:11</t>
  </si>
  <si>
    <t>mail.google.com/sync/u/0/i/s?hl=pt-BR&amp;c=1722</t>
  </si>
  <si>
    <t>01/17/2020 17:30:47</t>
  </si>
  <si>
    <t>mail.google.com/sync/u/0/i/fd?hl=pt-BR&amp;c=1721</t>
  </si>
  <si>
    <t>01/17/2020 17:31:00</t>
  </si>
  <si>
    <t>mail.google.com/sync/u/0/i/s?hl=pt-BR&amp;c=1729</t>
  </si>
  <si>
    <t>01/17/2020 17:31:01</t>
  </si>
  <si>
    <t>01/17/2020 17:31:10</t>
  </si>
  <si>
    <t>01/17/2020 17:31:43</t>
  </si>
  <si>
    <t>mail.google.com/sync/u/0/i/s?hl=pt-BR&amp;c=1753</t>
  </si>
  <si>
    <t>01/17/2020 17:31:54</t>
  </si>
  <si>
    <t>mail.google.com/sync/u/0/i/s?hl=pt-BR&amp;c=1755</t>
  </si>
  <si>
    <t>01/17/2020 17:32:00</t>
  </si>
  <si>
    <t>mail.google.com/sync/u/0/i/s?hl=pt-BR&amp;c=1758</t>
  </si>
  <si>
    <t>01/17/2020 17:32:17</t>
  </si>
  <si>
    <t>mail.google.com/sync/u/0/i/s?hl=pt-BR&amp;c=1761</t>
  </si>
  <si>
    <t>01/17/2020 17:32:36</t>
  </si>
  <si>
    <t>mail.google.com/sync/u/0/i/s?hl=pt-BR&amp;c=1763</t>
  </si>
  <si>
    <t>100014082285011;100014122394468;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100014082285011,100014122394468,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01/17/2020 17:32:42</t>
  </si>
  <si>
    <t>mail.google.com/sync/u/0/i/s?hl=pt-BR&amp;c=1765</t>
  </si>
  <si>
    <t>01/17/2020 17:32:33</t>
  </si>
  <si>
    <t>01/17/2020 17:33:45</t>
  </si>
  <si>
    <t>01/17/2020 17:35:48</t>
  </si>
  <si>
    <t>01/17/2020 17:35:36</t>
  </si>
  <si>
    <t>01/17/2020 17:36:48</t>
  </si>
  <si>
    <t>e5bbd69c-f4b9-47a3-a80f-ca91198d491a.tmp</t>
  </si>
  <si>
    <t>\\acsfs\profiles$\mariajaf\Downloads\e5bbd69c-f4b9-47a3-a80f-ca91198d491a.tmp</t>
  </si>
  <si>
    <t>01/17/2020 17:37:48</t>
  </si>
  <si>
    <t>01/17/2020 17:37:20</t>
  </si>
  <si>
    <t>01/17/2020 17:37:23</t>
  </si>
  <si>
    <t>01/17/2020 17:37:25</t>
  </si>
  <si>
    <t>01/17/2020 17:37:27</t>
  </si>
  <si>
    <t>01/17/2020 17:37:28</t>
  </si>
  <si>
    <t>01/17/2020 17:37:29</t>
  </si>
  <si>
    <t>01/17/2020 17:37:30</t>
  </si>
  <si>
    <t>01/17/2020 17:37:31</t>
  </si>
  <si>
    <t>01/17/2020 17:37:32</t>
  </si>
  <si>
    <t>01/17/2020 17:37:33</t>
  </si>
  <si>
    <t>01/17/2020 17:37:34</t>
  </si>
  <si>
    <t>01/17/2020 17:37:35</t>
  </si>
  <si>
    <t>01/17/2020 17:37:36</t>
  </si>
  <si>
    <t>01/17/2020 17:37:38</t>
  </si>
  <si>
    <t>01/17/2020 17:37:39</t>
  </si>
  <si>
    <t>01/17/2020 17:38:48</t>
  </si>
  <si>
    <t>01/17/2020 17:36:52</t>
  </si>
  <si>
    <t>.~lock.Acompanhamento de solicitações.xlsm#</t>
  </si>
  <si>
    <t>\\acsfs\ACS\Gabriel da Silva\Contemporânea\Acessos\.~lock.Acompanhamento de solicitações.xlsm#</t>
  </si>
  <si>
    <t>01/17/2020 17:38:24</t>
  </si>
  <si>
    <t>01/17/2020 17:39:48</t>
  </si>
  <si>
    <t>01/17/2020 17:37:55</t>
  </si>
  <si>
    <t>01/17/2020 17:37:40</t>
  </si>
  <si>
    <t>01/17/2020 17:41:48</t>
  </si>
  <si>
    <t>fe984e57-28e4-429a-92f4-224eea565335.tmp</t>
  </si>
  <si>
    <t>\\acsfs\profiles$\mariajaf\Downloads\fe984e57-28e4-429a-92f4-224eea565335.tmp</t>
  </si>
  <si>
    <t>01/17/2020 17:42:48</t>
  </si>
  <si>
    <t>01/17/2020 17:37:42</t>
  </si>
  <si>
    <t>01/17/2020 17:37:43</t>
  </si>
  <si>
    <t>01/17/2020 17:37:44</t>
  </si>
  <si>
    <t>01/17/2020 17:37:45</t>
  </si>
  <si>
    <t>01/17/2020 17:37:46</t>
  </si>
  <si>
    <t>01/17/2020 17:37:47</t>
  </si>
  <si>
    <t>01/17/2020 17:37:49</t>
  </si>
  <si>
    <t>01/17/2020 17:37:50</t>
  </si>
  <si>
    <t>01/17/2020 17:37:51</t>
  </si>
  <si>
    <t>01/17/2020 17:37:52</t>
  </si>
  <si>
    <t>01/17/2020 17:37:53</t>
  </si>
  <si>
    <t>01/17/2020 17:37:54</t>
  </si>
  <si>
    <t>01/17/2020 17:37:56</t>
  </si>
  <si>
    <t>01/17/2020 17:37:57</t>
  </si>
  <si>
    <t>01/17/2020 17:37:59</t>
  </si>
  <si>
    <t>01/17/2020 17:38:00</t>
  </si>
  <si>
    <t>01/17/2020 17:38:01</t>
  </si>
  <si>
    <t>01/17/2020 17:38:02</t>
  </si>
  <si>
    <t>01/17/2020 17:38:04</t>
  </si>
  <si>
    <t>01/17/2020 17:38:05</t>
  </si>
  <si>
    <t>01/17/2020 17:38:06</t>
  </si>
  <si>
    <t>01/17/2020 17:38:23</t>
  </si>
  <si>
    <t>01/17/2020 17:39:37</t>
  </si>
  <si>
    <t>7bb9d376-66a4-4198-8c01-43e13fd114c9.tmp</t>
  </si>
  <si>
    <t>\\acsfs\profiles$\taylaedoa\Downloads\7bb9d376-66a4-4198-8c01-43e13fd114c9.tmp</t>
  </si>
  <si>
    <t>01/17/2020 17:41:00</t>
  </si>
  <si>
    <t>bcbd8e73-5aff-49a1-802e-56197af81ab6.tmp</t>
  </si>
  <si>
    <t>\\acsfs\profiles$\taylaedoa\Downloads\bcbd8e73-5aff-49a1-802e-56197af81ab6.tmp</t>
  </si>
  <si>
    <t>01/17/2020 17:41:35</t>
  </si>
  <si>
    <t>b8a56aec-49f9-4aaa-815d-5939b2c388ef.tmp</t>
  </si>
  <si>
    <t>\\acsfs\profiles$\taylaedoa\Downloads\b8a56aec-49f9-4aaa-815d-5939b2c388ef.tmp</t>
  </si>
  <si>
    <t>01/17/2020 17:42:53</t>
  </si>
  <si>
    <t>01/17/2020 17:43:48</t>
  </si>
  <si>
    <t>ce8e8172-afea-40f7-998e-fa1d0ccb5e3c.tmp</t>
  </si>
  <si>
    <t>\\acsfs\profiles$\ingridsm\Downloads\ce8e8172-afea-40f7-998e-fa1d0ccb5e3c.tmp</t>
  </si>
  <si>
    <t>01/17/2020 17:38:46</t>
  </si>
  <si>
    <t>\\acsfs\deptos\Operacao\PCP\5 - Comum\LEONARDO ALVES\</t>
  </si>
  <si>
    <t>Bases.xlsx</t>
  </si>
  <si>
    <t>\\acsfs\deptos\Operacao\PCP\5 - Comum\LEONARDO ALVES\Bases.xlsx</t>
  </si>
  <si>
    <t>01/17/2020 17:39:21</t>
  </si>
  <si>
    <t>https://100014082285011,algartechcpcbv@bv.algartech.com,andrelpsa@algartech.com,cpc-controldeskavon@algartech.com,joaogvc@algartech.com,joseasn@algartech.com,josiascdsj@algartech.com,leonardoao@algartech.com,luiz.henriquesantos@avon.com,marianadjc@algartech.com,maristelavodq@bv.algartech.com,paulacn@algartech.com,qualidadealgarbv@algartech.com,ricardodfm@algartech.com.br,supervisaobancovotorantim@algartech.com,taysdss@algartech.com,thiagolrc@bv.algartech.com,viniciussg@algartech.com</t>
  </si>
  <si>
    <t>01/17/2020 17:39:33</t>
  </si>
  <si>
    <t>https://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01/17/2020 17:39:41</t>
  </si>
  <si>
    <t>100014082285011;100014122394468;100014239771614;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https://100014082285011,100014122394468,100014239771614,algartechcpcbv@bv.algartech.com,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01/17/2020 17:39:49</t>
  </si>
  <si>
    <t>100014239771614;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https://100014239771614,andrelpsa@algartech.com,cpc-controldeskavon@algartech.com,joaogvc@algartech.com,joseasn@algartech.com,josiascdsj@algartech.com,leonardoao@algartech.com,marianadjc@algartech.com,maristelavodq@bv.algartech.com,paulacn@algartech.com,qualidadealgarbv@algartech.com,ricardodfm@algartech.com.br,supervisaobancovotorantim@algartech.com,taysdss@algartech.com,thiagolrc@bv.algartech.com</t>
  </si>
  <si>
    <t>01/17/2020 17:40:27</t>
  </si>
  <si>
    <t>01/17/2020 17:40:53</t>
  </si>
  <si>
    <t>01/17/2020 17:41:18</t>
  </si>
  <si>
    <t>01/17/2020 17:42:04</t>
  </si>
  <si>
    <t>20171b06-832b-424c-b3dd-dadc54f7b2f4.tmp</t>
  </si>
  <si>
    <t>\\acsfs\profiles$\gabrielsma\Downloads\20171b06-832b-424c-b3dd-dadc54f7b2f4.tmp</t>
  </si>
  <si>
    <t>01/17/2020 17:42:11</t>
  </si>
  <si>
    <t>01/17/2020 17:43:08</t>
  </si>
  <si>
    <t>85aea960-5834-48ac-bcbd-0cab84e98f18.tmp</t>
  </si>
  <si>
    <t>\\acsfs\profiles$\gabrielsma\Downloads\85aea960-5834-48ac-bcbd-0cab84e98f18.tmp</t>
  </si>
  <si>
    <t>01/17/2020 17:43:11</t>
  </si>
  <si>
    <t>Q29udHJvbGxlci5GaXJlZm94.ica.crdownload</t>
  </si>
  <si>
    <t>\\acsfs\ACS\Gabriel da Silva\Contemporânea\Acessos\Q29udHJvbGxlci5GaXJlZm94.ica.crdownload</t>
  </si>
  <si>
    <t>01/17/2020 17:42:32</t>
  </si>
  <si>
    <t>01/17/2020 17:42:59</t>
  </si>
  <si>
    <t>01/17/2020 17:43:15</t>
  </si>
  <si>
    <t>01/17/2020 17:43:16</t>
  </si>
  <si>
    <t>01/17/2020 17:45:48</t>
  </si>
  <si>
    <t>01/17/2020 17:43:05</t>
  </si>
  <si>
    <t>91a4d8b3-4662-4aa1-ade7-beec780ab49e.tmp</t>
  </si>
  <si>
    <t>\\acsfs\profiles$\leonardocb\Downloads\91a4d8b3-4662-4aa1-ade7-beec780ab49e.tmp</t>
  </si>
  <si>
    <t>01/17/2020 17:43:14</t>
  </si>
  <si>
    <t>643a9b6a-927b-4367-8a20-3dd449439d4a.tmp</t>
  </si>
  <si>
    <t>\\acsfs\profiles$\leonardocb\Downloads\643a9b6a-927b-4367-8a20-3dd449439d4a.tmp</t>
  </si>
  <si>
    <t>01/17/2020 17:43:30</t>
  </si>
  <si>
    <t>efe4f4fc-13b0-4ad0-85d1-b08ca5555da5.tmp</t>
  </si>
  <si>
    <t>\\acsfs\profiles$\leonardocb\Downloads\efe4f4fc-13b0-4ad0-85d1-b08ca5555da5.tmp</t>
  </si>
  <si>
    <t>01/17/2020 17:45:18</t>
  </si>
  <si>
    <t>cd180a5f-3137-4740-b15e-1046e2832cfa.tmp</t>
  </si>
  <si>
    <t>\\acsfs\profiles$\leonardocb\Downloads\cd180a5f-3137-4740-b15e-1046e2832cfa.tmp</t>
  </si>
  <si>
    <t>01/17/2020 17:47:48</t>
  </si>
  <si>
    <t>01/17/2020 17:46:39</t>
  </si>
  <si>
    <t>01/17/2020 17:48:48</t>
  </si>
  <si>
    <t>Apuracao (1).xlsx</t>
  </si>
  <si>
    <t>01/17/2020 17:46:54</t>
  </si>
  <si>
    <t>01/17/2020 17:47:11</t>
  </si>
  <si>
    <t>01/17/2020 17:52:48</t>
  </si>
  <si>
    <t>01/17/2020 17:53:47</t>
  </si>
  <si>
    <t>01/17/2020 17:50:37</t>
  </si>
  <si>
    <t>01/17/2020 17:50:32</t>
  </si>
  <si>
    <t>01/17/2020 17:50:49</t>
  </si>
  <si>
    <t>01/17/2020 17:51:04</t>
  </si>
  <si>
    <t>01/17/2020 17:51:15</t>
  </si>
  <si>
    <t>01/17/2020 17:52:10</t>
  </si>
  <si>
    <t>01/17/2020 17:52:29</t>
  </si>
  <si>
    <t>01/17/2020 17:52:45</t>
  </si>
  <si>
    <t>625756658&amp;gjid=1026454159&amp;_gid=300901494.1579202474&amp;_u=aacaamaaaaaaac~&amp;z=666599295 http</t>
  </si>
  <si>
    <t>01/17/2020 17:52:40</t>
  </si>
  <si>
    <t>01/17/2020 17:54:48</t>
  </si>
  <si>
    <t>01/17/2020 17:51:32</t>
  </si>
  <si>
    <t>01/17/2020 17:55:47</t>
  </si>
  <si>
    <t>3d0bf165-049a-4e3c-a2f3-2d6a9015bf5c.tmp</t>
  </si>
  <si>
    <t>\\acsfs\profiles$\Adrieledgc\Downloads\3d0bf165-049a-4e3c-a2f3-2d6a9015bf5c.tmp</t>
  </si>
  <si>
    <t>01/17/2020 17:54:05</t>
  </si>
  <si>
    <t>14d7dd2b-2dc1-40d9-bba6-3c66fdb1f924.tmp</t>
  </si>
  <si>
    <t>\\acsfs\profiles$\Adrieledgc\Downloads\14d7dd2b-2dc1-40d9-bba6-3c66fdb1f924.tmp</t>
  </si>
  <si>
    <t>01/17/2020 17:57:47</t>
  </si>
  <si>
    <t>01/17/2020 17:55:42</t>
  </si>
  <si>
    <t>99c69d63-7bb6-4c75-8189-a6b9b1f1feee.tmp</t>
  </si>
  <si>
    <t>\\acsfs\profiles$\gabrielsma\Downloads\99c69d63-7bb6-4c75-8189-a6b9b1f1feee.tmp</t>
  </si>
  <si>
    <t>01/17/2020 17:55:46</t>
  </si>
  <si>
    <t>01/17/2020 17:58:48</t>
  </si>
  <si>
    <t>01/17/2020 17:55:44</t>
  </si>
  <si>
    <t>898ad482-790e-4199-9b49-ce873b9c6395;</t>
  </si>
  <si>
    <t>https://algar.folhasinergyrh.com.br/funcionario/uploadfoto?identificador=22174&amp;isworkflow=true</t>
  </si>
  <si>
    <t>andrelpsa@algartech.com;true;</t>
  </si>
  <si>
    <t>https://andrelpsa@algartech.com,true</t>
  </si>
  <si>
    <t>01/17/2020 17:55:50</t>
  </si>
  <si>
    <t>Não confirmado 430902.crdownload</t>
  </si>
  <si>
    <t>\\acsfs\Deptos\Operacao\Banco_Votorantim\Supervisao\Maristela\CRBV vendas\Desligamento\Não confirmado 430902.crdownload</t>
  </si>
  <si>
    <t>01/17/2020 17:56:18</t>
  </si>
  <si>
    <t>Denner - rescisão.7z</t>
  </si>
  <si>
    <t>\\acsfs\Deptos\Operacao\Banco_Votorantim\Supervisao\Maristela\CRBV vendas\Desligamento\Denner - rescisão.7z</t>
  </si>
  <si>
    <t>\\acsfs\Deptos\Operacao\Banco_Votorantim\Supervisao\Maristela\CRBV vendas\Desligamento\Denner - rescisão.7z\</t>
  </si>
  <si>
    <t>Denner - rescisÃ£o.pdf</t>
  </si>
  <si>
    <t>01/17/2020 17:57:17</t>
  </si>
  <si>
    <t>01/17/2020 17:58:23</t>
  </si>
  <si>
    <t>01/17/2020 17:58:27</t>
  </si>
  <si>
    <t>https://algar.folhasinergyrh.com.br/rescisao/upload?id=0&amp;idsolicitacao=0&amp;idprerescisao=2102</t>
  </si>
  <si>
    <t>01/17/2020 17:54:11</t>
  </si>
  <si>
    <t>01/17/2020 17:54:22</t>
  </si>
  <si>
    <t>01/17/2020 17:54:33</t>
  </si>
  <si>
    <t>01/17/2020 17:58:11</t>
  </si>
  <si>
    <t>01/17/2020 17:59:47</t>
  </si>
  <si>
    <t>1453e365-97de-43d7-9fae-66314e725c05.tmp</t>
  </si>
  <si>
    <t>\\acsfs\profiles$\regisedsj\Downloads\1453e365-97de-43d7-9fae-66314e725c05.tmp</t>
  </si>
  <si>
    <t>01/17/2020 17:58:47</t>
  </si>
  <si>
    <t>01/17/2020 18:00:48</t>
  </si>
  <si>
    <t>01/17/2020 18:02:48</t>
  </si>
  <si>
    <t>01/17/2020 18:02:25</t>
  </si>
  <si>
    <t>01/17/2020 18:03:48</t>
  </si>
  <si>
    <t>01/17/2020 18:02:47</t>
  </si>
  <si>
    <t>01/17/2020 18:03:13</t>
  </si>
  <si>
    <t>01/17/2020 18:04:48</t>
  </si>
  <si>
    <t>01/17/2020 18:01:59</t>
  </si>
  <si>
    <t>de81031e-bbcd-45fd-93ee-1eeed3a2c5ab.tmp</t>
  </si>
  <si>
    <t>\\acsfs\profiles$\regisedsj\Downloads\de81031e-bbcd-45fd-93ee-1eeed3a2c5ab.tmp</t>
  </si>
  <si>
    <t>01/17/2020 18:05:48</t>
  </si>
  <si>
    <t>60b05418-8c9c-474c-a5d7-f2bc41b83c5d.tmp</t>
  </si>
  <si>
    <t>\\acsfs\profiles$\fernandofs\Downloads\60b05418-8c9c-474c-a5d7-f2bc41b83c5d.tmp</t>
  </si>
  <si>
    <t>01/17/2020 18:07:48</t>
  </si>
  <si>
    <t>01/17/2020 18:07:49</t>
  </si>
  <si>
    <t>01/17/2020 18:05:24</t>
  </si>
  <si>
    <t>24f4eb59-b709-4262-93f1-02b7b79d5dc7.tmp</t>
  </si>
  <si>
    <t>\\acsfs\profiles$\gabrielsma\Downloads\24f4eb59-b709-4262-93f1-02b7b79d5dc7.tmp</t>
  </si>
  <si>
    <t>01/17/2020 18:05:28</t>
  </si>
  <si>
    <t>01/17/2020 18:06:34</t>
  </si>
  <si>
    <t>01/17/2020 18:08:48</t>
  </si>
  <si>
    <t>01/17/2020 18:04:57</t>
  </si>
  <si>
    <t>01/17/2020 18:05:13</t>
  </si>
  <si>
    <t>01/17/2020 18:05:31</t>
  </si>
  <si>
    <t>01/17/2020 18:12:47</t>
  </si>
  <si>
    <t>01/17/2020 18:11:05</t>
  </si>
  <si>
    <t>01/17/2020 18:15:47</t>
  </si>
  <si>
    <t>01/17/2020 18:12:26</t>
  </si>
  <si>
    <t>01/17/2020 18:12:07</t>
  </si>
  <si>
    <t>01/17/2020 18:16:48</t>
  </si>
  <si>
    <t>13117cfa-bf47-4fb8-840a-b88cc07004aa.tmp</t>
  </si>
  <si>
    <t>\\acsfs\profiles$\andreapdsg\Downloads\13117cfa-bf47-4fb8-840a-b88cc07004aa.tmp</t>
  </si>
  <si>
    <t>01/17/2020 18:17:48</t>
  </si>
  <si>
    <t>01/17/2020 18:18:48</t>
  </si>
  <si>
    <t>01/17/2020 18:17:25</t>
  </si>
  <si>
    <t>12663f92-dc08-4521-aca5-7c3678ad1807.tmp</t>
  </si>
  <si>
    <t>\\acsfs\profiles$\joycemmdl\Downloads\12663f92-dc08-4521-aca5-7c3678ad1807.tmp</t>
  </si>
  <si>
    <t>01/17/2020 18:18:22</t>
  </si>
  <si>
    <t>67e6d1b4-2a94-456f-b9e1-ac3f427d82c4.tmp</t>
  </si>
  <si>
    <t>\\acsfs\profiles$\joycemmdl\Downloads\67e6d1b4-2a94-456f-b9e1-ac3f427d82c4.tmp</t>
  </si>
  <si>
    <t>01/17/2020 18:16:58</t>
  </si>
  <si>
    <t>01/17/2020 18:20:48</t>
  </si>
  <si>
    <t>01/17/2020 18:17:20</t>
  </si>
  <si>
    <t>01/17/2020 18:17:23</t>
  </si>
  <si>
    <t>01/17/2020 18:17:33</t>
  </si>
  <si>
    <t>01/17/2020 18:17:57</t>
  </si>
  <si>
    <t>01/17/2020 18:18:29</t>
  </si>
  <si>
    <t>01/17/2020 18:18:32</t>
  </si>
  <si>
    <t>01/17/2020 18:19:55</t>
  </si>
  <si>
    <t>10.200.66.55</t>
  </si>
  <si>
    <t>78-2B-CB-C1-07-72</t>
  </si>
  <si>
    <t>VOTORANT-IB020</t>
  </si>
  <si>
    <t>cassianogc</t>
  </si>
  <si>
    <t>\\acsfs\profiles$\cassianogc\Downloads\</t>
  </si>
  <si>
    <t>bebe84c1-a4fd-4b9e-a0dc-3d4fef1a4c0b.tmp</t>
  </si>
  <si>
    <t>\\acsfs\profiles$\cassianogc\Downloads\bebe84c1-a4fd-4b9e-a0dc-3d4fef1a4c0b.tmp</t>
  </si>
  <si>
    <t>01/17/2020 18:19:18</t>
  </si>
  <si>
    <t>01/17/2020 18:21:48</t>
  </si>
  <si>
    <t>01/17/2020 18:22:48</t>
  </si>
  <si>
    <t>01/17/2020 18:23:48</t>
  </si>
  <si>
    <t>01/17/2020 18:19:46</t>
  </si>
  <si>
    <t>aa0e62b3-654e-4775-a5bb-f819e1b5c25d.tmp</t>
  </si>
  <si>
    <t>\\acsfs\profiles$\brunalas\Downloads\aa0e62b3-654e-4775-a5bb-f819e1b5c25d.tmp</t>
  </si>
  <si>
    <t>01/17/2020 18:21:07</t>
  </si>
  <si>
    <t>01/17/2020 18:25:48</t>
  </si>
  <si>
    <t>01/17/2020 18:23:55</t>
  </si>
  <si>
    <t>01/17/2020 18:23:10</t>
  </si>
  <si>
    <t>1f7551b7-b814-4247-8125-063bd19f665c.tmp</t>
  </si>
  <si>
    <t>\\acsfs\profiles$\victorgl\Downloads\1f7551b7-b814-4247-8125-063bd19f665c.tmp</t>
  </si>
  <si>
    <t>01/17/2020 18:24:27</t>
  </si>
  <si>
    <t>01/17/2020 18:22:40</t>
  </si>
  <si>
    <t>01/17/2020 18:26:48</t>
  </si>
  <si>
    <t>01/17/2020 18:22:26</t>
  </si>
  <si>
    <t>01/17/2020 18:22:39</t>
  </si>
  <si>
    <t>01/17/2020 18:27:48</t>
  </si>
  <si>
    <t>01/17/2020 18:23:03</t>
  </si>
  <si>
    <t>bd4cfb77-ab54-4adf-80aa-863020360513.tmp</t>
  </si>
  <si>
    <t>\\acsfs\profiles$\erichds\Downloads\bd4cfb77-ab54-4adf-80aa-863020360513.tmp</t>
  </si>
  <si>
    <t>01/17/2020 18:27:30</t>
  </si>
  <si>
    <t>01/17/2020 18:28:47</t>
  </si>
  <si>
    <t>01/17/2020 18:27:41</t>
  </si>
  <si>
    <t>01/17/2020 18:27:52</t>
  </si>
  <si>
    <t>01/17/2020 18:26:21</t>
  </si>
  <si>
    <t>01/17/2020 18:30:48</t>
  </si>
  <si>
    <t>01/17/2020 18:26:26</t>
  </si>
  <si>
    <t>01/17/2020 18:26:31</t>
  </si>
  <si>
    <t>01/17/2020 18:26:32</t>
  </si>
  <si>
    <t>01/17/2020 18:26:35</t>
  </si>
  <si>
    <t>01/17/2020 18:26:04</t>
  </si>
  <si>
    <t>01/17/2020 18:26:25</t>
  </si>
  <si>
    <t>01/17/2020 18:27:02</t>
  </si>
  <si>
    <t>01/17/2020 18:29:55</t>
  </si>
  <si>
    <t>01/17/2020 18:29:03</t>
  </si>
  <si>
    <t>01/17/2020 18:31:48</t>
  </si>
  <si>
    <t>01/17/2020 18:32:49</t>
  </si>
  <si>
    <t>01/17/2020 18:33:07</t>
  </si>
  <si>
    <t>01/17/2020 18:35:47</t>
  </si>
  <si>
    <t>01/17/2020 18:33:30</t>
  </si>
  <si>
    <t>01/17/2020 18:30:24</t>
  </si>
  <si>
    <t>6a11d411-67bd-45bf-a715-3cf798717d87.tmp</t>
  </si>
  <si>
    <t>\\acsfs\profiles$\victorgl\Downloads\6a11d411-67bd-45bf-a715-3cf798717d87.tmp</t>
  </si>
  <si>
    <t>01/17/2020 18:30:29</t>
  </si>
  <si>
    <t>ff8553f4-3b8f-4aed-a5ad-bd42c75b9c64.tmp</t>
  </si>
  <si>
    <t>\\acsfs\profiles$\victorgl\Downloads\ff8553f4-3b8f-4aed-a5ad-bd42c75b9c64.tmp</t>
  </si>
  <si>
    <t>01/17/2020 18:31:22</t>
  </si>
  <si>
    <t>5a2fe3af-d27b-4c7f-ac53-093d9f9bcb9d.tmp</t>
  </si>
  <si>
    <t>\\acsfs\profiles$\victorgl\Downloads\5a2fe3af-d27b-4c7f-ac53-093d9f9bcb9d.tmp</t>
  </si>
  <si>
    <t>01/17/2020 18:34:03</t>
  </si>
  <si>
    <t>01/17/2020 18:32:01</t>
  </si>
  <si>
    <t>01/17/2020 18:37:48</t>
  </si>
  <si>
    <t>01/17/2020 18:38:48</t>
  </si>
  <si>
    <t>01/17/2020 18:34:17</t>
  </si>
  <si>
    <t>01/17/2020 18:39:49</t>
  </si>
  <si>
    <t>284effbf-920b-4e7b-9dbb-fede0bdd8601.tmp</t>
  </si>
  <si>
    <t>\\acsfs\profiles$\gabrielamdp\Downloads\284effbf-920b-4e7b-9dbb-fede0bdd8601.tmp</t>
  </si>
  <si>
    <t>01/17/2020 18:35:14</t>
  </si>
  <si>
    <t>01/17/2020 18:40:48</t>
  </si>
  <si>
    <t>01/17/2020 18:35:50</t>
  </si>
  <si>
    <t>01/17/2020 18:35:56</t>
  </si>
  <si>
    <t>01/17/2020 18:35:59</t>
  </si>
  <si>
    <t>01/17/2020 18:36:40</t>
  </si>
  <si>
    <t>01/17/2020 18:37:33</t>
  </si>
  <si>
    <t>01/17/2020 18:42:48</t>
  </si>
  <si>
    <t>1b381df3-39d7-468d-ad89-62b6b0bc39b2.tmp</t>
  </si>
  <si>
    <t>\\acsfs\profiles$\brendadsl\Downloads\1b381df3-39d7-468d-ad89-62b6b0bc39b2.tmp</t>
  </si>
  <si>
    <t>01/17/2020 18:38:39</t>
  </si>
  <si>
    <t>643c5044-8857-4cc4-8a89-85dec158f45a.tmp</t>
  </si>
  <si>
    <t>\\acsfs\profiles$\brendadsl\Downloads\643c5044-8857-4cc4-8a89-85dec158f45a.tmp</t>
  </si>
  <si>
    <t>b0c2477a-a40d-4bcf-9fd3-97e7540b1dfd.tmp</t>
  </si>
  <si>
    <t>\\acsfs\profiles$\brendadsl\Downloads\b0c2477a-a40d-4bcf-9fd3-97e7540b1dfd.tmp</t>
  </si>
  <si>
    <t>01/17/2020 18:44:27</t>
  </si>
  <si>
    <t>01/17/2020 18:45:48</t>
  </si>
  <si>
    <t>01/17/2020 18:44:43</t>
  </si>
  <si>
    <t>01/17/2020 18:42:23</t>
  </si>
  <si>
    <t>01/17/2020 18:46:48</t>
  </si>
  <si>
    <t>52718a2b-8e97-4cd9-81ae-b117b823afbc.tmp</t>
  </si>
  <si>
    <t>\\acsfs\profiles$\myllenardl\Downloads\52718a2b-8e97-4cd9-81ae-b117b823afbc.tmp</t>
  </si>
  <si>
    <t>01/17/2020 18:45:55</t>
  </si>
  <si>
    <t>01/17/2020 18:42:50</t>
  </si>
  <si>
    <t>556a0862-a366-4eb7-8c57-1a1f0e8d7fbd.tmp</t>
  </si>
  <si>
    <t>\\acsfs\profiles$\fabianobmf\Downloads\556a0862-a366-4eb7-8c57-1a1f0e8d7fbd.tmp</t>
  </si>
  <si>
    <t>01/17/2020 18:47:47</t>
  </si>
  <si>
    <t>01/17/2020 18:48:11</t>
  </si>
  <si>
    <t>01/17/2020 18:50:48</t>
  </si>
  <si>
    <t>38891e48-7950-4097-8b37-83e564511a5b.tmp</t>
  </si>
  <si>
    <t>\\acsfs\profiles$\philipegsf\Downloads\38891e48-7950-4097-8b37-83e564511a5b.tmp</t>
  </si>
  <si>
    <t>01/17/2020 18:51:48</t>
  </si>
  <si>
    <t>01/17/2020 18:50:09</t>
  </si>
  <si>
    <t>01/17/2020 18:50:42</t>
  </si>
  <si>
    <t>01/17/2020 18:52:48</t>
  </si>
  <si>
    <t>01/17/2020 18:50:23</t>
  </si>
  <si>
    <t>01/17/2020 18:54:48</t>
  </si>
  <si>
    <t>39a24b12-2fd3-4231-8d8f-ed67b0bd06e1.tmp</t>
  </si>
  <si>
    <t>\\acsfs\profiles$\gabrielamdp\Downloads\39a24b12-2fd3-4231-8d8f-ed67b0bd06e1.tmp</t>
  </si>
  <si>
    <t>01/17/2020 18:50:18</t>
  </si>
  <si>
    <t>01/17/2020 18:55:48</t>
  </si>
  <si>
    <t>01/17/2020 18:54:39</t>
  </si>
  <si>
    <t>01/17/2020 18:53:32</t>
  </si>
  <si>
    <t>01/17/2020 18:56:48</t>
  </si>
  <si>
    <t>423e0761-afb5-40bf-b44b-265d70caebd2.tmp</t>
  </si>
  <si>
    <t>\\acsfs\profiles$\nayaranao\Downloads\423e0761-afb5-40bf-b44b-265d70caebd2.tmp</t>
  </si>
  <si>
    <t>01/17/2020 18:52:40</t>
  </si>
  <si>
    <t>01/17/2020 18:54:16</t>
  </si>
  <si>
    <t>01/17/2020 18:52:05</t>
  </si>
  <si>
    <t>24605ef6-87b8-4952-a064-7120d111c495.tmp</t>
  </si>
  <si>
    <t>\\acsfs\profiles$\fabianobmf\Downloads\24605ef6-87b8-4952-a064-7120d111c495.tmp</t>
  </si>
  <si>
    <t>01/17/2020 18:53:17</t>
  </si>
  <si>
    <t>01/17/2020 18:57:48</t>
  </si>
  <si>
    <t>2f85e5e2-1be7-4b36-82f7-d77f8e355cd3.tmp</t>
  </si>
  <si>
    <t>\\acsfs\profiles$\andressamf\Downloads\2f85e5e2-1be7-4b36-82f7-d77f8e355cd3.tmp</t>
  </si>
  <si>
    <t>01/17/2020 18:56:51</t>
  </si>
  <si>
    <t>d1519231-4c42-45fc-b40f-a27f9cfad4a9.tmp</t>
  </si>
  <si>
    <t>\\acsfs\profiles$\rosileiam\Downloads\d1519231-4c42-45fc-b40f-a27f9cfad4a9.tmp</t>
  </si>
  <si>
    <t>01/17/2020 18:58:49</t>
  </si>
  <si>
    <t>01/17/2020 19:00:47</t>
  </si>
  <si>
    <t>01/17/2020 19:02:47</t>
  </si>
  <si>
    <t>01/17/2020 19:02:40</t>
  </si>
  <si>
    <t>01/17/2020 19:05:49</t>
  </si>
  <si>
    <t>01/17/2020 19:02:48</t>
  </si>
  <si>
    <t>91bd10c6-401f-445c-bede-071352245457.tmp</t>
  </si>
  <si>
    <t>\\acsfs\profiles$\leonardocb\Downloads\91bd10c6-401f-445c-bede-071352245457.tmp</t>
  </si>
  <si>
    <t>01/17/2020 19:06:01</t>
  </si>
  <si>
    <t>01/17/2020 19:07:48</t>
  </si>
  <si>
    <t>7bb0fcf3-93a9-4a6c-8463-9d6d937b0916.tmp</t>
  </si>
  <si>
    <t>\\acsfs\profiles$\brendadsl\Downloads\7bb0fcf3-93a9-4a6c-8463-9d6d937b0916.tmp</t>
  </si>
  <si>
    <t>01/17/2020 19:07:49</t>
  </si>
  <si>
    <t>01/17/2020 19:02:45</t>
  </si>
  <si>
    <t>38b1482a-e641-48c0-a2dd-0438b045dd1c.tmp</t>
  </si>
  <si>
    <t>\\acsfs\profiles$\erichds\Downloads\38b1482a-e641-48c0-a2dd-0438b045dd1c.tmp</t>
  </si>
  <si>
    <t>01/17/2020 19:05:46</t>
  </si>
  <si>
    <t>01/17/2020 19:09:49</t>
  </si>
  <si>
    <t>1f10d16a-52b8-4345-ad88-3374d4769195.tmp</t>
  </si>
  <si>
    <t>\\acsfs\profiles$\gabrielamdp\Downloads\1f10d16a-52b8-4345-ad88-3374d4769195.tmp</t>
  </si>
  <si>
    <t>01/17/2020 19:12:49</t>
  </si>
  <si>
    <t>01/17/2020 19:14:14</t>
  </si>
  <si>
    <t>01/17/2020 19:16:49</t>
  </si>
  <si>
    <t>44691e66-8045-474a-8bbd-4e403f241742.tmp</t>
  </si>
  <si>
    <t>\\acsfs\profiles$\nayaranao\Downloads\44691e66-8045-474a-8bbd-4e403f241742.tmp</t>
  </si>
  <si>
    <t>01/17/2020 19:17:48</t>
  </si>
  <si>
    <t>01/17/2020 19:19:06</t>
  </si>
  <si>
    <t>01/17/2020 19:20:49</t>
  </si>
  <si>
    <t>01/17/2020 19:17:37</t>
  </si>
  <si>
    <t>01/17/2020 19:21:49</t>
  </si>
  <si>
    <t>01/17/2020 19:22:49</t>
  </si>
  <si>
    <t>01/17/2020 19:20:26</t>
  </si>
  <si>
    <t>01/17/2020 19:25:48</t>
  </si>
  <si>
    <t>01/17/2020 19:21:48</t>
  </si>
  <si>
    <t>01/17/2020 19:22:15</t>
  </si>
  <si>
    <t>01/17/2020 19:20:32</t>
  </si>
  <si>
    <t>01/17/2020 19:22:17</t>
  </si>
  <si>
    <t>01/17/2020 19:23:57</t>
  </si>
  <si>
    <t>01/17/2020 19:26:49</t>
  </si>
  <si>
    <t>01/17/2020 19:25:43</t>
  </si>
  <si>
    <t>01/17/2020 19:27:48</t>
  </si>
  <si>
    <t>01/17/2020 19:28:49</t>
  </si>
  <si>
    <t>01/17/2020 19:23:43</t>
  </si>
  <si>
    <t>\\acsfs\DEPTOS\Operacao\PCP\5 - Comum\PLANEJAMENTO BV\14 - ACOMPANHAMENTO\1 - REPORT ACOMPANHAMENTO\</t>
  </si>
  <si>
    <t>2622AB27.tmp</t>
  </si>
  <si>
    <t>\\acsfs\DEPTOS\Operacao\PCP\5 - Comum\PLANEJAMENTO BV\14 - ACOMPANHAMENTO\1 - REPORT ACOMPANHAMENTO\2622AB27.tmp</t>
  </si>
  <si>
    <t>01/17/2020 19:23:59</t>
  </si>
  <si>
    <t>01/17/2020 19:29:48</t>
  </si>
  <si>
    <t>01/17/2020 19:24:50</t>
  </si>
  <si>
    <t>01/17/2020 19:25:31</t>
  </si>
  <si>
    <t>01/17/2020 19:30:49</t>
  </si>
  <si>
    <t>01/17/2020 19:25:41</t>
  </si>
  <si>
    <t>01/17/2020 19:30:01</t>
  </si>
  <si>
    <t>01/17/2020 19:26:36</t>
  </si>
  <si>
    <t>01/17/2020 19:31:49</t>
  </si>
  <si>
    <t>01/17/2020 19:27:21</t>
  </si>
  <si>
    <t>01/17/2020 19:28:21</t>
  </si>
  <si>
    <t>01/17/2020 19:29:15</t>
  </si>
  <si>
    <t>01/17/2020 19:29:28</t>
  </si>
  <si>
    <t>01/17/2020 19:32:49</t>
  </si>
  <si>
    <t>01/17/2020 19:37:49</t>
  </si>
  <si>
    <t>01/17/2020 19:38:49</t>
  </si>
  <si>
    <t>01/17/2020 19:35:02</t>
  </si>
  <si>
    <t>F2849A08.tmp</t>
  </si>
  <si>
    <t>\\acsfs\DEPTOS\Operacao\PCP\5 - Comum\PLANEJAMENTO BV\14 - ACOMPANHAMENTO\1 - REPORT ACOMPANHAMENTO\F2849A08.tmp</t>
  </si>
  <si>
    <t>01/17/2020 19:35:03</t>
  </si>
  <si>
    <t>~$Cópia de Diário_com_VQ_-_Intervalo.xlsx</t>
  </si>
  <si>
    <t>\\acsfs\DEPTOS\Operacao\PCP\5 - Comum\PLANEJAMENTO BV\14 - ACOMPANHAMENTO\1 - REPORT ACOMPANHAMENTO\~$Cópia de Diário_com_VQ_-_Intervalo.xlsx</t>
  </si>
  <si>
    <t>01/17/2020 19:41:49</t>
  </si>
  <si>
    <t>01/17/2020 19:37:31</t>
  </si>
  <si>
    <t>01/17/2020 19:38:56</t>
  </si>
  <si>
    <t>01/17/2020 19:39:29</t>
  </si>
  <si>
    <t>01/17/2020 19:40:54</t>
  </si>
  <si>
    <t>01/17/2020 19:41:00</t>
  </si>
  <si>
    <t>01/17/2020 19:42:49</t>
  </si>
  <si>
    <t>01/17/2020 19:43:58</t>
  </si>
  <si>
    <t>01/17/2020 19:45:49</t>
  </si>
  <si>
    <t>5ceb4b75-65bc-4840-9af9-3966f10b601f.tmp</t>
  </si>
  <si>
    <t>\\acsfs\profiles$\victorgl\Downloads\5ceb4b75-65bc-4840-9af9-3966f10b601f.tmp</t>
  </si>
  <si>
    <t>01/17/2020 19:47:49</t>
  </si>
  <si>
    <t>01/17/2020 19:52:49</t>
  </si>
  <si>
    <t>01/17/2020 19:51:26</t>
  </si>
  <si>
    <t>01/17/2020 19:55:49</t>
  </si>
  <si>
    <t>01/17/2020 19:51:27</t>
  </si>
  <si>
    <t>d9978203-45ec-4001-89de-be9ab7ddadd7;</t>
  </si>
  <si>
    <t>01/17/2020 19:51:28</t>
  </si>
  <si>
    <t>01/17/2020 19:51:37</t>
  </si>
  <si>
    <t>01/17/2020 19:51:42</t>
  </si>
  <si>
    <t>01/17/2020 19:51:43</t>
  </si>
  <si>
    <t>01/17/2020 19:51:44</t>
  </si>
  <si>
    <t>01/17/2020 19:51:46</t>
  </si>
  <si>
    <t>01/17/2020 19:51:47</t>
  </si>
  <si>
    <t>01/17/2020 19:51:50</t>
  </si>
  <si>
    <t>01/17/2020 19:51:52</t>
  </si>
  <si>
    <t>01/17/2020 19:51:53</t>
  </si>
  <si>
    <t>01/17/2020 19:51:54</t>
  </si>
  <si>
    <t>01/17/2020 19:51:55</t>
  </si>
  <si>
    <t>01/17/2020 19:52:00</t>
  </si>
  <si>
    <t>01/17/2020 19:52:18</t>
  </si>
  <si>
    <t>01/17/2020 19:52:19</t>
  </si>
  <si>
    <t>01/17/2020 19:52:20</t>
  </si>
  <si>
    <t>01/17/2020 19:52:24</t>
  </si>
  <si>
    <t>01/17/2020 19:52:25</t>
  </si>
  <si>
    <t>01/17/2020 19:52:36</t>
  </si>
  <si>
    <t>01/17/2020 19:52:37</t>
  </si>
  <si>
    <t>01/17/2020 19:52:38</t>
  </si>
  <si>
    <t>01/17/2020 19:52:44</t>
  </si>
  <si>
    <t>01/17/2020 19:53:05</t>
  </si>
  <si>
    <t>01/17/2020 19:54:37</t>
  </si>
  <si>
    <t>https://i.konduto.com/v1?pk=p74a647b4fc</t>
  </si>
  <si>
    <t>01/17/2020 19:54:50</t>
  </si>
  <si>
    <t>https://i.konduto.com/v1?pk=p74a647b4fc&amp;sci</t>
  </si>
  <si>
    <t>h2;</t>
  </si>
  <si>
    <t>https://h2</t>
  </si>
  <si>
    <t>01/17/2020 19:54:52</t>
  </si>
  <si>
    <t>f7c930c5-5423-432d-b03e-bbbf9e5a3152; __kdtc=cid=5e223b37ca864139d42fd6a8;t=1579301676595; sessionid=5e223b3b3c648a1c8e3d6c2a {"airline":"la","slices":[{"direction":"trip_1","departuredate":"2020-04-20t06:00:00","arrivaldate":"2020-04-20t07:15:00","issuing</t>
  </si>
  <si>
    <t>https://apiv2.zupper.com.br/rest/v2/aerial/price</t>
  </si>
  <si>
    <t>01/17/2020 19:54:53</t>
  </si>
  <si>
    <t>01/17/2020 19:53:54</t>
  </si>
  <si>
    <t>c884be9d-7c5c-452e-982a-b0b685d0895a.tmp</t>
  </si>
  <si>
    <t>\\acsfs\profiles$\Adrieledgc\Downloads\c884be9d-7c5c-452e-982a-b0b685d0895a.tmp</t>
  </si>
  <si>
    <t>01/17/2020 19:54:49</t>
  </si>
  <si>
    <t>01/17/2020 19:56:50</t>
  </si>
  <si>
    <t>511072f2-96d0-4138-b269-954a1d4b85dd.tmp</t>
  </si>
  <si>
    <t>\\acsfs\profiles$\fabianobmf\Downloads\511072f2-96d0-4138-b269-954a1d4b85dd.tmp</t>
  </si>
  <si>
    <t>01/17/2020 19:57:49</t>
  </si>
  <si>
    <t>01/17/2020 19:56:45</t>
  </si>
  <si>
    <t>01/17/2020 20:00:50</t>
  </si>
  <si>
    <t>01/17/2020 19:56:48</t>
  </si>
  <si>
    <t>f7c930c5-5423-432d-b03e-bbbf9e5a3152; _gat_ua-26137658-1=1; sessionid=5e223bae412f022bbf5e4577; __kdtc=cid=5e223bae412f022bbf5e4577;t=1579301805155 {"airline":"la","slices":[{"direction":"trip_1","departuredate":"2020-04-20t06:00:00","arrivaldate":"2020-04</t>
  </si>
  <si>
    <t>01/17/2020 19:56:51</t>
  </si>
  <si>
    <t>01/17/2020 19:58:03</t>
  </si>
  <si>
    <t>https://maxmilhas.demdex.net/event?d_dil_ver=9.3&amp;_ts=1579301881459</t>
  </si>
  <si>
    <t>01/17/2020 19:58:06</t>
  </si>
  <si>
    <t>https://analytics.skyscanner.net/collect</t>
  </si>
  <si>
    <t>01/17/2020 19:58:18</t>
  </si>
  <si>
    <t>https://bam.nr-data.net/events/1/40afa31d55?a=67974995&amp;v=1158.afc605b&amp;to=yljxykbvxkzruxfdclsydfvgxv9bh3yxvqhqqfpewxzfw1rcaa4xufpfwlnavq9evqhecvrdua==&amp;rst=20322&amp;ref=https://metasearch.maxmilhas.com.br/comprar/5e223b0716f81507ad5b7ffe</t>
  </si>
  <si>
    <t>yljxykbvxkzruxfdclsydfvgxv9bh3yxvqhqqfpewxzfw1rcaa4xufpfwlnavq9evqhecvrdua==;</t>
  </si>
  <si>
    <t>https://yljxykbvxkzruxfdclsydfvgxv9bh3yxvqhqqfpewxzfw1rcaa4xufpfwlnavq9evqhecvrdua==</t>
  </si>
  <si>
    <t>01/17/2020 19:58:30</t>
  </si>
  <si>
    <t>https://maxmilhas.demdex.net/event?d_dil_ver=9.3&amp;_ts=1579301910887</t>
  </si>
  <si>
    <t>01/17/2020 19:58:35</t>
  </si>
  <si>
    <t>01/17/2020 19:58:43</t>
  </si>
  <si>
    <t>https://bam.nr-data.net/events/1/40afa31d55?a=67974995&amp;v=1158.afc605b&amp;to=yljxykbvxkzruxfdclsydfvgxv9bh3yxvqhqqfpewxzfw1rcaa4xufpfwlnavq9evqhecvrdua==&amp;rst=13680&amp;ref=https://metasearch.maxmilhas.com.br/comprar/5e223b0716f81507ad5b7ffe</t>
  </si>
  <si>
    <t>a1b664e4-3639-43ed-af69-b37597157e24.tmp</t>
  </si>
  <si>
    <t>\\acsfs\profiles$\philipegsf\Downloads\a1b664e4-3639-43ed-af69-b37597157e24.tmp</t>
  </si>
  <si>
    <t>01/17/2020 20:02:50</t>
  </si>
  <si>
    <t>01/17/2020 19:58:09</t>
  </si>
  <si>
    <t>2517b1eb-b476-4000-800e-21daadd2c1e7.tmp</t>
  </si>
  <si>
    <t>\\acsfs\profiles$\brendadsl\Downloads\2517b1eb-b476-4000-800e-21daadd2c1e7.tmp</t>
  </si>
  <si>
    <t>01/17/2020 19:58:31</t>
  </si>
  <si>
    <t>3f07f5de-3b53-48ba-a9af-3c68773df611.tmp</t>
  </si>
  <si>
    <t>\\acsfs\profiles$\brendadsl\Downloads\3f07f5de-3b53-48ba-a9af-3c68773df611.tmp</t>
  </si>
  <si>
    <t>01/17/2020 20:02:52</t>
  </si>
  <si>
    <t>01/17/2020 20:03:49</t>
  </si>
  <si>
    <t>01/17/2020 20:04:49</t>
  </si>
  <si>
    <t>01/17/2020 20:02:36</t>
  </si>
  <si>
    <t>0c69350e-0a6f-4ae7-b36b-b336432bc4da.tmp</t>
  </si>
  <si>
    <t>\\acsfs\profiles$\myllenardl\Downloads\0c69350e-0a6f-4ae7-b36b-b336432bc4da.tmp</t>
  </si>
  <si>
    <t>01/17/2020 20:04:01</t>
  </si>
  <si>
    <t>a9683f13-e880-43fd-8400-21801347dabb.tmp</t>
  </si>
  <si>
    <t>\\acsfs\profiles$\myllenardl\Downloads\a9683f13-e880-43fd-8400-21801347dabb.tmp</t>
  </si>
  <si>
    <t>01/17/2020 20:01:18</t>
  </si>
  <si>
    <t>01/17/2020 20:06:49</t>
  </si>
  <si>
    <t>ea1122ab-cca7-436b-bdab-b0c3dda33480.tmp</t>
  </si>
  <si>
    <t>\\acsfs\profiles$\nayaranao\Downloads\ea1122ab-cca7-436b-bdab-b0c3dda33480.tmp</t>
  </si>
  <si>
    <t>01/17/2020 20:01:35</t>
  </si>
  <si>
    <t>01/17/2020 20:02:59</t>
  </si>
  <si>
    <t>01/17/2020 20:07:49</t>
  </si>
  <si>
    <t>01/17/2020 20:05:45</t>
  </si>
  <si>
    <t>01/17/2020 20:09:49</t>
  </si>
  <si>
    <t>697f39aa-6ce3-4d3b-b37f-2ec3a5aea52c.tmp</t>
  </si>
  <si>
    <t>\\acsfs\profiles$\myllenardl\Downloads\697f39aa-6ce3-4d3b-b37f-2ec3a5aea52c.tmp</t>
  </si>
  <si>
    <t>01/17/2020 20:05:54</t>
  </si>
  <si>
    <t>49f0a8d5-9cd1-42fd-8b66-7f20066c144a.tmp</t>
  </si>
  <si>
    <t>\\acsfs\profiles$\myllenardl\Downloads\49f0a8d5-9cd1-42fd-8b66-7f20066c144a.tmp</t>
  </si>
  <si>
    <t>01/17/2020 20:07:51</t>
  </si>
  <si>
    <t>01/17/2020 20:10:49</t>
  </si>
  <si>
    <t>f7c930c5-5423-432d-b03e-bbbf9e5a3152; __kdtc=cid=5e223bae412f022bbf5e4577;t=1579301805155; sessionid=5e223e472a91de52d1774cff {"airline":"la","slices":[{"direction":"trip_1","departuredate":"2020-04-20t06:00:00","arrivaldate":"2020-04-20t07:15:00","issuing</t>
  </si>
  <si>
    <t>01/17/2020 20:09:51</t>
  </si>
  <si>
    <t>f7c930c5-5423-432d-b03e-bbbf9e5a3152; __kdtc=cid=5e223bae412f022bbf5e4577;t=1579301805155; sessionid=5e223ebf547c9c0067598300 {"airline":"la","slices":[{"direction":"trip_1","departuredate":"2020-04-20t06:00:00","arrivaldate":"2020-04-20t07:15:00","issuing</t>
  </si>
  <si>
    <t>01/17/2020 20:09:39</t>
  </si>
  <si>
    <t>01/17/2020 20:11:49</t>
  </si>
  <si>
    <t>01/17/2020 20:11:18</t>
  </si>
  <si>
    <t>01/17/2020 20:12:49</t>
  </si>
  <si>
    <t>01/17/2020 20:08:04</t>
  </si>
  <si>
    <t>033c42fe-9b0f-45b8-86ba-261e10a91c04.tmp</t>
  </si>
  <si>
    <t>\\acsfs\profiles$\taylaedoa\Downloads\033c42fe-9b0f-45b8-86ba-261e10a91c04.tmp</t>
  </si>
  <si>
    <t>01/17/2020 20:09:03</t>
  </si>
  <si>
    <t>01/17/2020 20:13:48</t>
  </si>
  <si>
    <t>01/17/2020 20:12:28</t>
  </si>
  <si>
    <t>01/17/2020 20:15:49</t>
  </si>
  <si>
    <t>01/17/2020 20:12:48</t>
  </si>
  <si>
    <t>01/17/2020 20:11:45</t>
  </si>
  <si>
    <t>01/17/2020 20:16:49</t>
  </si>
  <si>
    <t>01/17/2020 20:14:52</t>
  </si>
  <si>
    <t>01/17/2020 20:14:33</t>
  </si>
  <si>
    <t>01/17/2020 20:17:49</t>
  </si>
  <si>
    <t>5d0bfffd-dc45-4440-85e3-af10eaf84484.tmp</t>
  </si>
  <si>
    <t>\\acsfs\profiles$\andressamf\Downloads\5d0bfffd-dc45-4440-85e3-af10eaf84484.tmp</t>
  </si>
  <si>
    <t>01/17/2020 20:14:41</t>
  </si>
  <si>
    <t>01/17/2020 20:18:49</t>
  </si>
  <si>
    <t>01/17/2020 20:15:27</t>
  </si>
  <si>
    <t>01/17/2020 20:17:38</t>
  </si>
  <si>
    <t>01/17/2020 20:20:49</t>
  </si>
  <si>
    <t>01/17/2020 20:17:42</t>
  </si>
  <si>
    <t>01/17/2020 20:21:49</t>
  </si>
  <si>
    <t>0f6e8cf2-52f4-4da9-8afd-fbd27771284a.tmp</t>
  </si>
  <si>
    <t>\\acsfs\profiles$\regisadsa\Downloads\0f6e8cf2-52f4-4da9-8afd-fbd27771284a.tmp</t>
  </si>
  <si>
    <t>01/17/2020 20:18:48</t>
  </si>
  <si>
    <t>01/17/2020 20:21:02</t>
  </si>
  <si>
    <t>01/17/2020 20:22:49</t>
  </si>
  <si>
    <t>01/17/2020 20:18:28</t>
  </si>
  <si>
    <t>https://udpwfmniceap02/web/guest/home?p_auth=rfikwdl5&amp;p_p_id=58&amp;p_p_lifecycle=1&amp;p_p_state=maximized&amp;p_p_mode=view&amp;savelastpath=0&amp;_58_struts_action=/login/forgot_password</t>
  </si>
  <si>
    <t>01/17/2020 20:22:52</t>
  </si>
  <si>
    <t>01/17/2020 20:25:49</t>
  </si>
  <si>
    <t>f7c930c5-5423-432d-b03e-bbbf9e5a3152; __kdtc=cid=5e223bae412f022bbf5e4577;t=1579301805155; sessionid=5e2241cc6aab60325f619b9d {"airline":"la","slices":[{"direction":"trip_1","departuredate":"2020-04-20t06:00:00","arrivaldate":"2020-04-20t07:15:00","issuing</t>
  </si>
  <si>
    <t>01/17/2020 20:24:55</t>
  </si>
  <si>
    <t>f7c930c5-5423-432d-b03e-bbbf9e5a3152; __kdtc=cid=5e223bae412f022bbf5e4577;t=1579301805155; sessionid=5e224247dc60f31aad7caddf {"airline":"la","slices":[{"direction":"trip_1","departuredate":"2020-04-20t06:00:00","arrivaldate":"2020-04-20t07:15:00","issuing</t>
  </si>
  <si>
    <t>01/17/2020 20:21:47</t>
  </si>
  <si>
    <t>01/17/2020 20:26:48</t>
  </si>
  <si>
    <t>01/17/2020 20:24:19</t>
  </si>
  <si>
    <t>01/17/2020 20:26:09</t>
  </si>
  <si>
    <t>01/17/2020 20:27:49</t>
  </si>
  <si>
    <t>01/17/2020 20:26:52</t>
  </si>
  <si>
    <t>01/17/2020 20:30:49</t>
  </si>
  <si>
    <t>01/17/2020 20:27:40</t>
  </si>
  <si>
    <t>01/17/2020 20:28:21</t>
  </si>
  <si>
    <t>01/17/2020 20:31:48</t>
  </si>
  <si>
    <t>01/17/2020 20:27:43</t>
  </si>
  <si>
    <t>01/17/2020 20:28:12</t>
  </si>
  <si>
    <t>01/17/2020 20:32:49</t>
  </si>
  <si>
    <t>01/17/2020 20:32:45</t>
  </si>
  <si>
    <t>01/17/2020 20:34:49</t>
  </si>
  <si>
    <t>6afa8cec-2875-423a-a7f1-01b1d78d52a8.tmp</t>
  </si>
  <si>
    <t>\\acsfs\profiles$\gabrielamdp\Downloads\6afa8cec-2875-423a-a7f1-01b1d78d52a8.tmp</t>
  </si>
  <si>
    <t>01/17/2020 20:32:55</t>
  </si>
  <si>
    <t>b0bd021c-655d-4cd3-b524-2946f0d26b00.tmp</t>
  </si>
  <si>
    <t>\\acsfs\profiles$\gabrielamdp\Downloads\b0bd021c-655d-4cd3-b524-2946f0d26b00.tmp</t>
  </si>
  <si>
    <t>01/17/2020 20:32:56</t>
  </si>
  <si>
    <t>73ebdc15-276a-4d27-aa5f-cb9d66e47342.tmp</t>
  </si>
  <si>
    <t>\\acsfs\profiles$\gabrielamdp\Downloads\73ebdc15-276a-4d27-aa5f-cb9d66e47342.tmp</t>
  </si>
  <si>
    <t>01/17/2020 20:37:49</t>
  </si>
  <si>
    <t>01/17/2020 20:37:52</t>
  </si>
  <si>
    <t>01/17/2020 20:40:49</t>
  </si>
  <si>
    <t>f7c930c5-5423-432d-b03e-bbbf9e5a3152; __kdtc=cid=5e223bae412f022bbf5e4577;t=1579301805155; sessionid=5e22455061e053400e173960 {"airline":"la","slices":[{"direction":"trip_1","departuredate":"2020-04-20t06:00:00","arrivaldate":"2020-04-20t07:15:00","issuing</t>
  </si>
  <si>
    <t>01/17/2020 20:39:54</t>
  </si>
  <si>
    <t>f7c930c5-5423-432d-b03e-bbbf9e5a3152; __kdtc=cid=5e223bae412f022bbf5e4577;t=1579301805155; sessionid=5e2245ca41207839f460ec1f {"airline":"la","slices":[{"direction":"trip_1","departuredate":"2020-04-20t06:00:00","arrivaldate":"2020-04-20t07:15:00","issuing</t>
  </si>
  <si>
    <t>01/17/2020 20:42:50</t>
  </si>
  <si>
    <t>01/17/2020 20:47:49</t>
  </si>
  <si>
    <t>01/17/2020 20:48:49</t>
  </si>
  <si>
    <t>01/17/2020 20:46:17</t>
  </si>
  <si>
    <t>f9f21b18-23b7-4759-bbaf-bc8c7ef03ae1.tmp</t>
  </si>
  <si>
    <t>\\acsfs\profiles$\edicarlosdl\Downloads\f9f21b18-23b7-4759-bbaf-bc8c7ef03ae1.tmp</t>
  </si>
  <si>
    <t>01/17/2020 20:45:35</t>
  </si>
  <si>
    <t>2bb43fc7-d662-4b55-8e09-e2fca251078b.tmp</t>
  </si>
  <si>
    <t>\\acsfs\profiles$\henriqueco\Downloads\2bb43fc7-d662-4b55-8e09-e2fca251078b.tmp</t>
  </si>
  <si>
    <t>01/17/2020 20:48:13</t>
  </si>
  <si>
    <t>01/17/2020 20:50:49</t>
  </si>
  <si>
    <t>01/17/2020 20:52:49</t>
  </si>
  <si>
    <t>01/17/2020 20:53:34</t>
  </si>
  <si>
    <t>01/17/2020 20:55:50</t>
  </si>
  <si>
    <t>303&amp;i=193&amp;ai=mail:o.3ee1.2.0</t>
  </si>
  <si>
    <t>01/17/2020 20:54:33</t>
  </si>
  <si>
    <t>01/17/2020 20:52:50</t>
  </si>
  <si>
    <t>f7c930c5-5423-432d-b03e-bbbf9e5a3152; __kdtc=cid=5e223bae412f022bbf5e4577;t=1579301805155; sessionid=5e2248d2bba3be1dc72e9fa1 {"airline":"la","slices":[{"direction":"trip_1","departuredate":"2020-04-20t06:00:00","arrivaldate":"2020-04-20t07:15:00","issuing</t>
  </si>
  <si>
    <t>01/17/2020 20:54:53</t>
  </si>
  <si>
    <t>f7c930c5-5423-432d-b03e-bbbf9e5a3152; __kdtc=cid=5e223bae412f022bbf5e4577;t=1579301805155; sessionid=5e22494c185dba73b36b6acd {"airline":"la","slices":[{"direction":"trip_1","departuredate":"2020-04-20t06:00:00","arrivaldate":"2020-04-20t07:15:00","issuing</t>
  </si>
  <si>
    <t>01/17/2020 20:55:54</t>
  </si>
  <si>
    <t>01/17/2020 20:56:49</t>
  </si>
  <si>
    <t>2ea33a90-a273-4850-a357-98397cb95646.tmp</t>
  </si>
  <si>
    <t>\\acsfs\profiles$\fabianobmf\Downloads\2ea33a90-a273-4850-a357-98397cb95646.tmp</t>
  </si>
  <si>
    <t>01/17/2020 20:57:49</t>
  </si>
  <si>
    <t>01/17/2020 20:53:56</t>
  </si>
  <si>
    <t>01/17/2020 20:58:50</t>
  </si>
  <si>
    <t>01/17/2020 20:55:14</t>
  </si>
  <si>
    <t>01/17/2020 20:56:33</t>
  </si>
  <si>
    <t>01/17/2020 21:00:49</t>
  </si>
  <si>
    <t>01/17/2020 20:58:33</t>
  </si>
  <si>
    <t>01/17/2020 21:01:49</t>
  </si>
  <si>
    <t>01/17/2020 20:59:54</t>
  </si>
  <si>
    <t>XLOG_anakcs_17012020_131037.log</t>
  </si>
  <si>
    <t>\\acsfs\profiles$\anakcs\My Documents\xworkcenter\logs\XLOG_anakcs_17012020_131037.log</t>
  </si>
  <si>
    <t>01/17/2020 21:00:20</t>
  </si>
  <si>
    <t>01/17/2020 21:02:49</t>
  </si>
  <si>
    <t>8146ed0e-1d1a-4147-a3ee-6782e00b3e2b.tmp</t>
  </si>
  <si>
    <t>\\acsfs\profiles$\andressamf\Downloads\8146ed0e-1d1a-4147-a3ee-6782e00b3e2b.tmp</t>
  </si>
  <si>
    <t>01/17/2020 21:01:26</t>
  </si>
  <si>
    <t>01/17/2020 21:03:49</t>
  </si>
  <si>
    <t>01/17/2020 21:00:34</t>
  </si>
  <si>
    <t>01/17/2020 21:05:49</t>
  </si>
  <si>
    <t>01/17/2020 21:02:34</t>
  </si>
  <si>
    <t>01/17/2020 21:03:34</t>
  </si>
  <si>
    <t>01/17/2020 21:03:36</t>
  </si>
  <si>
    <t>01/17/2020 21:04:20</t>
  </si>
  <si>
    <t>01/17/2020 21:04:21</t>
  </si>
  <si>
    <t>01/17/2020 21:04:24</t>
  </si>
  <si>
    <t>01/17/2020 21:04:25</t>
  </si>
  <si>
    <t>01/17/2020 21:04:26</t>
  </si>
  <si>
    <t>01/17/2020 21:04:27</t>
  </si>
  <si>
    <t>01/17/2020 21:04:29</t>
  </si>
  <si>
    <t>01/17/2020 21:04:34</t>
  </si>
  <si>
    <t>01/17/2020 21:04:40</t>
  </si>
  <si>
    <t>01/17/2020 21:04:41</t>
  </si>
  <si>
    <t>01/17/2020 21:04:44</t>
  </si>
  <si>
    <t>01/17/2020 21:04:48</t>
  </si>
  <si>
    <t>01/17/2020 21:04:49</t>
  </si>
  <si>
    <t>01/17/2020 21:04:50</t>
  </si>
  <si>
    <t>01/17/2020 21:04:51</t>
  </si>
  <si>
    <t>01/17/2020 21:04:53</t>
  </si>
  <si>
    <t>01/17/2020 21:04:55</t>
  </si>
  <si>
    <t>01/17/2020 21:04:56</t>
  </si>
  <si>
    <t>01/17/2020 21:04:57</t>
  </si>
  <si>
    <t>01/17/2020 21:05:01</t>
  </si>
  <si>
    <t>h2;yljxykbvxkzruxfdclsydfvgxv9bh3yxvqhqqfpewxzfw1rcaa4xufpfwlnavq9evqhecvrdua==;</t>
  </si>
  <si>
    <t>https://h2,yljxykbvxkzruxfdclsydfvgxv9bh3yxvqhqqfpewxzfw1rcaa4xufpfwlnavq9evqhecvrdua==</t>
  </si>
  <si>
    <t>01/17/2020 21:05:02</t>
  </si>
  <si>
    <t>01/17/2020 21:05:03</t>
  </si>
  <si>
    <t>01/17/2020 21:05:04</t>
  </si>
  <si>
    <t>01/17/2020 21:05:05</t>
  </si>
  <si>
    <t>01/17/2020 21:05:06</t>
  </si>
  <si>
    <t>01/17/2020 21:05:07</t>
  </si>
  <si>
    <t>01/17/2020 21:05:09</t>
  </si>
  <si>
    <t>01/17/2020 21:07:49</t>
  </si>
  <si>
    <t>01/17/2020 21:06:34</t>
  </si>
  <si>
    <t>01/17/2020 21:10:49</t>
  </si>
  <si>
    <t>01/17/2020 21:08:34</t>
  </si>
  <si>
    <t>01/17/2020 21:05:10</t>
  </si>
  <si>
    <t>01/17/2020 21:05:12</t>
  </si>
  <si>
    <t>01/17/2020 21:05:14</t>
  </si>
  <si>
    <t>01/17/2020 21:06:35</t>
  </si>
  <si>
    <t>01/17/2020 21:06:39</t>
  </si>
  <si>
    <t>01/17/2020 21:06:40</t>
  </si>
  <si>
    <t>01/17/2020 21:06:41</t>
  </si>
  <si>
    <t>01/17/2020 21:06:45</t>
  </si>
  <si>
    <t>01/17/2020 21:06:46</t>
  </si>
  <si>
    <t>01/17/2020 21:12:49</t>
  </si>
  <si>
    <t>01/17/2020 21:10:34</t>
  </si>
  <si>
    <t>01/17/2020 21:15:49</t>
  </si>
  <si>
    <t>01/17/2020 21:12:34</t>
  </si>
  <si>
    <t>01/17/2020 21:13:34</t>
  </si>
  <si>
    <t>01/17/2020 21:14:34</t>
  </si>
  <si>
    <t>01/17/2020 21:11:37</t>
  </si>
  <si>
    <t>01/17/2020 21:11:42</t>
  </si>
  <si>
    <t>01/17/2020 21:11:44</t>
  </si>
  <si>
    <t>01/17/2020 21:11:45</t>
  </si>
  <si>
    <t>01/17/2020 21:11:46</t>
  </si>
  <si>
    <t>01/17/2020 21:11:47</t>
  </si>
  <si>
    <t>01/17/2020 21:11:49</t>
  </si>
  <si>
    <t>01/17/2020 21:11:50</t>
  </si>
  <si>
    <t>01/17/2020 21:12:12</t>
  </si>
  <si>
    <t>01/17/2020 21:12:14</t>
  </si>
  <si>
    <t>01/17/2020 21:12:15</t>
  </si>
  <si>
    <t>01/17/2020 21:12:17</t>
  </si>
  <si>
    <t>01/17/2020 21:12:18</t>
  </si>
  <si>
    <t>01/17/2020 21:12:19</t>
  </si>
  <si>
    <t>01/17/2020 21:12:22</t>
  </si>
  <si>
    <t>01/17/2020 21:12:24</t>
  </si>
  <si>
    <t>01/17/2020 21:12:43</t>
  </si>
  <si>
    <t>01/17/2020 21:13:14</t>
  </si>
  <si>
    <t>01/17/2020 21:17:49</t>
  </si>
  <si>
    <t>c862bd39-138b-4196-84f8-caf91d16ae62.tmp</t>
  </si>
  <si>
    <t>\\acsfs\profiles$\andressamf\Downloads\c862bd39-138b-4196-84f8-caf91d16ae62.tmp</t>
  </si>
  <si>
    <t>01/17/2020 21:13:45</t>
  </si>
  <si>
    <t>30d30356-44de-4e35-a604-c55e8bebfa98.tmp</t>
  </si>
  <si>
    <t>\\acsfs\profiles$\andressamf\Downloads\30d30356-44de-4e35-a604-c55e8bebfa98.tmp</t>
  </si>
  <si>
    <t>01/17/2020 21:14:02</t>
  </si>
  <si>
    <t>190d8059-3296-4a81-b5d6-da0ec3d33930.tmp</t>
  </si>
  <si>
    <t>\\acsfs\profiles$\andressamf\Downloads\190d8059-3296-4a81-b5d6-da0ec3d33930.tmp</t>
  </si>
  <si>
    <t>01/17/2020 21:16:34</t>
  </si>
  <si>
    <t>01/17/2020 21:20:49</t>
  </si>
  <si>
    <t>01/17/2020 21:18:34</t>
  </si>
  <si>
    <t>01/17/2020 21:19:37</t>
  </si>
  <si>
    <t>01/17/2020 21:16:17</t>
  </si>
  <si>
    <t>01/17/2020 21:16:18</t>
  </si>
  <si>
    <t>01/17/2020 21:16:19</t>
  </si>
  <si>
    <t>01/17/2020 21:16:20</t>
  </si>
  <si>
    <t>01/17/2020 21:16:21</t>
  </si>
  <si>
    <t>01/17/2020 21:16:22</t>
  </si>
  <si>
    <t>01/17/2020 21:16:23</t>
  </si>
  <si>
    <t>01/17/2020 21:16:29</t>
  </si>
  <si>
    <t>01/17/2020 21:17:39</t>
  </si>
  <si>
    <t>01/17/2020 21:17:40</t>
  </si>
  <si>
    <t>01/17/2020 21:17:42</t>
  </si>
  <si>
    <t>01/17/2020 21:17:44</t>
  </si>
  <si>
    <t>01/17/2020 21:17:46</t>
  </si>
  <si>
    <t>01/17/2020 21:18:44</t>
  </si>
  <si>
    <t>https://maxmilhas.demdex.net/event?d_dil_ver=9.3&amp;_ts=1579306724729</t>
  </si>
  <si>
    <t>01/17/2020 21:18:45</t>
  </si>
  <si>
    <t>https://maxmilhas.demdex.net/event?d_dil_ver=9.3&amp;_ts=1579306725180</t>
  </si>
  <si>
    <t>https://maxmilhas.demdex.net/event?d_dil_ver=9.3&amp;_ts=1579306725199</t>
  </si>
  <si>
    <t>airline;</t>
  </si>
  <si>
    <t>https://airline</t>
  </si>
  <si>
    <t>01/17/2020 21:20:23</t>
  </si>
  <si>
    <t>01/17/2020 21:22:49</t>
  </si>
  <si>
    <t>fc889d42-ad38-48d6-8e03-fb7343af7eb7.tmp</t>
  </si>
  <si>
    <t>\\acsfs\profiles$\andressamf\Downloads\fc889d42-ad38-48d6-8e03-fb7343af7eb7.tmp</t>
  </si>
  <si>
    <t>01/17/2020 21:22:34</t>
  </si>
  <si>
    <t>01/17/2020 21:25:49</t>
  </si>
  <si>
    <t>01/17/2020 21:23:34</t>
  </si>
  <si>
    <t>01/17/2020 21:24:34</t>
  </si>
  <si>
    <t>01/17/2020 21:23:18</t>
  </si>
  <si>
    <t>01/17/2020 21:26:48</t>
  </si>
  <si>
    <t>01/17/2020 21:27:49</t>
  </si>
  <si>
    <t>01/17/2020 21:29:49</t>
  </si>
  <si>
    <t>01/17/2020 21:26:38</t>
  </si>
  <si>
    <t>2ce0fe09-e3cb-438d-b584-ddbc918c5e19.tmp</t>
  </si>
  <si>
    <t>\\acsfs\profiles$\myllenardl\Downloads\2ce0fe09-e3cb-438d-b584-ddbc918c5e19.tmp</t>
  </si>
  <si>
    <t>01/17/2020 21:26:34</t>
  </si>
  <si>
    <t>01/17/2020 21:30:48</t>
  </si>
  <si>
    <t>01/17/2020 21:28:34</t>
  </si>
  <si>
    <t>01/17/2020 21:32:50</t>
  </si>
  <si>
    <t>01/17/2020 21:31:47</t>
  </si>
  <si>
    <t>01/17/2020 21:34:49</t>
  </si>
  <si>
    <t>bde43969-2e15-4d56-bffa-01d768b57bd2.tmp</t>
  </si>
  <si>
    <t>\\acsfs\profiles$\myllenardl\Downloads\bde43969-2e15-4d56-bffa-01d768b57bd2.tmp</t>
  </si>
  <si>
    <t>01/17/2020 21:30:34</t>
  </si>
  <si>
    <t>01/17/2020 21:35:49</t>
  </si>
  <si>
    <t>01/17/2020 21:32:34</t>
  </si>
  <si>
    <t>01/17/2020 21:33:34</t>
  </si>
  <si>
    <t>01/17/2020 21:34:34</t>
  </si>
  <si>
    <t>01/17/2020 21:35:15</t>
  </si>
  <si>
    <t>c1dd8e6d-51e1-49e3-be3b-62d3a9290920.tmp</t>
  </si>
  <si>
    <t>\\acsfs\profiles$\leonardocb\Downloads\c1dd8e6d-51e1-49e3-be3b-62d3a9290920.tmp</t>
  </si>
  <si>
    <t>01/17/2020 21:32:59</t>
  </si>
  <si>
    <t>01/17/2020 21:36:49</t>
  </si>
  <si>
    <t>ccf85e4d-2048-47a9-a99b-9b5829456e31.tmp</t>
  </si>
  <si>
    <t>\\acsfs\profiles$\nayaranao\Downloads\ccf85e4d-2048-47a9-a99b-9b5829456e31.tmp</t>
  </si>
  <si>
    <t>01/17/2020 21:33:42</t>
  </si>
  <si>
    <t>2f7242a7-8e46-454b-9648-c37a1664043a.tmp</t>
  </si>
  <si>
    <t>\\acsfs\profiles$\nayaranao\Downloads\2f7242a7-8e46-454b-9648-c37a1664043a.tmp</t>
  </si>
  <si>
    <t>01/17/2020 21:34:30</t>
  </si>
  <si>
    <t>692278c6-c208-4086-8bb0-633e22d2543d.tmp</t>
  </si>
  <si>
    <t>\\acsfs\profiles$\nayaranao\Downloads\692278c6-c208-4086-8bb0-633e22d2543d.tmp</t>
  </si>
  <si>
    <t>01/17/2020 21:36:24</t>
  </si>
  <si>
    <t>01/17/2020 21:37:49</t>
  </si>
  <si>
    <t>125bb1ed-96d5-4a47-93f7-ddfba0895115.tmp</t>
  </si>
  <si>
    <t>\\acsfs\profiles$\andressamf\Downloads\125bb1ed-96d5-4a47-93f7-ddfba0895115.tmp</t>
  </si>
  <si>
    <t>01/17/2020 21:36:48</t>
  </si>
  <si>
    <t>1f991042-8b94-4e1b-a008-45229fc65bbb.tmp</t>
  </si>
  <si>
    <t>\\acsfs\profiles$\brendadsl\Downloads\1f991042-8b94-4e1b-a008-45229fc65bbb.tmp</t>
  </si>
  <si>
    <t>01/17/2020 21:36:50</t>
  </si>
  <si>
    <t>njskhdb.png.crdownload</t>
  </si>
  <si>
    <t>\\acsfs\profiles$\brendadsl\Downloads\njskhdb.png.crdownload</t>
  </si>
  <si>
    <t>01/17/2020 21:35:38</t>
  </si>
  <si>
    <t>01/17/2020 21:40:49</t>
  </si>
  <si>
    <t>01/17/2020 21:38:34</t>
  </si>
  <si>
    <t>01/17/2020 21:42:49</t>
  </si>
  <si>
    <t>01/17/2020 21:40:01</t>
  </si>
  <si>
    <t>01/17/2020 21:43:49</t>
  </si>
  <si>
    <t>265f194b-c01b-419c-8eb3-2301776c8a83.tmp</t>
  </si>
  <si>
    <t>\\acsfs\profiles$\edicarlosdl\Downloads\265f194b-c01b-419c-8eb3-2301776c8a83.tmp</t>
  </si>
  <si>
    <t>01/17/2020 21:40:34</t>
  </si>
  <si>
    <t>01/17/2020 21:45:49</t>
  </si>
  <si>
    <t>01/17/2020 21:42:35</t>
  </si>
  <si>
    <t>01/17/2020 21:43:35</t>
  </si>
  <si>
    <t>01/17/2020 21:44:35</t>
  </si>
  <si>
    <t>01/17/2020 21:42:00</t>
  </si>
  <si>
    <t>01/17/2020 21:46:49</t>
  </si>
  <si>
    <t>be7e0d70-d49c-4905-9108-45c67bc16ec4.tmp</t>
  </si>
  <si>
    <t>\\acsfs\profiles$\ROBERTM\Downloads\be7e0d70-d49c-4905-9108-45c67bc16ec4.tmp</t>
  </si>
  <si>
    <t>01/17/2020 21:42:55</t>
  </si>
  <si>
    <t>38e7e20a-407f-421a-a676-898be01e58c0.tmp</t>
  </si>
  <si>
    <t>\\acsfs\profiles$\ROBERTM\Downloads\38e7e20a-407f-421a-a676-898be01e58c0.tmp</t>
  </si>
  <si>
    <t>01/17/2020 21:42:57</t>
  </si>
  <si>
    <t>0255b0c0-1864-499b-860d-bfe850574cee.tmp</t>
  </si>
  <si>
    <t>\\acsfs\profiles$\ROBERTM\Downloads\0255b0c0-1864-499b-860d-bfe850574cee.tmp</t>
  </si>
  <si>
    <t>01/17/2020 21:47:49</t>
  </si>
  <si>
    <t>01/17/2020 21:42:12</t>
  </si>
  <si>
    <t>739decd7-1771-4086-b703-9d92937027f5.tmp</t>
  </si>
  <si>
    <t>\\acsfs\profiles$\brendadsl\Downloads\739decd7-1771-4086-b703-9d92937027f5.tmp</t>
  </si>
  <si>
    <t>01/17/2020 21:47:50</t>
  </si>
  <si>
    <t>01/17/2020 21:46:35</t>
  </si>
  <si>
    <t>01/17/2020 21:50:49</t>
  </si>
  <si>
    <t>01/17/2020 21:48:35</t>
  </si>
  <si>
    <t>01/17/2020 21:52:49</t>
  </si>
  <si>
    <t>01/17/2020 21:50:35</t>
  </si>
  <si>
    <t>01/17/2020 21:55:49</t>
  </si>
  <si>
    <t>01/17/2020 21:51:39</t>
  </si>
  <si>
    <t>01/17/2020 21:53:35</t>
  </si>
  <si>
    <t>01/17/2020 21:54:35</t>
  </si>
  <si>
    <t>01/17/2020 21:57:49</t>
  </si>
  <si>
    <t>01/17/2020 21:56:35</t>
  </si>
  <si>
    <t>01/17/2020 22:00:49</t>
  </si>
  <si>
    <t>01/17/2020 21:58:35</t>
  </si>
  <si>
    <t>01/17/2020 22:00:10</t>
  </si>
  <si>
    <t>XLOG_andrezacapf_17012020_134927.log</t>
  </si>
  <si>
    <t>\\acsfs\profiles$\andrezacapf\My Documents\xworkcenter\logs\XLOG_andrezacapf_17012020_134927.log</t>
  </si>
  <si>
    <t>01/17/2020 22:02:49</t>
  </si>
  <si>
    <t>01/17/2020 22:07:49</t>
  </si>
  <si>
    <t>01/17/2020 22:12:49</t>
  </si>
  <si>
    <t>01/17/2020 22:17:49</t>
  </si>
  <si>
    <t>01/17/2020 22:22:49</t>
  </si>
  <si>
    <t>01/17/2020 22:27:49</t>
  </si>
  <si>
    <t>01/17/2020 22:30:49</t>
  </si>
  <si>
    <t>01/17/2020 22:27:16</t>
  </si>
  <si>
    <t>a8253729-9ac1-44ea-b24b-343f16aca532.tmp</t>
  </si>
  <si>
    <t>\\acsfs\profiles$\Adrieledgc\Downloads\a8253729-9ac1-44ea-b24b-343f16aca532.tmp</t>
  </si>
  <si>
    <t>01/17/2020 22:32:49</t>
  </si>
  <si>
    <t>01/17/2020 22:37:49</t>
  </si>
  <si>
    <t>01/17/2020 22:36:40</t>
  </si>
  <si>
    <t>01/17/2020 22:40:48</t>
  </si>
  <si>
    <t>01/17/2020 22:42:49</t>
  </si>
  <si>
    <t>01/17/2020 22:47:50</t>
  </si>
  <si>
    <t>01/17/2020 22:52:50</t>
  </si>
  <si>
    <t>01/17/2020 22:57:50</t>
  </si>
  <si>
    <t>01/17/2020 23:02:50</t>
  </si>
  <si>
    <t>01/17/2020 23:07:50</t>
  </si>
  <si>
    <t>01/17/2020 23:12:50</t>
  </si>
  <si>
    <t>01/17/2020 23:17:50</t>
  </si>
  <si>
    <t>01/17/2020 23:14:53</t>
  </si>
  <si>
    <t>01/17/2020 23:18:50</t>
  </si>
  <si>
    <t>fe1891ed-49d0-4e44-9da9-4a85b7e0a65d.tmp</t>
  </si>
  <si>
    <t>\\acsfs\profiles$\marlyannegdls\Downloads\fe1891ed-49d0-4e44-9da9-4a85b7e0a65d.tmp</t>
  </si>
  <si>
    <t>01/17/2020 23:16:00</t>
  </si>
  <si>
    <t>572c6ad5-11ed-4941-9153-9b42d21ff701.tmp</t>
  </si>
  <si>
    <t>\\acsfs\profiles$\marlyannegdls\Downloads\572c6ad5-11ed-4941-9153-9b42d21ff701.tmp</t>
  </si>
  <si>
    <t>01/17/2020 23:22:50</t>
  </si>
  <si>
    <t>01/17/2020 23:27:50</t>
  </si>
  <si>
    <t>01/17/2020 23:29:06</t>
  </si>
  <si>
    <t>01/17/2020 23:32:50</t>
  </si>
  <si>
    <t>52648b33-e7b0-4c2d-96c9-8130d78dd485.tmp</t>
  </si>
  <si>
    <t>\\acsfs\profiles$\rogeriofd\Downloads\52648b33-e7b0-4c2d-96c9-8130d78dd485.tmp</t>
  </si>
  <si>
    <t>01/17/2020 23:37:50</t>
  </si>
  <si>
    <t>01/17/2020 23:40:50</t>
  </si>
  <si>
    <t>01/17/2020 23:37:44</t>
  </si>
  <si>
    <t>d656d5d7-cf8d-4c5e-a6e9-5b8889f4be06.tmp</t>
  </si>
  <si>
    <t>\\acsfs\profiles$\leonardocb\Downloads\d656d5d7-cf8d-4c5e-a6e9-5b8889f4be06.tmp</t>
  </si>
  <si>
    <t>01/17/2020 23:38:54</t>
  </si>
  <si>
    <t>01/17/2020 23:42:50</t>
  </si>
  <si>
    <t>40518e2b-6b4d-4fe9-922f-f182dd70e75c.tmp</t>
  </si>
  <si>
    <t>\\acsfs\profiles$\rogeriofd\Downloads\40518e2b-6b4d-4fe9-922f-f182dd70e75c.tmp</t>
  </si>
  <si>
    <t>01/17/2020 23:47:50</t>
  </si>
  <si>
    <t>01/17/2020 23:52:51</t>
  </si>
  <si>
    <t>01/17/2020 23:57:50</t>
  </si>
  <si>
    <t>01/18/2020 00:02:50</t>
  </si>
  <si>
    <t>01/18/2020 00:07:51</t>
  </si>
  <si>
    <t>01/18/2020 00:12:51</t>
  </si>
  <si>
    <t>01/18/2020 00:17:51</t>
  </si>
  <si>
    <t>01/18/2020 00:22:51</t>
  </si>
  <si>
    <t>01/18/2020 00:27:53</t>
  </si>
  <si>
    <t>01/18/2020 00:32:52</t>
  </si>
  <si>
    <t>01/18/2020 00:37:52</t>
  </si>
  <si>
    <t>01/18/2020 00:42:53</t>
  </si>
  <si>
    <t>01/18/2020 00:47:52</t>
  </si>
  <si>
    <t>01/18/2020 00:52:52</t>
  </si>
  <si>
    <t>01/18/2020 00:57:52</t>
  </si>
  <si>
    <t>01/18/2020 01:15:52</t>
  </si>
  <si>
    <t>01/18/2020 01:20:52</t>
  </si>
  <si>
    <t>01/18/2020 01:25:52</t>
  </si>
  <si>
    <t>01/18/2020 01:30:52</t>
  </si>
  <si>
    <t>01/18/2020 01:33:53</t>
  </si>
  <si>
    <t>01/18/2020 01:30:28</t>
  </si>
  <si>
    <t>8b4759ab-694d-4ef2-96e1-ebd04c1103a0.tmp</t>
  </si>
  <si>
    <t>\\acsfs\profiles$\marlyannegdls\Downloads\8b4759ab-694d-4ef2-96e1-ebd04c1103a0.tmp</t>
  </si>
  <si>
    <t>01/18/2020 01:35:52</t>
  </si>
  <si>
    <t>01/18/2020 01:40:52</t>
  </si>
  <si>
    <t>01/18/2020 01:45:53</t>
  </si>
  <si>
    <t>01/18/2020 01:50:52</t>
  </si>
  <si>
    <t>01/18/2020 01:55:52</t>
  </si>
  <si>
    <t>01/18/2020 02:00:53</t>
  </si>
  <si>
    <t>01/18/2020 02:05:52</t>
  </si>
  <si>
    <t>01/18/2020 02:10:52</t>
  </si>
  <si>
    <t>01/18/2020 02:15:52</t>
  </si>
  <si>
    <t>01/18/2020 02:20:51</t>
  </si>
  <si>
    <t>01/18/2020 02:25:52</t>
  </si>
  <si>
    <t>01/18/2020 02:30:51</t>
  </si>
  <si>
    <t>01/18/2020 02:35:52</t>
  </si>
  <si>
    <t>01/18/2020 02:40:52</t>
  </si>
  <si>
    <t>01/18/2020 02:45:51</t>
  </si>
  <si>
    <t>01/18/2020 02:50:52</t>
  </si>
  <si>
    <t>01/18/2020 02:55:52</t>
  </si>
  <si>
    <t>01/18/2020 03:00:52</t>
  </si>
  <si>
    <t>01/18/2020 03:05:52</t>
  </si>
  <si>
    <t>01/18/2020 03:10:52</t>
  </si>
  <si>
    <t>01/18/2020 03:15:51</t>
  </si>
  <si>
    <t>01/18/2020 03:20:52</t>
  </si>
  <si>
    <t>01/18/2020 03:25:52</t>
  </si>
  <si>
    <t>01/18/2020 03:30:52</t>
  </si>
  <si>
    <t>01/18/2020 03:35:52</t>
  </si>
  <si>
    <t>01/18/2020 03:40:51</t>
  </si>
  <si>
    <t>01/18/2020 03:45:52</t>
  </si>
  <si>
    <t>01/18/2020 03:50:51</t>
  </si>
  <si>
    <t>01/18/2020 03:55:51</t>
  </si>
  <si>
    <t>01/18/2020 04:00:51</t>
  </si>
  <si>
    <t>01/18/2020 04:05:52</t>
  </si>
  <si>
    <t>01/18/2020 04:10:52</t>
  </si>
  <si>
    <t>01/18/2020 04:15:52</t>
  </si>
  <si>
    <t>01/18/2020 04:20:51</t>
  </si>
  <si>
    <t>01/18/2020 04:25:52</t>
  </si>
  <si>
    <t>01/18/2020 04:30:52</t>
  </si>
  <si>
    <t>01/18/2020 04:35:51</t>
  </si>
  <si>
    <t>01/18/2020 04:40:52</t>
  </si>
  <si>
    <t>01/18/2020 04:45:53</t>
  </si>
  <si>
    <t>01/18/2020 04:50:53</t>
  </si>
  <si>
    <t>01/18/2020 04:55:54</t>
  </si>
  <si>
    <t>01/18/2020 05:08:54</t>
  </si>
  <si>
    <t>01/18/2020 05:02:09</t>
  </si>
  <si>
    <t>8e4c3da4-53ce-4fb5-9ff1-ac24518f4d01.tmp</t>
  </si>
  <si>
    <t>\\acsfs\profiles$\marlyannegdls\Downloads\8e4c3da4-53ce-4fb5-9ff1-ac24518f4d01.tmp</t>
  </si>
  <si>
    <t>01/18/2020 05:09:53</t>
  </si>
  <si>
    <t>01/18/2020 05:03:17</t>
  </si>
  <si>
    <t>8dfb5a89-91d3-4cfd-8167-dd505cbd8656.tmp</t>
  </si>
  <si>
    <t>\\acsfs\profiles$\marlyannegdls\Downloads\8dfb5a89-91d3-4cfd-8167-dd505cbd8656.tmp</t>
  </si>
  <si>
    <t>01/18/2020 05:13:54</t>
  </si>
  <si>
    <t>01/18/2020 05:18:53</t>
  </si>
  <si>
    <t>01/18/2020 05:23:53</t>
  </si>
  <si>
    <t>01/18/2020 05:28:53</t>
  </si>
  <si>
    <t>01/18/2020 05:33:54</t>
  </si>
  <si>
    <t>01/18/2020 05:38:53</t>
  </si>
  <si>
    <t>01/18/2020 05:43:53</t>
  </si>
  <si>
    <t>01/18/2020 05:48:53</t>
  </si>
  <si>
    <t>01/18/2020 05:53:54</t>
  </si>
  <si>
    <t>01/18/2020 05:58:53</t>
  </si>
  <si>
    <t>01/18/2020 06:03:53</t>
  </si>
  <si>
    <t>01/18/2020 06:05:53</t>
  </si>
  <si>
    <t>01/18/2020 06:04:33</t>
  </si>
  <si>
    <t>e21e902f-3cb5-4496-a10c-c0201c12dfed.tmp</t>
  </si>
  <si>
    <t>\\acsfs\profiles$\danielac\Downloads\e21e902f-3cb5-4496-a10c-c0201c12dfed.tmp</t>
  </si>
  <si>
    <t>01/18/2020 06:05:10</t>
  </si>
  <si>
    <t>86c58174-7fd8-4e13-a773-c14909b4a14c.tmp</t>
  </si>
  <si>
    <t>\\acsfs\profiles$\danielac\Downloads\86c58174-7fd8-4e13-a773-c14909b4a14c.tmp</t>
  </si>
  <si>
    <t>01/18/2020 06:04:46</t>
  </si>
  <si>
    <t>01/18/2020 06:07:53</t>
  </si>
  <si>
    <t>f6d2ab07-6fb2-47b8-aafd-b2df1319cbdd.tmp</t>
  </si>
  <si>
    <t>\\acsfs\profiles$\ALYNYA\Downloads\f6d2ab07-6fb2-47b8-aafd-b2df1319cbdd.tmp</t>
  </si>
  <si>
    <t>01/18/2020 06:06:55</t>
  </si>
  <si>
    <t>a97cd97e-2663-4a26-ac61-3140dbed3b81.tmp</t>
  </si>
  <si>
    <t>\\acsfs\profiles$\ALYNYA\Downloads\a97cd97e-2663-4a26-ac61-3140dbed3b81.tmp</t>
  </si>
  <si>
    <t>01/18/2020 06:08:53</t>
  </si>
  <si>
    <t>01/18/2020 06:06:51</t>
  </si>
  <si>
    <t>01/18/2020 06:10:53</t>
  </si>
  <si>
    <t>e10f5bc9-b0e5-4d67-9e5f-15fa61f3474c.tmp</t>
  </si>
  <si>
    <t>\\acsfs\profiles$\danielac\Downloads\e10f5bc9-b0e5-4d67-9e5f-15fa61f3474c.tmp</t>
  </si>
  <si>
    <t>01/18/2020 06:13:53</t>
  </si>
  <si>
    <t>01/18/2020 06:14:36</t>
  </si>
  <si>
    <t>01/18/2020 06:14:53</t>
  </si>
  <si>
    <t>01/18/2020 06:13:32</t>
  </si>
  <si>
    <t>01/18/2020 06:17:52</t>
  </si>
  <si>
    <t>01/18/2020 06:18:53</t>
  </si>
  <si>
    <t>01/18/2020 06:23:53</t>
  </si>
  <si>
    <t>01/18/2020 06:28:53</t>
  </si>
  <si>
    <t>01/18/2020 06:33:52</t>
  </si>
  <si>
    <t>01/18/2020 06:37:53</t>
  </si>
  <si>
    <t>01/18/2020 06:36:22</t>
  </si>
  <si>
    <t>d2795c23-9087-4094-a0f9-0fa5fee67583.tmp</t>
  </si>
  <si>
    <t>\\acsfs\profiles$\BRUNAAR\Downloads\d2795c23-9087-4094-a0f9-0fa5fee67583.tmp</t>
  </si>
  <si>
    <t>01/18/2020 06:37:36</t>
  </si>
  <si>
    <t>52fa5c28-0bb0-4613-a3fe-e73b2585b559.tmp</t>
  </si>
  <si>
    <t>\\acsfs\profiles$\BRUNAAR\Downloads\52fa5c28-0bb0-4613-a3fe-e73b2585b559.tmp</t>
  </si>
  <si>
    <t>01/18/2020 06:38:52</t>
  </si>
  <si>
    <t>01/18/2020 06:40:49</t>
  </si>
  <si>
    <t>01/18/2020 06:43:53</t>
  </si>
  <si>
    <t>2cac7fa0-6012-48ed-847b-81ac3f105f37.tmp</t>
  </si>
  <si>
    <t>\\acsfs\profiles$\monicargds\Downloads\2cac7fa0-6012-48ed-847b-81ac3f105f37.tmp</t>
  </si>
  <si>
    <t>4eec79d6-4f2e-490c-875b-21d87a08daac.tmp</t>
  </si>
  <si>
    <t>\\acsfs\profiles$\monicargds\Downloads\4eec79d6-4f2e-490c-875b-21d87a08daac.tmp</t>
  </si>
  <si>
    <t>01/18/2020 06:41:25</t>
  </si>
  <si>
    <t>3e2cbe37-525a-48b2-b2b2-2cfcf57cdc88.tmp</t>
  </si>
  <si>
    <t>\\acsfs\profiles$\monicargds\Downloads\3e2cbe37-525a-48b2-b2b2-2cfcf57cdc88.tmp</t>
  </si>
  <si>
    <t>01/18/2020 06:42:09</t>
  </si>
  <si>
    <t>02b37729-a296-4a48-b7b7-f36417360519.tmp</t>
  </si>
  <si>
    <t>\\acsfs\profiles$\monicargds\Downloads\02b37729-a296-4a48-b7b7-f36417360519.tmp</t>
  </si>
  <si>
    <t>01/18/2020 06:47:53</t>
  </si>
  <si>
    <t>01/18/2020 06:46:55</t>
  </si>
  <si>
    <t>01/18/2020 06:45:48</t>
  </si>
  <si>
    <t>01/18/2020 06:48:53</t>
  </si>
  <si>
    <t>41de9fa3-56d8-43f2-9545-b72f19902bef.tmp</t>
  </si>
  <si>
    <t>\\acsfs\profiles$\monicargds\Downloads\41de9fa3-56d8-43f2-9545-b72f19902bef.tmp</t>
  </si>
  <si>
    <t>01/18/2020 06:53:53</t>
  </si>
  <si>
    <t>01/18/2020 06:58:52</t>
  </si>
  <si>
    <t>01/18/2020 07:03:53</t>
  </si>
  <si>
    <t>01/18/2020 07:04:43</t>
  </si>
  <si>
    <t>01/18/2020 07:05:53</t>
  </si>
  <si>
    <t>01/18/2020 07:08:53</t>
  </si>
  <si>
    <t>01/18/2020 07:06:59</t>
  </si>
  <si>
    <t>01/18/2020 07:10:53</t>
  </si>
  <si>
    <t>91dd2b4d-6cde-48e9-820c-cdadc141f7d0.tmp</t>
  </si>
  <si>
    <t>\\acsfs\profiles$\PEDROHAB\Downloads\91dd2b4d-6cde-48e9-820c-cdadc141f7d0.tmp</t>
  </si>
  <si>
    <t>01/18/2020 07:07:00</t>
  </si>
  <si>
    <t>8bafc483-6083-401e-8374-5dfba5818f83.tmp</t>
  </si>
  <si>
    <t>\\acsfs\profiles$\PEDROHAB\Downloads\8bafc483-6083-401e-8374-5dfba5818f83.tmp</t>
  </si>
  <si>
    <t>01/18/2020 07:08:34</t>
  </si>
  <si>
    <t>20134a74-8338-480c-b8e4-8186982eddee.tmp</t>
  </si>
  <si>
    <t>\\acsfs\profiles$\PEDROHAB\Downloads\20134a74-8338-480c-b8e4-8186982eddee.tmp</t>
  </si>
  <si>
    <t>01/18/2020 07:07:52</t>
  </si>
  <si>
    <t>01/18/2020 07:12:53</t>
  </si>
  <si>
    <t>39090c65-b67c-455c-a7e2-a2df204c0282.tmp</t>
  </si>
  <si>
    <t>\\acsfs\profiles$\ALYNYA\Downloads\39090c65-b67c-455c-a7e2-a2df204c0282.tmp</t>
  </si>
  <si>
    <t>01/18/2020 07:13:53</t>
  </si>
  <si>
    <t>01/18/2020 07:14:53</t>
  </si>
  <si>
    <t>01/18/2020 07:18:53</t>
  </si>
  <si>
    <t>01/18/2020 07:19:54</t>
  </si>
  <si>
    <t>01/18/2020 07:23:53</t>
  </si>
  <si>
    <t>01/18/2020 07:24:54</t>
  </si>
  <si>
    <t>01/18/2020 07:28:54</t>
  </si>
  <si>
    <t>01/18/2020 07:29:53</t>
  </si>
  <si>
    <t>01/18/2020 07:30:53</t>
  </si>
  <si>
    <t>01/18/2020 07:29:48</t>
  </si>
  <si>
    <t>907fda5f-cffe-4458-947e-af3bc9f1fabc.tmp</t>
  </si>
  <si>
    <t>\\acsfs\profiles$\luanarda\Downloads\907fda5f-cffe-4458-947e-af3bc9f1fabc.tmp</t>
  </si>
  <si>
    <t>01/18/2020 07:26:43</t>
  </si>
  <si>
    <t>01/18/2020 07:31:53</t>
  </si>
  <si>
    <t>01/18/2020 07:34:54</t>
  </si>
  <si>
    <t>01/18/2020 07:35:53</t>
  </si>
  <si>
    <t>01/18/2020 07:33:18</t>
  </si>
  <si>
    <t>007b75be-a367-46ab-a340-10a8c3c287a1.tmp</t>
  </si>
  <si>
    <t>\\acsfs\profiles$\ERICALSR\Downloads\007b75be-a367-46ab-a340-10a8c3c287a1.tmp</t>
  </si>
  <si>
    <t>01/18/2020 07:33:30</t>
  </si>
  <si>
    <t>f6114ad4-0a1f-48a3-8da9-4f3c75bc311e.tmp</t>
  </si>
  <si>
    <t>\\acsfs\profiles$\ERICALSR\Downloads\f6114ad4-0a1f-48a3-8da9-4f3c75bc311e.tmp</t>
  </si>
  <si>
    <t>15d1b25f-7ebc-4311-b942-a3980cf576db.tmp</t>
  </si>
  <si>
    <t>\\acsfs\profiles$\ERICALSR\Downloads\15d1b25f-7ebc-4311-b942-a3980cf576db.tmp</t>
  </si>
  <si>
    <t>01/18/2020 07:31:04</t>
  </si>
  <si>
    <t>cad5326f-bf0d-4357-b555-0ffdf336fda5.tmp</t>
  </si>
  <si>
    <t>\\acsfs\profiles$\luanarda\Downloads\cad5326f-bf0d-4357-b555-0ffdf336fda5.tmp</t>
  </si>
  <si>
    <t>01/18/2020 07:32:42</t>
  </si>
  <si>
    <t>01/18/2020 07:39:53</t>
  </si>
  <si>
    <t>01/18/2020 07:35:09</t>
  </si>
  <si>
    <t>01/18/2020 07:40:53</t>
  </si>
  <si>
    <t>835ba2d6-b9aa-4081-9fae-1e9c42c2ca89.tmp</t>
  </si>
  <si>
    <t>\\acsfs\profiles$\ERICALSR\Downloads\835ba2d6-b9aa-4081-9fae-1e9c42c2ca89.tmp</t>
  </si>
  <si>
    <t>01/18/2020 07:39:54</t>
  </si>
  <si>
    <t>f827d600-030a-44ad-b56a-b3af98320ccf.tmp</t>
  </si>
  <si>
    <t>\\acsfs\profiles$\PEDROHAB\Downloads\f827d600-030a-44ad-b56a-b3af98320ccf.tmp</t>
  </si>
  <si>
    <t>01/18/2020 07:40:45</t>
  </si>
  <si>
    <t>01/18/2020 07:41:53</t>
  </si>
  <si>
    <t>939ecb3a-149c-4a3b-8178-f599a3e096b6.tmp</t>
  </si>
  <si>
    <t>\\acsfs\profiles$\LAISLG\Downloads\939ecb3a-149c-4a3b-8178-f599a3e096b6.tmp</t>
  </si>
  <si>
    <t>01/18/2020 07:40:14</t>
  </si>
  <si>
    <t>01/18/2020 07:42:54</t>
  </si>
  <si>
    <t>01/18/2020 07:40:15</t>
  </si>
  <si>
    <t>lu2224jihj.tmp</t>
  </si>
  <si>
    <t>\\acsfs\profiles$\BRUNAAR\Numero\lu2224jihj.tmp</t>
  </si>
  <si>
    <t>01/18/2020 07:40:27</t>
  </si>
  <si>
    <t>lu2224jihn.tmp</t>
  </si>
  <si>
    <t>\\acsfs\profiles$\BRUNAAR\Numero\lu2224jihn.tmp</t>
  </si>
  <si>
    <t>01/18/2020 07:44:53</t>
  </si>
  <si>
    <t>01/18/2020 07:43:50</t>
  </si>
  <si>
    <t>01/18/2020 07:46:53</t>
  </si>
  <si>
    <t>c384041c-6911-4c33-87e3-ab5fd3ca3a98.tmp</t>
  </si>
  <si>
    <t>\\acsfs\profiles$\LAISLG\Downloads\c384041c-6911-4c33-87e3-ab5fd3ca3a98.tmp</t>
  </si>
  <si>
    <t>01/18/2020 07:48:53</t>
  </si>
  <si>
    <t>01/18/2020 07:44:00</t>
  </si>
  <si>
    <t>01/18/2020 07:44:13</t>
  </si>
  <si>
    <t>01/18/2020 07:44:28</t>
  </si>
  <si>
    <t>01/18/2020 07:49:53</t>
  </si>
  <si>
    <t>01/18/2020 07:53:53</t>
  </si>
  <si>
    <t>01/18/2020 07:51:35</t>
  </si>
  <si>
    <t>01/18/2020 07:54:52</t>
  </si>
  <si>
    <t>01/18/2020 07:50:47</t>
  </si>
  <si>
    <t>01/18/2020 07:55:53</t>
  </si>
  <si>
    <t>e39e2484-da28-4013-bc98-afa53ee7873d.tmp</t>
  </si>
  <si>
    <t>\\acsfs\profiles$\ERICALSR\Downloads\e39e2484-da28-4013-bc98-afa53ee7873d.tmp</t>
  </si>
  <si>
    <t>01/18/2020 07:54:13</t>
  </si>
  <si>
    <t>ca7b0d35-1d38-47bf-9e55-d72cb9ca225e.tmp</t>
  </si>
  <si>
    <t>\\acsfs\profiles$\felipetds\Downloads\ca7b0d35-1d38-47bf-9e55-d72cb9ca225e.tmp</t>
  </si>
  <si>
    <t>01/18/2020 07:59:53</t>
  </si>
  <si>
    <t>01/18/2020 08:00:53</t>
  </si>
  <si>
    <t>01/18/2020 07:56:00</t>
  </si>
  <si>
    <t>cebb92bc-7f69-43c6-ba4d-433e3fc232de.tmp</t>
  </si>
  <si>
    <t>\\acsfs\profiles$\felipetds\Downloads\cebb92bc-7f69-43c6-ba4d-433e3fc232de.tmp</t>
  </si>
  <si>
    <t>01/18/2020 07:56:14</t>
  </si>
  <si>
    <t>1e7677f3-007c-42bb-8fa2-6b2f477e1212.tmp</t>
  </si>
  <si>
    <t>\\acsfs\profiles$\felipetds\Downloads\1e7677f3-007c-42bb-8fa2-6b2f477e1212.tmp</t>
  </si>
  <si>
    <t>01/18/2020 08:04:53</t>
  </si>
  <si>
    <t>01/18/2020 08:05:54</t>
  </si>
  <si>
    <t>01/18/2020 08:04:04</t>
  </si>
  <si>
    <t>11d72978-8e16-40a9-ae6c-4d8184513f3e.tmp</t>
  </si>
  <si>
    <t>\\acsfs\profiles$\milenaas\Downloads\11d72978-8e16-40a9-ae6c-4d8184513f3e.tmp</t>
  </si>
  <si>
    <t>01/18/2020 08:04:41</t>
  </si>
  <si>
    <t>2a5205d9-8d00-4576-b5f1-06f13649d13d.tmp</t>
  </si>
  <si>
    <t>\\acsfs\profiles$\milenaas\Downloads\2a5205d9-8d00-4576-b5f1-06f13649d13d.tmp</t>
  </si>
  <si>
    <t>01/18/2020 08:09:53</t>
  </si>
  <si>
    <t>01/18/2020 08:06:25</t>
  </si>
  <si>
    <t>01/18/2020 08:10:53</t>
  </si>
  <si>
    <t>da7fae97-ff4d-4eef-a285-3af865aff7f9.tmp</t>
  </si>
  <si>
    <t>\\acsfs\profiles$\milenaas\Downloads\da7fae97-ff4d-4eef-a285-3af865aff7f9.tmp</t>
  </si>
  <si>
    <t>01/18/2020 08:06:49</t>
  </si>
  <si>
    <t>54647065-b552-4cc4-b9e3-f01394bfbda5.tmp</t>
  </si>
  <si>
    <t>\\acsfs\profiles$\milenaas\Downloads\54647065-b552-4cc4-b9e3-f01394bfbda5.tmp</t>
  </si>
  <si>
    <t>01/18/2020 08:07:02</t>
  </si>
  <si>
    <t>61499b89-d371-48e6-bdf4-eb1db08390f2.tmp</t>
  </si>
  <si>
    <t>\\acsfs\profiles$\milenaas\Downloads\61499b89-d371-48e6-bdf4-eb1db08390f2.tmp</t>
  </si>
  <si>
    <t>01/18/2020 08:08:25</t>
  </si>
  <si>
    <t>01/18/2020 08:11:53</t>
  </si>
  <si>
    <t>01/18/2020 08:08:29</t>
  </si>
  <si>
    <t>01/18/2020 08:10:11</t>
  </si>
  <si>
    <t>01/18/2020 08:13:53</t>
  </si>
  <si>
    <t>f1a3099a-2eb5-443a-9fb4-6d14ccb58a2b.tmp</t>
  </si>
  <si>
    <t>\\acsfs\profiles$\henriquehmdo\Downloads\f1a3099a-2eb5-443a-9fb4-6d14ccb58a2b.tmp</t>
  </si>
  <si>
    <t>01/18/2020 08:10:26</t>
  </si>
  <si>
    <t>01/18/2020 08:10:50</t>
  </si>
  <si>
    <t>01/18/2020 08:12:10</t>
  </si>
  <si>
    <t>5581a7d0-ded1-4e62-b6a0-c58d1fc005da.tmp</t>
  </si>
  <si>
    <t>\\acsfs\profiles$\henriquehmdo\Downloads\5581a7d0-ded1-4e62-b6a0-c58d1fc005da.tmp</t>
  </si>
  <si>
    <t>01/18/2020 08:13:27</t>
  </si>
  <si>
    <t>01/18/2020 08:14:53</t>
  </si>
  <si>
    <t>01/18/2020 08:12:22</t>
  </si>
  <si>
    <t>01/18/2020 08:15:53</t>
  </si>
  <si>
    <t>cc4df78a-8f9e-4565-a8a8-36d552953c82.tmp</t>
  </si>
  <si>
    <t>\\acsfs\profiles$\luanarda\Downloads\cc4df78a-8f9e-4565-a8a8-36d552953c82.tmp</t>
  </si>
  <si>
    <t>01/18/2020 08:15:08</t>
  </si>
  <si>
    <t>01/18/2020 08:15:23</t>
  </si>
  <si>
    <t>01/18/2020 08:18:53</t>
  </si>
  <si>
    <t>01/18/2020 08:19:53</t>
  </si>
  <si>
    <t>01/18/2020 08:23:54</t>
  </si>
  <si>
    <t>01/18/2020 08:20:32</t>
  </si>
  <si>
    <t>71e388ed-12d6-42f1-9616-e94571276dd0.tmp</t>
  </si>
  <si>
    <t>\\acsfs\profiles$\paulovadc\Downloads\71e388ed-12d6-42f1-9616-e94571276dd0.tmp</t>
  </si>
  <si>
    <t>01/18/2020 08:24:53</t>
  </si>
  <si>
    <t>01/18/2020 08:22:30</t>
  </si>
  <si>
    <t>01/18/2020 08:25:53</t>
  </si>
  <si>
    <t>7d7acd7c-2a6b-4a5a-8d56-00815378baab.tmp</t>
  </si>
  <si>
    <t>\\acsfs\profiles$\ERICALSR\Downloads\7d7acd7c-2a6b-4a5a-8d56-00815378baab.tmp</t>
  </si>
  <si>
    <t>01/18/2020 08:21:12</t>
  </si>
  <si>
    <t>01/18/2020 08:26:53</t>
  </si>
  <si>
    <t>01/18/2020 08:24:21</t>
  </si>
  <si>
    <t>01/18/2020 08:24:41</t>
  </si>
  <si>
    <t>01/18/2020 08:25:00</t>
  </si>
  <si>
    <t>01/18/2020 08:25:06</t>
  </si>
  <si>
    <t>01/18/2020 08:25:46</t>
  </si>
  <si>
    <t>01/18/2020 08:29:53</t>
  </si>
  <si>
    <t>01/18/2020 08:27:24</t>
  </si>
  <si>
    <t>01/18/2020 08:30:52</t>
  </si>
  <si>
    <t>51254ee3-e5b5-4c01-95b8-fa8dc1f2fb9d.tmp</t>
  </si>
  <si>
    <t>\\acsfs\profiles$\ERICALSR\Downloads\51254ee3-e5b5-4c01-95b8-fa8dc1f2fb9d.tmp</t>
  </si>
  <si>
    <t>01/18/2020 08:28:40</t>
  </si>
  <si>
    <t>01/18/2020 08:28:21</t>
  </si>
  <si>
    <t>01/18/2020 08:33:53</t>
  </si>
  <si>
    <t>08d1f9ba-74bf-48c1-86bd-b2966589dc46.tmp</t>
  </si>
  <si>
    <t>\\acsfs\profiles$\paulovadc\Downloads\08d1f9ba-74bf-48c1-86bd-b2966589dc46.tmp</t>
  </si>
  <si>
    <t>01/18/2020 08:34:54</t>
  </si>
  <si>
    <t>01/18/2020 08:39:53</t>
  </si>
  <si>
    <t>01/18/2020 08:44:53</t>
  </si>
  <si>
    <t>01/18/2020 08:44:49</t>
  </si>
  <si>
    <t>01/18/2020 08:48:53</t>
  </si>
  <si>
    <t>c0303a3f-b616-49b3-9c2c-d6b0f841fb67.tmp</t>
  </si>
  <si>
    <t>\\acsfs\profiles$\ALYNYA\Downloads\c0303a3f-b616-49b3-9c2c-d6b0f841fb67.tmp</t>
  </si>
  <si>
    <t>01/18/2020 08:46:23</t>
  </si>
  <si>
    <t>01/18/2020 08:49:52</t>
  </si>
  <si>
    <t>01/18/2020 08:54:53</t>
  </si>
  <si>
    <t>01/18/2020 08:57:21</t>
  </si>
  <si>
    <t>01/18/2020 08:58:54</t>
  </si>
  <si>
    <t>05987f09-a781-4580-9683-d868a8ea6cfe.tmp</t>
  </si>
  <si>
    <t>\\acsfs\profiles$\henriquehmdo\Downloads\05987f09-a781-4580-9683-d868a8ea6cfe.tmp</t>
  </si>
  <si>
    <t>01/18/2020 08:59:54</t>
  </si>
  <si>
    <t>01/18/2020 08:58:10</t>
  </si>
  <si>
    <t>ab73e9c9-ab44-44fe-a5d4-6ad85bfac2b4.tmp</t>
  </si>
  <si>
    <t>\\acsfs\profiles$\Flaviojmm\Downloads\ab73e9c9-ab44-44fe-a5d4-6ad85bfac2b4.tmp</t>
  </si>
  <si>
    <t>01/18/2020 08:58:40</t>
  </si>
  <si>
    <t>b14c3bd6-1ad6-415c-90a2-b919a943b259.tmp</t>
  </si>
  <si>
    <t>\\acsfs\profiles$\Flaviojmm\Downloads\b14c3bd6-1ad6-415c-90a2-b919a943b259.tmp</t>
  </si>
  <si>
    <t>01/18/2020 08:59:21</t>
  </si>
  <si>
    <t>926d88ff-c4da-4923-a357-9e57286a2094.tmp</t>
  </si>
  <si>
    <t>\\acsfs\profiles$\Flaviojmm\Downloads\926d88ff-c4da-4923-a357-9e57286a2094.tmp</t>
  </si>
  <si>
    <t>01/18/2020 09:02:54</t>
  </si>
  <si>
    <t>01/18/2020 09:00:04</t>
  </si>
  <si>
    <t>d4924616-3b94-459b-b5d6-40d2cd3a694c.tmp</t>
  </si>
  <si>
    <t>\\acsfs\profiles$\isabellegtds\Downloads\d4924616-3b94-459b-b5d6-40d2cd3a694c.tmp</t>
  </si>
  <si>
    <t>01/18/2020 09:04:54</t>
  </si>
  <si>
    <t>01/18/2020 09:09:54</t>
  </si>
  <si>
    <t>01/18/2020 09:14:54</t>
  </si>
  <si>
    <t>01/18/2020 09:12:09</t>
  </si>
  <si>
    <t>01/18/2020 09:15:54</t>
  </si>
  <si>
    <t>9132fd49-7b1e-4906-98d9-062d0545e863.tmp</t>
  </si>
  <si>
    <t>\\acsfs\profiles$\felipetds\Downloads\9132fd49-7b1e-4906-98d9-062d0545e863.tmp</t>
  </si>
  <si>
    <t>01/18/2020 09:17:54</t>
  </si>
  <si>
    <t>01/18/2020 09:17:31</t>
  </si>
  <si>
    <t>449f0217-b71c-4ff9-b7b1-be7d8ca74ff4.tmp</t>
  </si>
  <si>
    <t>\\acsfs\profiles$\BRUNAAR\Downloads\449f0217-b71c-4ff9-b7b1-be7d8ca74ff4.tmp</t>
  </si>
  <si>
    <t>01/18/2020 09:19:54</t>
  </si>
  <si>
    <t>01/18/2020 09:18:41</t>
  </si>
  <si>
    <t>01/18/2020 09:20:54</t>
  </si>
  <si>
    <t>1c04e7e7-d7b2-4ec0-bee7-48aa67f6f270.tmp</t>
  </si>
  <si>
    <t>\\acsfs\profiles$\luanarda\Downloads\1c04e7e7-d7b2-4ec0-bee7-48aa67f6f270.tmp</t>
  </si>
  <si>
    <t>01/18/2020 09:19:05</t>
  </si>
  <si>
    <t>01/18/2020 09:21:54</t>
  </si>
  <si>
    <t>01/18/2020 09:19:10</t>
  </si>
  <si>
    <t>01/18/2020 09:19:13</t>
  </si>
  <si>
    <t>01/18/2020 09:19:25</t>
  </si>
  <si>
    <t>01/18/2020 09:19:32</t>
  </si>
  <si>
    <t>01/18/2020 09:22:54</t>
  </si>
  <si>
    <t>01/18/2020 09:18:58</t>
  </si>
  <si>
    <t>e1ad5185-31c9-4aa6-9029-e1d6d2c50783.tmp</t>
  </si>
  <si>
    <t>\\acsfs\profiles$\BRUNAAR\Downloads\e1ad5185-31c9-4aa6-9029-e1d6d2c50783.tmp</t>
  </si>
  <si>
    <t>01/18/2020 09:24:54</t>
  </si>
  <si>
    <t>01/18/2020 09:20:38</t>
  </si>
  <si>
    <t>01/18/2020 09:25:55</t>
  </si>
  <si>
    <t>8c9d05dd-3164-496f-9834-7a1fa66bdc71.tmp</t>
  </si>
  <si>
    <t>\\acsfs\profiles$\danielac\Downloads\8c9d05dd-3164-496f-9834-7a1fa66bdc71.tmp</t>
  </si>
  <si>
    <t>01/18/2020 09:20:49</t>
  </si>
  <si>
    <t>10374e2d-66e3-4ec5-86eb-59657fd29dc1.tmp</t>
  </si>
  <si>
    <t>\\acsfs\profiles$\danielac\Downloads\10374e2d-66e3-4ec5-86eb-59657fd29dc1.tmp</t>
  </si>
  <si>
    <t>01/18/2020 09:24:22</t>
  </si>
  <si>
    <t>01/18/2020 09:26:54</t>
  </si>
  <si>
    <t>8e5da2a6-47a2-4ca9-aa16-001c76f018bd.tmp</t>
  </si>
  <si>
    <t>\\acsfs\profiles$\LAISLG\Downloads\8e5da2a6-47a2-4ca9-aa16-001c76f018bd.tmp</t>
  </si>
  <si>
    <t>01/18/2020 09:29:54</t>
  </si>
  <si>
    <t>01/18/2020 09:26:45</t>
  </si>
  <si>
    <t>01/18/2020 09:31:54</t>
  </si>
  <si>
    <t>andrelpsa@algartech.com;robsonams@algartech.com;</t>
  </si>
  <si>
    <t>andrelpsa@algartech.com,robsonams@algartech.com</t>
  </si>
  <si>
    <t>01/18/2020 09:26:55</t>
  </si>
  <si>
    <t>01/18/2020 09:26:59</t>
  </si>
  <si>
    <t>01/18/2020 09:32:54</t>
  </si>
  <si>
    <t>01/18/2020 09:29:20</t>
  </si>
  <si>
    <t>ebe30996-cce0-4480-b09d-af631cd30b6b.tmp</t>
  </si>
  <si>
    <t>\\acsfs\profiles$\kellzylenneasr\Downloads\ebe30996-cce0-4480-b09d-af631cd30b6b.tmp</t>
  </si>
  <si>
    <t>01/18/2020 09:27:55</t>
  </si>
  <si>
    <t>lu2224jihr.tmp</t>
  </si>
  <si>
    <t>\\acsfs\profiles$\BRUNAAR\Numero\lu2224jihr.tmp</t>
  </si>
  <si>
    <t>01/18/2020 09:28:46</t>
  </si>
  <si>
    <t>01/18/2020 09:33:54</t>
  </si>
  <si>
    <t>01/18/2020 09:28:49</t>
  </si>
  <si>
    <t>01/18/2020 09:28:50</t>
  </si>
  <si>
    <t>01/18/2020 09:28:51</t>
  </si>
  <si>
    <t>01/18/2020 09:28:52</t>
  </si>
  <si>
    <t>01/18/2020 09:28:53</t>
  </si>
  <si>
    <t>01/18/2020 09:28:54</t>
  </si>
  <si>
    <t>01/18/2020 09:28:55</t>
  </si>
  <si>
    <t>01/18/2020 09:28:56</t>
  </si>
  <si>
    <t>01/18/2020 09:28:58</t>
  </si>
  <si>
    <t>01/18/2020 09:28:59</t>
  </si>
  <si>
    <t>01/18/2020 09:29:00</t>
  </si>
  <si>
    <t>01/18/2020 09:29:01</t>
  </si>
  <si>
    <t>01/18/2020 09:29:02</t>
  </si>
  <si>
    <t>01/18/2020 09:29:03</t>
  </si>
  <si>
    <t>01/18/2020 09:29:05</t>
  </si>
  <si>
    <t>01/18/2020 09:29:06</t>
  </si>
  <si>
    <t>01/18/2020 09:29:08</t>
  </si>
  <si>
    <t>01/18/2020 09:29:11</t>
  </si>
  <si>
    <t>01/18/2020 09:29:12</t>
  </si>
  <si>
    <t>01/18/2020 09:29:13</t>
  </si>
  <si>
    <t>01/18/2020 09:29:14</t>
  </si>
  <si>
    <t>01/18/2020 09:29:16</t>
  </si>
  <si>
    <t>01/18/2020 09:29:17</t>
  </si>
  <si>
    <t>01/18/2020 09:29:18</t>
  </si>
  <si>
    <t>01/18/2020 09:29:19</t>
  </si>
  <si>
    <t>01/18/2020 09:29:21</t>
  </si>
  <si>
    <t>01/18/2020 09:29:22</t>
  </si>
  <si>
    <t>01/18/2020 09:29:23</t>
  </si>
  <si>
    <t>01/18/2020 09:29:25</t>
  </si>
  <si>
    <t>01/18/2020 09:29:26</t>
  </si>
  <si>
    <t>01/18/2020 09:29:27</t>
  </si>
  <si>
    <t>01/18/2020 09:29:29</t>
  </si>
  <si>
    <t>01/18/2020 09:29:30</t>
  </si>
  <si>
    <t>01/18/2020 09:29:31</t>
  </si>
  <si>
    <t>01/18/2020 09:29:32</t>
  </si>
  <si>
    <t>01/18/2020 09:29:33</t>
  </si>
  <si>
    <t>01/18/2020 09:29:34</t>
  </si>
  <si>
    <t>01/18/2020 09:29:36</t>
  </si>
  <si>
    <t>01/18/2020 09:34:54</t>
  </si>
  <si>
    <t>01/18/2020 09:31:55</t>
  </si>
  <si>
    <t>01/18/2020 09:36:54</t>
  </si>
  <si>
    <t>01/18/2020 09:32:00</t>
  </si>
  <si>
    <t>01/18/2020 09:32:17</t>
  </si>
  <si>
    <t>01/18/2020 09:32:20</t>
  </si>
  <si>
    <t>01/18/2020 09:33:08</t>
  </si>
  <si>
    <t>01/18/2020 09:37:54</t>
  </si>
  <si>
    <t>01/18/2020 09:32:15</t>
  </si>
  <si>
    <t>4fe2e583-9da0-4bf3-8e54-3380605031fa.tmp</t>
  </si>
  <si>
    <t>\\acsfs\profiles$\kellzylenneasr\Downloads\4fe2e583-9da0-4bf3-8e54-3380605031fa.tmp</t>
  </si>
  <si>
    <t>01/18/2020 09:33:48</t>
  </si>
  <si>
    <t>bed23fdf-d07b-4b3e-8192-9b03c067bb31.tmp</t>
  </si>
  <si>
    <t>\\acsfs\profiles$\isabellegtds\Downloads\bed23fdf-d07b-4b3e-8192-9b03c067bb31.tmp</t>
  </si>
  <si>
    <t>01/18/2020 09:34:59</t>
  </si>
  <si>
    <t>01/18/2020 09:38:54</t>
  </si>
  <si>
    <t>e87797bc-ed71-4686-b465-573529af2afe.tmp</t>
  </si>
  <si>
    <t>\\acsfs\profiles$\dhiulliananads\Downloads\e87797bc-ed71-4686-b465-573529af2afe.tmp</t>
  </si>
  <si>
    <t>01/18/2020 09:35:53</t>
  </si>
  <si>
    <t>1b310f33-3c5f-4a6e-87b1-3e817832d327.tmp</t>
  </si>
  <si>
    <t>\\acsfs\profiles$\dhiulliananads\Downloads\1b310f33-3c5f-4a6e-87b1-3e817832d327.tmp</t>
  </si>
  <si>
    <t>01/18/2020 09:37:45</t>
  </si>
  <si>
    <t>100035125381406;</t>
  </si>
  <si>
    <t>https://100035125381406</t>
  </si>
  <si>
    <t>01/18/2020 09:39:54</t>
  </si>
  <si>
    <t>01/18/2020 09:41:26</t>
  </si>
  <si>
    <t>01/18/2020 09:42:54</t>
  </si>
  <si>
    <t>5526b8e9-67ca-4e10-94d0-79945035046c.tmp</t>
  </si>
  <si>
    <t>\\acsfs\profiles$\kellzylenneasr\Downloads\5526b8e9-67ca-4e10-94d0-79945035046c.tmp</t>
  </si>
  <si>
    <t>01/18/2020 09:41:31</t>
  </si>
  <si>
    <t>01f3c1bf-2b53-4a9c-912c-478da5f8a58b.tmp</t>
  </si>
  <si>
    <t>\\acsfs\profiles$\ALYNYA\Downloads\01f3c1bf-2b53-4a9c-912c-478da5f8a58b.tmp</t>
  </si>
  <si>
    <t>01/18/2020 09:39:17</t>
  </si>
  <si>
    <t>01/18/2020 09:43:54</t>
  </si>
  <si>
    <t>7d68b559-2936-4249-a325-8ba46125d9a8.tmp</t>
  </si>
  <si>
    <t>\\acsfs\profiles$\paulovadc\Downloads\7d68b559-2936-4249-a325-8ba46125d9a8.tmp</t>
  </si>
  <si>
    <t>01/18/2020 09:39:29</t>
  </si>
  <si>
    <t>mail.google.com/sync/u/0/i/s?hl=pt-BR&amp;c=4</t>
  </si>
  <si>
    <t>01/18/2020 09:39:36</t>
  </si>
  <si>
    <t>01/18/2020 09:40:00</t>
  </si>
  <si>
    <t>01/18/2020 09:40:06</t>
  </si>
  <si>
    <t>01/18/2020 09:40:21</t>
  </si>
  <si>
    <t>01/18/2020 09:40:25</t>
  </si>
  <si>
    <t>01/18/2020 09:41:08</t>
  </si>
  <si>
    <t>01/18/2020 09:41:16</t>
  </si>
  <si>
    <t>andrelpsa@algartech.com;josiascdsj@algartech.com;leonardoao@algartech.com;marianadjc@algartech.com;paulacn@algartech.com;rafaelggs@algartech.com;ricardodfm@algartech.com.br;taysdss@algartech.com;viniciussg@algartech.com;</t>
  </si>
  <si>
    <t>andrelpsa@algartech.com,josiascdsj@algartech.com,leonardoao@algartech.com,marianadjc@algartech.com,paulacn@algartech.com,rafaelggs@algartech.com,ricardodfm@algartech.com.br,taysdss@algartech.com,viniciussg@algartech.com</t>
  </si>
  <si>
    <t>01/18/2020 09:41:18</t>
  </si>
  <si>
    <t>01/18/2020 09:41:20</t>
  </si>
  <si>
    <t>01/18/2020 09:41:45</t>
  </si>
  <si>
    <t>01/18/2020 09:42:02</t>
  </si>
  <si>
    <t>Dados Gerais BV - CARTÕES.xlsx</t>
  </si>
  <si>
    <t>\\acsfs\DEPTOS\Operacao\PCP\5 - Comum\PLANEJAMENTO BV\22 - BANCO DE DADOS BV\CARTÕES\Dados Gerais BV - CARTÕES.xlsx</t>
  </si>
  <si>
    <t>01/18/2020 09:39:16</t>
  </si>
  <si>
    <t>nathalydds</t>
  </si>
  <si>
    <t>\\acsfs\profiles$\nathalydds\Downloads\</t>
  </si>
  <si>
    <t>Supera (Ao Vivo).0xpywh6.partial</t>
  </si>
  <si>
    <t>\\acsfs\profiles$\nathalydds\Downloads\Supera (Ao Vivo).0xpywh6.partial</t>
  </si>
  <si>
    <t>01/18/2020 09:44:54</t>
  </si>
  <si>
    <t>01/18/2020 09:46:19</t>
  </si>
  <si>
    <t>01/18/2020 09:48:53</t>
  </si>
  <si>
    <t>01/18/2020 09:49:54</t>
  </si>
  <si>
    <t>01/18/2020 09:54:54</t>
  </si>
  <si>
    <t>01/18/2020 09:56:54</t>
  </si>
  <si>
    <t>01/18/2020 09:55:32</t>
  </si>
  <si>
    <t>5dfd3f6a-6c95-4cc5-aa5c-4bf3bd536bf3.tmp</t>
  </si>
  <si>
    <t>\\acsfs\profiles$\rafaelacdoc\Downloads\5dfd3f6a-6c95-4cc5-aa5c-4bf3bd536bf3.tmp</t>
  </si>
  <si>
    <t>01/18/2020 09:56:13</t>
  </si>
  <si>
    <t>01/18/2020 09:53:25</t>
  </si>
  <si>
    <t>01/18/2020 09:57:53</t>
  </si>
  <si>
    <t>5b01e088-c456-4e74-ac88-4991d59fe25f.tmp</t>
  </si>
  <si>
    <t>\\acsfs\profiles$\isabellegtds\Downloads\5b01e088-c456-4e74-ac88-4991d59fe25f.tmp</t>
  </si>
  <si>
    <t>01/18/2020 09:59:53</t>
  </si>
  <si>
    <t>01/18/2020 09:56:48</t>
  </si>
  <si>
    <t>01/18/2020 10:00:54</t>
  </si>
  <si>
    <t>01/18/2020 09:58:41</t>
  </si>
  <si>
    <t>01/18/2020 09:59:37</t>
  </si>
  <si>
    <t>01/18/2020 09:59:43</t>
  </si>
  <si>
    <t>01/18/2020 09:59:50</t>
  </si>
  <si>
    <t>01/18/2020 09:56:29</t>
  </si>
  <si>
    <t>01/18/2020 10:01:54</t>
  </si>
  <si>
    <t>8417fbfd-5afa-410f-868e-77092a2b3112.tmp</t>
  </si>
  <si>
    <t>\\acsfs\profiles$\rafaelacdoc\Downloads\8417fbfd-5afa-410f-868e-77092a2b3112.tmp</t>
  </si>
  <si>
    <t>01/18/2020 09:59:30</t>
  </si>
  <si>
    <t>01/18/2020 10:03:54</t>
  </si>
  <si>
    <t>9c641fd6-4273-4316-94af-5d669c454360.tmp</t>
  </si>
  <si>
    <t>\\acsfs\profiles$\dhiulliananads\Downloads\9c641fd6-4273-4316-94af-5d669c454360.tmp</t>
  </si>
  <si>
    <t>01/18/2020 10:04:54</t>
  </si>
  <si>
    <t>01/18/2020 10:02:09</t>
  </si>
  <si>
    <t>01/18/2020 10:05:54</t>
  </si>
  <si>
    <t>10.200.66.121</t>
  </si>
  <si>
    <t>5d618576-cf5b-47e4-a7d1-8cc8491b0bf2.tmp</t>
  </si>
  <si>
    <t>\\acsfs\profiles$\mariagsg\Downloads\5d618576-cf5b-47e4-a7d1-8cc8491b0bf2.tmp</t>
  </si>
  <si>
    <t>7a6993cb-9705-4a8a-b6cc-5787c3b70b42.tmp</t>
  </si>
  <si>
    <t>\\acsfs\profiles$\mariagsg\Downloads\7a6993cb-9705-4a8a-b6cc-5787c3b70b42.tmp</t>
  </si>
  <si>
    <t>01/18/2020 10:02:15</t>
  </si>
  <si>
    <t>01/18/2020 10:02:47</t>
  </si>
  <si>
    <t>01/18/2020 10:03:08</t>
  </si>
  <si>
    <t>fdd14d06-6640-4522-8341-017f77f4ac48.tmp</t>
  </si>
  <si>
    <t>\\acsfs\profiles$\mariagsg\Downloads\fdd14d06-6640-4522-8341-017f77f4ac48.tmp</t>
  </si>
  <si>
    <t>01/18/2020 10:08:54</t>
  </si>
  <si>
    <t>01/18/2020 10:06:22</t>
  </si>
  <si>
    <t>Briga.4rk4g5e.partial</t>
  </si>
  <si>
    <t>\\acsfs\profiles$\nathalydds\Downloads\Briga.4rk4g5e.partial</t>
  </si>
  <si>
    <t>01/18/2020 10:09:54</t>
  </si>
  <si>
    <t>01/18/2020 10:07:08</t>
  </si>
  <si>
    <t>01/18/2020 10:11:54</t>
  </si>
  <si>
    <t>c3f2d548-6182-445d-9282-e0813e5d5362.tmp</t>
  </si>
  <si>
    <t>\\acsfs\profiles$\gabrielaff\Downloads\c3f2d548-6182-445d-9282-e0813e5d5362.tmp</t>
  </si>
  <si>
    <t>01/18/2020 10:11:09</t>
  </si>
  <si>
    <t>ee702c47-50fd-4b01-9161-d837b9a1d29f.tmp</t>
  </si>
  <si>
    <t>\\acsfs\profiles$\gabrielaff\Downloads\ee702c47-50fd-4b01-9161-d837b9a1d29f.tmp</t>
  </si>
  <si>
    <t>01/18/2020 10:10:55</t>
  </si>
  <si>
    <t>01/18/2020 10:13:54</t>
  </si>
  <si>
    <t>b407e9a7-fff6-41d4-9073-7f120e7ff9f3.tmp</t>
  </si>
  <si>
    <t>\\acsfs\profiles$\paulovadc\Downloads\b407e9a7-fff6-41d4-9073-7f120e7ff9f3.tmp</t>
  </si>
  <si>
    <t>01/18/2020 10:12:47</t>
  </si>
  <si>
    <t>3fed49e4-6196-4c22-8d0c-5f43cdd02234.tmp</t>
  </si>
  <si>
    <t>\\acsfs\profiles$\henriquehmdo\Downloads\3fed49e4-6196-4c22-8d0c-5f43cdd02234.tmp</t>
  </si>
  <si>
    <t>01/18/2020 10:14:53</t>
  </si>
  <si>
    <t>01/18/2020 10:16:41</t>
  </si>
  <si>
    <t>01/18/2020 10:17:54</t>
  </si>
  <si>
    <t>b1427a87-ecb5-4a11-8fb8-53de2e8360c1.tmp</t>
  </si>
  <si>
    <t>\\acsfs\profiles$\kellzylenneasr\Downloads\b1427a87-ecb5-4a11-8fb8-53de2e8360c1.tmp</t>
  </si>
  <si>
    <t>01/18/2020 10:18:54</t>
  </si>
  <si>
    <t>01/18/2020 10:14:18</t>
  </si>
  <si>
    <t>Mentira.y5gd7si.partial</t>
  </si>
  <si>
    <t>\\acsfs\profiles$\nathalydds\Downloads\Mentira.y5gd7si.partial</t>
  </si>
  <si>
    <t>01/18/2020 10:18:05</t>
  </si>
  <si>
    <t>Surtada (Remix Brega Funk).dwcn1uw.partial</t>
  </si>
  <si>
    <t>\\acsfs\profiles$\nathalydds\Downloads\Surtada (Remix Brega Funk).dwcn1uw.partial</t>
  </si>
  <si>
    <t>01/18/2020 10:19:54</t>
  </si>
  <si>
    <t>01/18/2020 10:19:36</t>
  </si>
  <si>
    <t>01/18/2020 10:20:54</t>
  </si>
  <si>
    <t>01/18/2020 10:17:47</t>
  </si>
  <si>
    <t>01/18/2020 10:21:54</t>
  </si>
  <si>
    <t>66b84c31-99e7-44c6-8499-0758b50b1c7b;</t>
  </si>
  <si>
    <t>https://player.vimeo.com/log/play</t>
  </si>
  <si>
    <t>https://player.vimeo.com/log/partial</t>
  </si>
  <si>
    <t>01/18/2020 10:17:56</t>
  </si>
  <si>
    <t>01/18/2020 10:18:06</t>
  </si>
  <si>
    <t>01/18/2020 10:18:21</t>
  </si>
  <si>
    <t>01/18/2020 10:18:50</t>
  </si>
  <si>
    <t>01/18/2020 10:19:30</t>
  </si>
  <si>
    <t>01/18/2020 10:19:32</t>
  </si>
  <si>
    <t>01/18/2020 10:24:54</t>
  </si>
  <si>
    <t>01/18/2020 10:22:27</t>
  </si>
  <si>
    <t>01/18/2020 10:25:54</t>
  </si>
  <si>
    <t>01/18/2020 10:24:18</t>
  </si>
  <si>
    <t>01/18/2020 10:26:54</t>
  </si>
  <si>
    <t>01/18/2020 10:21:03</t>
  </si>
  <si>
    <t>01/18/2020 10:21:06</t>
  </si>
  <si>
    <t>01/18/2020 10:21:34</t>
  </si>
  <si>
    <t>01/18/2020 10:21:36</t>
  </si>
  <si>
    <t>01/18/2020 10:21:42</t>
  </si>
  <si>
    <t>01/18/2020 10:21:43</t>
  </si>
  <si>
    <t>01/18/2020 10:25:29</t>
  </si>
  <si>
    <t>01/18/2020 10:22:58</t>
  </si>
  <si>
    <t>01/18/2020 10:27:54</t>
  </si>
  <si>
    <t>1f5c8248-4ee9-4e94-bcbb-0f9dd8136a4f.tmp</t>
  </si>
  <si>
    <t>\\acsfs\profiles$\BRUNAAR\Downloads\1f5c8248-4ee9-4e94-bcbb-0f9dd8136a4f.tmp</t>
  </si>
  <si>
    <t>01/18/2020 10:25:31</t>
  </si>
  <si>
    <t>29762f78-f287-42e2-a57a-3d89a08452b5.tmp</t>
  </si>
  <si>
    <t>\\acsfs\profiles$\BRUNAAR\Downloads\29762f78-f287-42e2-a57a-3d89a08452b5.tmp</t>
  </si>
  <si>
    <t>01/18/2020 10:25:28</t>
  </si>
  <si>
    <t>01/18/2020 10:28:54</t>
  </si>
  <si>
    <t>Perfect.clh0we1.partial</t>
  </si>
  <si>
    <t>\\acsfs\profiles$\nathalydds\Downloads\Perfect.clh0we1.partial</t>
  </si>
  <si>
    <t>01/18/2020 10:29:54</t>
  </si>
  <si>
    <t>01/18/2020 10:26:14</t>
  </si>
  <si>
    <t>01/18/2020 10:30:54</t>
  </si>
  <si>
    <t>01/18/2020 10:27:53</t>
  </si>
  <si>
    <t>01/18/2020 10:28:21</t>
  </si>
  <si>
    <t>01/18/2020 10:27:39</t>
  </si>
  <si>
    <t>01/18/2020 10:31:54</t>
  </si>
  <si>
    <t>01/18/2020 10:27:43</t>
  </si>
  <si>
    <t>01/18/2020 10:27:44</t>
  </si>
  <si>
    <t>01/18/2020 10:27:45</t>
  </si>
  <si>
    <t>01/18/2020 10:30:50</t>
  </si>
  <si>
    <t>01/18/2020 10:33:54</t>
  </si>
  <si>
    <t>882a10eb-1a41-499d-86d7-9412b15497e6.tmp</t>
  </si>
  <si>
    <t>\\acsfs\profiles$\dhiulliananads\Downloads\882a10eb-1a41-499d-86d7-9412b15497e6.tmp</t>
  </si>
  <si>
    <t>01/18/2020 10:30:07</t>
  </si>
  <si>
    <t>tudo-ok-kondzilla-com.mp3.jcfyrj1.partial</t>
  </si>
  <si>
    <t>\\acsfs\profiles$\nathalydds\Downloads\tudo-ok-kondzilla-com.mp3.jcfyrj1.partial</t>
  </si>
  <si>
    <t>01/18/2020 10:34:54</t>
  </si>
  <si>
    <t>01/18/2020 10:39:55</t>
  </si>
  <si>
    <t>01/18/2020 10:39:20</t>
  </si>
  <si>
    <t>01/18/2020 10:40:54</t>
  </si>
  <si>
    <t>01/18/2020 10:39:28</t>
  </si>
  <si>
    <t>01/18/2020 10:36:11</t>
  </si>
  <si>
    <t>01/18/2020 10:39:14</t>
  </si>
  <si>
    <t>01/18/2020 10:39:25</t>
  </si>
  <si>
    <t>01/18/2020 10:39:18</t>
  </si>
  <si>
    <t>01/18/2020 10:43:55</t>
  </si>
  <si>
    <t>Você%20me%20faz%20tão%20bem,%20%20Ferrugem.ba7e8hq.partial</t>
  </si>
  <si>
    <t>\\acsfs\profiles$\nathalydds\Downloads\Você%20me%20faz%20tão%20bem,%20%20Ferrugem.ba7e8hq.partial</t>
  </si>
  <si>
    <t>01/18/2020 10:44:54</t>
  </si>
  <si>
    <t>01/18/2020 10:49:53</t>
  </si>
  <si>
    <t>01/18/2020 10:54:54</t>
  </si>
  <si>
    <t>01/18/2020 10:57:28</t>
  </si>
  <si>
    <t>01/18/2020 10:58:55</t>
  </si>
  <si>
    <t>Briga (1).8v0x6p0.partial</t>
  </si>
  <si>
    <t>\\acsfs\profiles$\nathalydds\Downloads\Briga (1).8v0x6p0.partial</t>
  </si>
  <si>
    <t>01/18/2020 10:59:55</t>
  </si>
  <si>
    <t>01/18/2020 10:55:22</t>
  </si>
  <si>
    <t>01/18/2020 11:00:55</t>
  </si>
  <si>
    <t>01/18/2020 10:55:35</t>
  </si>
  <si>
    <t>01/18/2020 10:55:43</t>
  </si>
  <si>
    <t>01/18/2020 11:04:56</t>
  </si>
  <si>
    <t>01/18/2020 11:05:57</t>
  </si>
  <si>
    <t>01/18/2020 11:02:46</t>
  </si>
  <si>
    <t>d52ddd1f-863f-4bfc-a2f6-29cfabb5ee2d.tmp</t>
  </si>
  <si>
    <t>\\acsfs\profiles$\felipetds\Downloads\d52ddd1f-863f-4bfc-a2f6-29cfabb5ee2d.tmp</t>
  </si>
  <si>
    <t>01/18/2020 11:06:57</t>
  </si>
  <si>
    <t>01/18/2020 11:08:56</t>
  </si>
  <si>
    <t>Perfect (1).r9oomaj.partial</t>
  </si>
  <si>
    <t>\\acsfs\profiles$\nathalydds\Downloads\Perfect (1).r9oomaj.partial</t>
  </si>
  <si>
    <t>01/18/2020 11:09:56</t>
  </si>
  <si>
    <t>01/18/2020 11:06:16</t>
  </si>
  <si>
    <t>01/18/2020 11:10:56</t>
  </si>
  <si>
    <t>01/18/2020 11:06:50</t>
  </si>
  <si>
    <t>01/18/2020 11:09:32</t>
  </si>
  <si>
    <t>01/18/2020 11:12:56</t>
  </si>
  <si>
    <t>01/18/2020 11:09:53</t>
  </si>
  <si>
    <t>01/18/2020 11:10:08</t>
  </si>
  <si>
    <t>01/18/2020 11:10:29</t>
  </si>
  <si>
    <t>01/18/2020 11:10:45</t>
  </si>
  <si>
    <t>01/18/2020 11:11:41</t>
  </si>
  <si>
    <t>01/18/2020 11:14:56</t>
  </si>
  <si>
    <t>01/18/2020 11:12:03</t>
  </si>
  <si>
    <t>01/18/2020 11:17:56</t>
  </si>
  <si>
    <t>01/18/2020 11:12:12</t>
  </si>
  <si>
    <t>01/18/2020 11:18:56</t>
  </si>
  <si>
    <t>01/18/2020 11:14:58</t>
  </si>
  <si>
    <t>01/18/2020 11:15:05</t>
  </si>
  <si>
    <t>01/18/2020 11:15:17</t>
  </si>
  <si>
    <t>01/18/2020 11:15:25</t>
  </si>
  <si>
    <t>andrelpsa@algartech.com;josiascdsj@algartech.com;leonardoao@algartech.com;marianadjc@algartech.com;paulacn@algartech.com;ricardodfm@algartech.com.br;taysdss@algartech.com;viniciussg@algartech.com;</t>
  </si>
  <si>
    <t>andrelpsa@algartech.com,josiascdsj@algartech.com,leonardoao@algartech.com,marianadjc@algartech.com,paulacn@algartech.com,ricardodfm@algartech.com.br,taysdss@algartech.com,viniciussg@algartech.com</t>
  </si>
  <si>
    <t>01/18/2020 11:15:28</t>
  </si>
  <si>
    <t>01/18/2020 11:16:14</t>
  </si>
  <si>
    <t>01/18/2020 11:16:22</t>
  </si>
  <si>
    <t>01/18/2020 11:16:32</t>
  </si>
  <si>
    <t>01/18/2020 11:19:56</t>
  </si>
  <si>
    <t>01/18/2020 11:15:29</t>
  </si>
  <si>
    <t>01/18/2020 11:20:57</t>
  </si>
  <si>
    <t>01/18/2020 11:19:42</t>
  </si>
  <si>
    <t>01/18/2020 11:19:46</t>
  </si>
  <si>
    <t>01/18/2020 11:22:56</t>
  </si>
  <si>
    <t>01/18/2020 11:19:24</t>
  </si>
  <si>
    <t>01/18/2020 11:24:56</t>
  </si>
  <si>
    <t>01/18/2020 11:29:56</t>
  </si>
  <si>
    <t>01/18/2020 11:30:36</t>
  </si>
  <si>
    <t>01/18/2020 11:32:56</t>
  </si>
  <si>
    <t>Agent State Details 17.01.2020.xlsx</t>
  </si>
  <si>
    <t>\\acsfs\deptos\Operacao\PCP\5 - Comum\PLANEJAMENTO BV\23 - EXTRAÇÕES\Agent State Details\2020\JANEIRO\Agent State Details 17.01.2020.xlsx</t>
  </si>
  <si>
    <t>01/18/2020 11:34:56</t>
  </si>
  <si>
    <t>01/18/2020 11:31:16</t>
  </si>
  <si>
    <t>01/18/2020 11:35:56</t>
  </si>
  <si>
    <t>41713d3c-7470-4a63-a21e-95b8e773cda7.tmp</t>
  </si>
  <si>
    <t>\\acsfs\profiles$\ERICALSR\Downloads\41713d3c-7470-4a63-a21e-95b8e773cda7.tmp</t>
  </si>
  <si>
    <t>01/18/2020 11:34:02</t>
  </si>
  <si>
    <t>aa2c48c1-01ad-4528-a6c5-48440e979069.tmp</t>
  </si>
  <si>
    <t>\\acsfs\profiles$\ERICALSR\Downloads\aa2c48c1-01ad-4528-a6c5-48440e979069.tmp</t>
  </si>
  <si>
    <t>01/18/2020 11:34:15</t>
  </si>
  <si>
    <t>01/18/2020 11:34:16</t>
  </si>
  <si>
    <t>01/18/2020 11:34:18</t>
  </si>
  <si>
    <t>01/18/2020 11:34:21</t>
  </si>
  <si>
    <t>01/18/2020 11:32:58</t>
  </si>
  <si>
    <t>23b36530-8371-4bea-b082-15cba843ed83.tmp</t>
  </si>
  <si>
    <t>\\acsfs\profiles$\luanarda\Downloads\23b36530-8371-4bea-b082-15cba843ed83.tmp</t>
  </si>
  <si>
    <t>01/18/2020 11:36:44</t>
  </si>
  <si>
    <t>01/18/2020 11:37:56</t>
  </si>
  <si>
    <t>01/18/2020 11:39:56</t>
  </si>
  <si>
    <t>01/18/2020 11:37:00</t>
  </si>
  <si>
    <t>01/18/2020 11:40:56</t>
  </si>
  <si>
    <t>01/18/2020 11:44:56</t>
  </si>
  <si>
    <t>01/18/2020 11:43:27</t>
  </si>
  <si>
    <t>01/18/2020 11:45:56</t>
  </si>
  <si>
    <t>01/18/2020 11:47:12</t>
  </si>
  <si>
    <t>01/18/2020 11:47:56</t>
  </si>
  <si>
    <t>a2d74035-f058-42d2-abc5-8f4a0d46ad17.tmp</t>
  </si>
  <si>
    <t>\\acsfs\profiles$\BRUNAAR\Downloads\a2d74035-f058-42d2-abc5-8f4a0d46ad17.tmp</t>
  </si>
  <si>
    <t>01/18/2020 11:48:56</t>
  </si>
  <si>
    <t>01/18/2020 11:49:56</t>
  </si>
  <si>
    <t>01/18/2020 11:48:26</t>
  </si>
  <si>
    <t>01/18/2020 11:50:56</t>
  </si>
  <si>
    <t>01/18/2020 11:48:14</t>
  </si>
  <si>
    <t>01/18/2020 11:52:56</t>
  </si>
  <si>
    <t>01/18/2020 11:48:55</t>
  </si>
  <si>
    <t>01/18/2020 11:53:56</t>
  </si>
  <si>
    <t>lu705217hpe.tmp</t>
  </si>
  <si>
    <t>\\acsfs\profiles$\dhiulliananads\My Documents\lu705217hpe.tmp</t>
  </si>
  <si>
    <t>\\acsfs\profiles$\dhiulliananads\My Documents\lu705217hpe.tmp\</t>
  </si>
  <si>
    <t>\\acsfs\profiles$\dhiulliananads\My Documents\lu705217hpe.tmp\META-INF\</t>
  </si>
  <si>
    <t>\\acsfs\profiles$\dhiulliananads\My Documents\lu705217hpe.tmp\Thumbnails\</t>
  </si>
  <si>
    <t>01/18/2020 11:50:20</t>
  </si>
  <si>
    <t>lu705217hpj.tmp</t>
  </si>
  <si>
    <t>\\acsfs\profiles$\dhiulliananads\My Documents\lu705217hpj.tmp</t>
  </si>
  <si>
    <t>\\acsfs\profiles$\dhiulliananads\My Documents\lu705217hpj.tmp\</t>
  </si>
  <si>
    <t>\\acsfs\profiles$\dhiulliananads\My Documents\lu705217hpj.tmp\META-INF\</t>
  </si>
  <si>
    <t>\\acsfs\profiles$\dhiulliananads\My Documents\lu705217hpj.tmp\Thumbnails\</t>
  </si>
  <si>
    <t>01/18/2020 11:54:56</t>
  </si>
  <si>
    <t>01/18/2020 11:57:56</t>
  </si>
  <si>
    <t>01/18/2020 11:55:40</t>
  </si>
  <si>
    <t>lu2224jihv.tmp</t>
  </si>
  <si>
    <t>\\acsfs\profiles$\BRUNAAR\Numero\lu2224jihv.tmp</t>
  </si>
  <si>
    <t>01/18/2020 11:59:56</t>
  </si>
  <si>
    <t>01/18/2020 12:04:57</t>
  </si>
  <si>
    <t>01/18/2020 12:00:02</t>
  </si>
  <si>
    <t>328544e4-74df-4f48-8adb-201975427eb6.tmp</t>
  </si>
  <si>
    <t>\\acsfs\profiles$\Flaviojmm\Downloads\328544e4-74df-4f48-8adb-201975427eb6.tmp</t>
  </si>
  <si>
    <t>01/18/2020 12:04:39</t>
  </si>
  <si>
    <t>01/18/2020 12:05:56</t>
  </si>
  <si>
    <t>a4a9596e-dc66-47c5-bd1c-1e41bbdfe20b.tmp</t>
  </si>
  <si>
    <t>\\acsfs\profiles$\felipetds\Downloads\a4a9596e-dc66-47c5-bd1c-1e41bbdfe20b.tmp</t>
  </si>
  <si>
    <t>01/18/2020 12:09:56</t>
  </si>
  <si>
    <t>01/18/2020 12:14:56</t>
  </si>
  <si>
    <t>01/18/2020 12:15:44</t>
  </si>
  <si>
    <t>01/18/2020 12:18:56</t>
  </si>
  <si>
    <t>01/18/2020 12:15:47</t>
  </si>
  <si>
    <t>01/18/2020 12:16:10</t>
  </si>
  <si>
    <t>01/18/2020 12:16:34</t>
  </si>
  <si>
    <t>01/18/2020 12:16:38</t>
  </si>
  <si>
    <t>01/18/2020 12:16:42</t>
  </si>
  <si>
    <t>01/18/2020 12:16:45</t>
  </si>
  <si>
    <t>01/18/2020 12:16:52</t>
  </si>
  <si>
    <t>01/18/2020 12:16:57</t>
  </si>
  <si>
    <t>01/18/2020 12:17:18</t>
  </si>
  <si>
    <t>01/18/2020 12:17:46</t>
  </si>
  <si>
    <t>01/18/2020 12:19:56</t>
  </si>
  <si>
    <t>01/18/2020 12:21:28</t>
  </si>
  <si>
    <t>01/18/2020 12:22:56</t>
  </si>
  <si>
    <t>Agent utilization 01.01.2020 a 16.01.2020.xlsx</t>
  </si>
  <si>
    <t>\\acsfs\deptos\Operacao\PCP\5 - Comum\PLANEJAMENTO BV\23 - EXTRAÇÕES\Agent utilization\2020\Agent utilization 01.01.2020 a 16.01.2020.xlsx</t>
  </si>
  <si>
    <t>01/18/2020 12:24:56</t>
  </si>
  <si>
    <t>01/18/2020 12:29:56</t>
  </si>
  <si>
    <t>01/18/2020 12:34:57</t>
  </si>
  <si>
    <t>01/18/2020 12:37:22</t>
  </si>
  <si>
    <t>01/18/2020 12:38:56</t>
  </si>
  <si>
    <t>01/18/2020 12:39:56</t>
  </si>
  <si>
    <t>01/18/2020 12:44:57</t>
  </si>
  <si>
    <t>01/18/2020 12:42:40</t>
  </si>
  <si>
    <t>ddc2b80c-fb50-4244-9559-0b4f3e5814d7.tmp</t>
  </si>
  <si>
    <t>\\acsfs\profiles$\jessicafc\Downloads\ddc2b80c-fb50-4244-9559-0b4f3e5814d7.tmp</t>
  </si>
  <si>
    <t>01/18/2020 12:47:18</t>
  </si>
  <si>
    <t>01/18/2020 12:47:56</t>
  </si>
  <si>
    <t>lu2224jihz.tmp</t>
  </si>
  <si>
    <t>\\acsfs\profiles$\BRUNAAR\Numero\lu2224jihz.tmp</t>
  </si>
  <si>
    <t>01/18/2020 12:49:56</t>
  </si>
  <si>
    <t>01/18/2020 12:44:59</t>
  </si>
  <si>
    <t>b848474f-0d02-452f-a875-fe49398a425b.tmp</t>
  </si>
  <si>
    <t>\\acsfs\profiles$\jessicafc\Downloads\b848474f-0d02-452f-a875-fe49398a425b.tmp</t>
  </si>
  <si>
    <t>01/18/2020 12:46:52</t>
  </si>
  <si>
    <t>01/18/2020 12:50:55</t>
  </si>
  <si>
    <t>01/18/2020 12:46:40</t>
  </si>
  <si>
    <t>1e4b2fc9-63f9-45fd-b941-5f88c10254b0.tmp</t>
  </si>
  <si>
    <t>\\acsfs\profiles$\milenaas\Downloads\1e4b2fc9-63f9-45fd-b941-5f88c10254b0.tmp</t>
  </si>
  <si>
    <t>01/18/2020 12:51:31</t>
  </si>
  <si>
    <t>01/18/2020 12:53:56</t>
  </si>
  <si>
    <t>01/18/2020 12:53:28</t>
  </si>
  <si>
    <t>01/18/2020 12:54:56</t>
  </si>
  <si>
    <t>01/18/2020 12:55:34</t>
  </si>
  <si>
    <t>01/18/2020 12:55:56</t>
  </si>
  <si>
    <t>01/18/2020 12:58:56</t>
  </si>
  <si>
    <t>01/18/2020 12:53:48</t>
  </si>
  <si>
    <t>f1e0a689-6576-4b07-93dc-07c1dee90d87.tmp</t>
  </si>
  <si>
    <t>\\acsfs\profiles$\paulovadc\Downloads\f1e0a689-6576-4b07-93dc-07c1dee90d87.tmp</t>
  </si>
  <si>
    <t>01/18/2020 12:59:56</t>
  </si>
  <si>
    <t>01/18/2020 13:00:56</t>
  </si>
  <si>
    <t>01/18/2020 12:56:16</t>
  </si>
  <si>
    <t>01/18/2020 13:04:57</t>
  </si>
  <si>
    <t>01/18/2020 13:03:02</t>
  </si>
  <si>
    <t>01/18/2020 13:05:56</t>
  </si>
  <si>
    <t>fa949153-f61e-41c2-ab47-19458e2d0300.tmp</t>
  </si>
  <si>
    <t>\\acsfs\profiles$\PEDROHAB\Downloads\fa949153-f61e-41c2-ab47-19458e2d0300.tmp</t>
  </si>
  <si>
    <t>01/18/2020 13:05:14</t>
  </si>
  <si>
    <t>01/18/2020 13:08:57</t>
  </si>
  <si>
    <t>7a95d0f2-835e-4d4b-b011-384f737344a9.tmp</t>
  </si>
  <si>
    <t>\\acsfs\profiles$\paulovadc\Downloads\7a95d0f2-835e-4d4b-b011-384f737344a9.tmp</t>
  </si>
  <si>
    <t>01/18/2020 13:09:56</t>
  </si>
  <si>
    <t>01/18/2020 13:08:46</t>
  </si>
  <si>
    <t>01/18/2020 13:13:57</t>
  </si>
  <si>
    <t>6850adb1-9395-4cf5-9bcc-514a06823b3d.tmp</t>
  </si>
  <si>
    <t>\\acsfs\profiles$\dhiulliananads\Downloads\6850adb1-9395-4cf5-9bcc-514a06823b3d.tmp</t>
  </si>
  <si>
    <t>01/18/2020 13:14:57</t>
  </si>
  <si>
    <t>01/18/2020 13:18:05</t>
  </si>
  <si>
    <t>01/18/2020 13:18:56</t>
  </si>
  <si>
    <t>01/18/2020 13:18:27</t>
  </si>
  <si>
    <t>01/18/2020 13:18:31</t>
  </si>
  <si>
    <t>01/18/2020 13:19:57</t>
  </si>
  <si>
    <t>01/18/2020 13:15:47</t>
  </si>
  <si>
    <t>01/18/2020 13:20:57</t>
  </si>
  <si>
    <t>01/18/2020 13:19:42</t>
  </si>
  <si>
    <t>01/18/2020 13:24:57</t>
  </si>
  <si>
    <t>01/18/2020 13:25:57</t>
  </si>
  <si>
    <t>01/18/2020 13:22:07</t>
  </si>
  <si>
    <t>2621ee52-9cfc-4773-8e16-4759449da70e.tmp</t>
  </si>
  <si>
    <t>\\acsfs\profiles$\felipetds\Downloads\2621ee52-9cfc-4773-8e16-4759449da70e.tmp</t>
  </si>
  <si>
    <t>01/18/2020 13:29:57</t>
  </si>
  <si>
    <t>01/18/2020 13:34:57</t>
  </si>
  <si>
    <t>01/18/2020 13:32:02</t>
  </si>
  <si>
    <t>01/18/2020 13:35:56</t>
  </si>
  <si>
    <t>01/18/2020 13:38:57</t>
  </si>
  <si>
    <t>01/18/2020 13:35:53</t>
  </si>
  <si>
    <t>01/18/2020 13:36:02</t>
  </si>
  <si>
    <t>01/18/2020 13:36:03</t>
  </si>
  <si>
    <t>01/18/2020 13:36:07</t>
  </si>
  <si>
    <t>01/18/2020 13:36:09</t>
  </si>
  <si>
    <t>01/18/2020 13:36:13</t>
  </si>
  <si>
    <t>01/18/2020 13:36:15</t>
  </si>
  <si>
    <t>01/18/2020 13:36:21</t>
  </si>
  <si>
    <t>01/18/2020 13:36:22</t>
  </si>
  <si>
    <t>01/18/2020 13:36:24</t>
  </si>
  <si>
    <t>01/18/2020 13:36:26</t>
  </si>
  <si>
    <t>01/18/2020 13:36:29</t>
  </si>
  <si>
    <t>01/18/2020 13:36:30</t>
  </si>
  <si>
    <t>01/18/2020 13:36:31</t>
  </si>
  <si>
    <t>01/18/2020 13:36:49</t>
  </si>
  <si>
    <t>01/18/2020 13:36:50</t>
  </si>
  <si>
    <t>01/18/2020 13:37:00</t>
  </si>
  <si>
    <t>01/18/2020 13:37:02</t>
  </si>
  <si>
    <t>01/18/2020 13:37:03</t>
  </si>
  <si>
    <t>01/18/2020 13:37:05</t>
  </si>
  <si>
    <t>01/18/2020 13:37:06</t>
  </si>
  <si>
    <t>01/18/2020 13:37:09</t>
  </si>
  <si>
    <t>01/18/2020 13:37:11</t>
  </si>
  <si>
    <t>01/18/2020 13:37:13</t>
  </si>
  <si>
    <t>01/18/2020 13:37:15</t>
  </si>
  <si>
    <t>01/18/2020 13:37:17</t>
  </si>
  <si>
    <t>01/18/2020 13:37:19</t>
  </si>
  <si>
    <t>01/18/2020 13:37:21</t>
  </si>
  <si>
    <t>01/18/2020 13:37:24</t>
  </si>
  <si>
    <t>01/18/2020 13:37:25</t>
  </si>
  <si>
    <t>01/18/2020 13:37:27</t>
  </si>
  <si>
    <t>01/18/2020 13:37:29</t>
  </si>
  <si>
    <t>01/18/2020 13:37:30</t>
  </si>
  <si>
    <t>01/18/2020 13:37:32</t>
  </si>
  <si>
    <t>01/18/2020 13:37:33</t>
  </si>
  <si>
    <t>01/18/2020 13:37:36</t>
  </si>
  <si>
    <t>01/18/2020 13:37:37</t>
  </si>
  <si>
    <t>01/18/2020 13:37:39</t>
  </si>
  <si>
    <t>01/18/2020 13:37:40</t>
  </si>
  <si>
    <t>01/18/2020 13:37:42</t>
  </si>
  <si>
    <t>01/18/2020 13:37:43</t>
  </si>
  <si>
    <t>01/18/2020 13:37:46</t>
  </si>
  <si>
    <t>01/18/2020 13:37:47</t>
  </si>
  <si>
    <t>01/18/2020 13:38:20</t>
  </si>
  <si>
    <t>01/18/2020 13:39:57</t>
  </si>
  <si>
    <t>01/18/2020 13:42:57</t>
  </si>
  <si>
    <t>01/18/2020 13:41:51</t>
  </si>
  <si>
    <t>a67110de-e60b-4844-9ad3-3e98f622da19.tmp</t>
  </si>
  <si>
    <t>\\acsfs\profiles$\kellzylenneasr\Downloads\a67110de-e60b-4844-9ad3-3e98f622da19.tmp</t>
  </si>
  <si>
    <t>01/18/2020 13:44:57</t>
  </si>
  <si>
    <t>01/18/2020 13:42:24</t>
  </si>
  <si>
    <t>01/18/2020 13:45:57</t>
  </si>
  <si>
    <t>e4f45328-2d0a-47ff-bc0f-6d74989fa14f.tmp</t>
  </si>
  <si>
    <t>\\acsfs\profiles$\ERICALSR\Downloads\e4f45328-2d0a-47ff-bc0f-6d74989fa14f.tmp</t>
  </si>
  <si>
    <t>01/18/2020 13:42:55</t>
  </si>
  <si>
    <t>01/18/2020 13:47:57</t>
  </si>
  <si>
    <t>f1afb93c-4cf8-40db-abd7-f03dcda3aeb1.tmp</t>
  </si>
  <si>
    <t>\\acsfs\profiles$\kellzylenneasr\Downloads\f1afb93c-4cf8-40db-abd7-f03dcda3aeb1.tmp</t>
  </si>
  <si>
    <t>01/18/2020 13:45:59</t>
  </si>
  <si>
    <t>01/18/2020 13:48:57</t>
  </si>
  <si>
    <t>01/18/2020 13:46:00</t>
  </si>
  <si>
    <t>lu1817210weud.tmp</t>
  </si>
  <si>
    <t>\\acsfs\profiles$\luanarda\lu1817210weud.tmp</t>
  </si>
  <si>
    <t>\\acsfs\profiles$\luanarda\lu1817210weud.tmp\</t>
  </si>
  <si>
    <t>\\acsfs\profiles$\luanarda\lu1817210weud.tmp\META-INF\</t>
  </si>
  <si>
    <t>\\acsfs\profiles$\luanarda\lu1817210weud.tmp\Thumbnails\</t>
  </si>
  <si>
    <t>01/18/2020 13:46:26</t>
  </si>
  <si>
    <t>01/18/2020 13:46:27</t>
  </si>
  <si>
    <t>lu705217hps.tmp</t>
  </si>
  <si>
    <t>\\acsfs\profiles$\dhiulliananads\My Documents\lu705217hps.tmp</t>
  </si>
  <si>
    <t>\\acsfs\profiles$\dhiulliananads\My Documents\lu705217hps.tmp\</t>
  </si>
  <si>
    <t>\\acsfs\profiles$\dhiulliananads\My Documents\lu705217hps.tmp\META-INF\</t>
  </si>
  <si>
    <t>\\acsfs\profiles$\dhiulliananads\My Documents\lu705217hps.tmp\Thumbnails\</t>
  </si>
  <si>
    <t>01/18/2020 13:48:13</t>
  </si>
  <si>
    <t>01/18/2020 13:48:14</t>
  </si>
  <si>
    <t>lu705217hpx.tmp</t>
  </si>
  <si>
    <t>\\acsfs\profiles$\dhiulliananads\My Documents\lu705217hpx.tmp</t>
  </si>
  <si>
    <t>\\acsfs\profiles$\dhiulliananads\My Documents\lu705217hpx.tmp\</t>
  </si>
  <si>
    <t>\\acsfs\profiles$\dhiulliananads\My Documents\lu705217hpx.tmp\META-INF\</t>
  </si>
  <si>
    <t>\\acsfs\profiles$\dhiulliananads\My Documents\lu705217hpx.tmp\Thumbnails\</t>
  </si>
  <si>
    <t>01/18/2020 13:44:39</t>
  </si>
  <si>
    <t>01/18/2020 13:44:46</t>
  </si>
  <si>
    <t>01/18/2020 13:44:51</t>
  </si>
  <si>
    <t>01/18/2020 13:44:59</t>
  </si>
  <si>
    <t>01/18/2020 13:45:09</t>
  </si>
  <si>
    <t>01/18/2020 13:45:24</t>
  </si>
  <si>
    <t>01/18/2020 13:45:36</t>
  </si>
  <si>
    <t>01/18/2020 13:45:39</t>
  </si>
  <si>
    <t>01/18/2020 13:49:57</t>
  </si>
  <si>
    <t>01/18/2020 13:53:57</t>
  </si>
  <si>
    <t>01/18/2020 13:50:36</t>
  </si>
  <si>
    <t>Surtada (Remix Brega Funk) (1).r1ofpu0.partial</t>
  </si>
  <si>
    <t>\\acsfs\profiles$\nathalydds\Downloads\Surtada (Remix Brega Funk) (1).r1ofpu0.partial</t>
  </si>
  <si>
    <t>01/18/2020 13:54:57</t>
  </si>
  <si>
    <t>01/18/2020 13:55:53</t>
  </si>
  <si>
    <t>01/18/2020 13:57:57</t>
  </si>
  <si>
    <t>AGENT LOGIN LOGOUT DETAILS REPORT 17.01.2020.xlsx</t>
  </si>
  <si>
    <t>\\acsfs\deptos\Operacao\PCP\5 - Comum\PLANEJAMENTO BV\23 - EXTRAÇÕES\Agente Login Logout details report\2020\JANEIRO\AGENT LOGIN LOGOUT DETAILS REPORT 17.01.2020.xlsx</t>
  </si>
  <si>
    <t>01/18/2020 13:58:56</t>
  </si>
  <si>
    <t>01/18/2020 13:56:34</t>
  </si>
  <si>
    <t>7c974aee-9aef-439e-a091-b300198054a6.tmp</t>
  </si>
  <si>
    <t>\\acsfs\profiles$\philipegsf\Downloads\7c974aee-9aef-439e-a091-b300198054a6.tmp</t>
  </si>
  <si>
    <t>01/18/2020 13:57:56</t>
  </si>
  <si>
    <t>5fdfad00-ed9f-4e1b-b134-8de2bb074a6d.tmp</t>
  </si>
  <si>
    <t>\\acsfs\profiles$\philipegsf\Downloads\5fdfad00-ed9f-4e1b-b134-8de2bb074a6d.tmp</t>
  </si>
  <si>
    <t>01/18/2020 13:54:32</t>
  </si>
  <si>
    <t>81aa80f1-1600-4b4f-b364-bdd6c4bc0d9c.tmp</t>
  </si>
  <si>
    <t>\\acsfs\profiles$\paulovadc\Downloads\81aa80f1-1600-4b4f-b364-bdd6c4bc0d9c.tmp</t>
  </si>
  <si>
    <t>01/18/2020 13:56:13</t>
  </si>
  <si>
    <t>Mentira (1).0jultji.partial</t>
  </si>
  <si>
    <t>\\acsfs\profiles$\nathalydds\Downloads\Mentira (1).0jultji.partial</t>
  </si>
  <si>
    <t>01/18/2020 13:59:57</t>
  </si>
  <si>
    <t>01/18/2020 13:59:19</t>
  </si>
  <si>
    <t>01/18/2020 14:00:56</t>
  </si>
  <si>
    <t>01/18/2020 13:58:21</t>
  </si>
  <si>
    <t>01/18/2020 13:59:17</t>
  </si>
  <si>
    <t>01/18/2020 14:03:57</t>
  </si>
  <si>
    <t>Briga (2).tu2bcn3.partial</t>
  </si>
  <si>
    <t>\\acsfs\profiles$\nathalydds\Downloads\Briga (2).tu2bcn3.partial</t>
  </si>
  <si>
    <t>01/18/2020 14:04:57</t>
  </si>
  <si>
    <t>01/18/2020 14:00:08</t>
  </si>
  <si>
    <t>01/18/2020 14:05:57</t>
  </si>
  <si>
    <t>01/18/2020 14:02:38</t>
  </si>
  <si>
    <t>01/18/2020 14:07:58</t>
  </si>
  <si>
    <t>Queue Summary Report 01.01.20 a 16.01.2020.xlsx</t>
  </si>
  <si>
    <t>\\acsfs\deptos\Operacao\PCP\5 - Comum\PLANEJAMENTO BV\23 - EXTRAÇÕES\Queue Summary Report\2020\Queue Summary Report 01.01.20 a 16.01.2020.xlsx</t>
  </si>
  <si>
    <t>01/18/2020 14:05:23</t>
  </si>
  <si>
    <t>01/18/2020 14:08:57</t>
  </si>
  <si>
    <t>Perfect (2).pshfnfz.partial</t>
  </si>
  <si>
    <t>\\acsfs\profiles$\nathalydds\Downloads\Perfect (2).pshfnfz.partial</t>
  </si>
  <si>
    <t>01/18/2020 14:09:58</t>
  </si>
  <si>
    <t>01/18/2020 14:07:49</t>
  </si>
  <si>
    <t>01/18/2020 14:10:57</t>
  </si>
  <si>
    <t>01/18/2020 14:09:22</t>
  </si>
  <si>
    <t>01/18/2020 14:07:22</t>
  </si>
  <si>
    <t>01/18/2020 14:07:33</t>
  </si>
  <si>
    <t>01/18/2020 14:07:48</t>
  </si>
  <si>
    <t>01/18/2020 14:09:25</t>
  </si>
  <si>
    <t>01/18/2020 14:13:58</t>
  </si>
  <si>
    <t>01/18/2020 14:09:49</t>
  </si>
  <si>
    <t>01/18/2020 14:09:46</t>
  </si>
  <si>
    <t>Supera (Ao Vivo) (1).5sp3ya3.partial</t>
  </si>
  <si>
    <t>\\acsfs\profiles$\nathalydds\Downloads\Supera (Ao Vivo) (1).5sp3ya3.partial</t>
  </si>
  <si>
    <t>01/18/2020 14:11:47</t>
  </si>
  <si>
    <t>01/18/2020 14:14:58</t>
  </si>
  <si>
    <t>643c4881-6fc3-4ba5-bb82-c435693b91f3.tmp</t>
  </si>
  <si>
    <t>\\acsfs\profiles$\fabianobmf\Downloads\643c4881-6fc3-4ba5-bb82-c435693b91f3.tmp</t>
  </si>
  <si>
    <t>01/18/2020 14:13:07</t>
  </si>
  <si>
    <t>b87b7e49-ae47-4f7d-bb15-41d91934647a.tmp</t>
  </si>
  <si>
    <t>\\acsfs\profiles$\fabianobmf\Downloads\b87b7e49-ae47-4f7d-bb15-41d91934647a.tmp</t>
  </si>
  <si>
    <t>01/18/2020 14:14:59</t>
  </si>
  <si>
    <t>01/18/2020 14:12:25</t>
  </si>
  <si>
    <t>01/18/2020 14:15:59</t>
  </si>
  <si>
    <t>01/18/2020 14:14:55</t>
  </si>
  <si>
    <t>01/18/2020 14:15:16</t>
  </si>
  <si>
    <t>01/18/2020 14:18:59</t>
  </si>
  <si>
    <t>01/18/2020 14:15:31</t>
  </si>
  <si>
    <t>01/18/2020 14:16:16</t>
  </si>
  <si>
    <t>01/18/2020 14:16:33</t>
  </si>
  <si>
    <t>01/18/2020 14:17:12</t>
  </si>
  <si>
    <t>https://andrelpsa@algartech.com,josiascdsj@algartech.com,leonardoao@algartech.com,marianadjc@algartech.com,paulacn@algartech.com,ricardodfm@algartech.com.br,taysdss@algartech.com,viniciussg@algartech.com</t>
  </si>
  <si>
    <t>01/18/2020 14:18:15</t>
  </si>
  <si>
    <t>01/18/2020 14:19:58</t>
  </si>
  <si>
    <t>01/18/2020 14:23:59</t>
  </si>
  <si>
    <t>01/18/2020 14:18:52</t>
  </si>
  <si>
    <t>100016016412308;</t>
  </si>
  <si>
    <t>https://100016016412308</t>
  </si>
  <si>
    <t>01/18/2020 14:19:14</t>
  </si>
  <si>
    <t>01/18/2020 14:23:45</t>
  </si>
  <si>
    <t>01/18/2020 14:23:46</t>
  </si>
  <si>
    <t>01/18/2020 14:24:58</t>
  </si>
  <si>
    <t>01/18/2020 14:21:57</t>
  </si>
  <si>
    <t>01/18/2020 14:26:59</t>
  </si>
  <si>
    <t>bab85e77-3c06-400f-aa7b-6d7990e6f1d2.tmp</t>
  </si>
  <si>
    <t>\\acsfs\profiles$\matheusmax\Downloads\bab85e77-3c06-400f-aa7b-6d7990e6f1d2.tmp</t>
  </si>
  <si>
    <t>01/18/2020 14:22:49</t>
  </si>
  <si>
    <t>1aa24530-7fea-4a8f-b24e-d4dd9dacd424.tmp</t>
  </si>
  <si>
    <t>\\acsfs\profiles$\matheusmax\Downloads\1aa24530-7fea-4a8f-b24e-d4dd9dacd424.tmp</t>
  </si>
  <si>
    <t>01/18/2020 14:24:22</t>
  </si>
  <si>
    <t>01/18/2020 14:27:59</t>
  </si>
  <si>
    <t>https://fernandaab@algartech.com,kesiadof@algartech.com,lilianls@algartech.com,talmaiardo@algartech.com</t>
  </si>
  <si>
    <t>01/18/2020 14:24:02</t>
  </si>
  <si>
    <t>01/18/2020 14:28:59</t>
  </si>
  <si>
    <t>01/18/2020 14:29:59</t>
  </si>
  <si>
    <t>01/18/2020 14:25:28</t>
  </si>
  <si>
    <t>06074250-df13-4ef0-9bab-804d0cdd61a7.tmp</t>
  </si>
  <si>
    <t>\\acsfs\profiles$\fabianobmf\Downloads\06074250-df13-4ef0-9bab-804d0cdd61a7.tmp</t>
  </si>
  <si>
    <t>01/18/2020 14:30:59</t>
  </si>
  <si>
    <t>01/18/2020 14:29:46</t>
  </si>
  <si>
    <t>01/18/2020 14:34:59</t>
  </si>
  <si>
    <t>01/18/2020 14:32:08</t>
  </si>
  <si>
    <t>01/18/2020 14:35:59</t>
  </si>
  <si>
    <t>01/18/2020 14:37:34</t>
  </si>
  <si>
    <t>01/18/2020 14:38:59</t>
  </si>
  <si>
    <t>01/18/2020 14:39:59</t>
  </si>
  <si>
    <t>01/18/2020 14:38:43</t>
  </si>
  <si>
    <t>01/18/2020 14:40:59</t>
  </si>
  <si>
    <t>01/18/2020 14:39:12</t>
  </si>
  <si>
    <t>01/18/2020 14:35:57</t>
  </si>
  <si>
    <t>01/18/2020 14:37:14</t>
  </si>
  <si>
    <t>01/18/2020 14:44:58</t>
  </si>
  <si>
    <t>01/18/2020 14:40:28</t>
  </si>
  <si>
    <t>01/18/2020 14:45:59</t>
  </si>
  <si>
    <t>01/18/2020 14:45:00</t>
  </si>
  <si>
    <t>01/18/2020 14:47:59</t>
  </si>
  <si>
    <t>01/18/2020 14:43:12</t>
  </si>
  <si>
    <t>4adaaa25-ed2a-451a-b220-d72938f4cc92.tmp</t>
  </si>
  <si>
    <t>\\acsfs\profiles$\philipegsf\Downloads\4adaaa25-ed2a-451a-b220-d72938f4cc92.tmp</t>
  </si>
  <si>
    <t>01/18/2020 14:49:58</t>
  </si>
  <si>
    <t>01/18/2020 14:50:00</t>
  </si>
  <si>
    <t>01/18/2020 14:50:59</t>
  </si>
  <si>
    <t>01/18/2020 14:46:30</t>
  </si>
  <si>
    <t>01/18/2020 14:47:45</t>
  </si>
  <si>
    <t>01/18/2020 14:48:28</t>
  </si>
  <si>
    <t>01/18/2020 14:49:38</t>
  </si>
  <si>
    <t>01/18/2020 14:52:59</t>
  </si>
  <si>
    <t>54094c94-afd6-43c6-98d5-00513e69a4d0.tmp</t>
  </si>
  <si>
    <t>\\acsfs\profiles$\brunalas\Downloads\54094c94-afd6-43c6-98d5-00513e69a4d0.tmp</t>
  </si>
  <si>
    <t>01/18/2020 14:50:40</t>
  </si>
  <si>
    <t>6ff5f779-bd80-4637-bde1-c697d7071bc8.tmp</t>
  </si>
  <si>
    <t>\\acsfs\profiles$\brunalas\Downloads\6ff5f779-bd80-4637-bde1-c697d7071bc8.tmp</t>
  </si>
  <si>
    <t>01/18/2020 14:54:59</t>
  </si>
  <si>
    <t>01/18/2020 14:52:03</t>
  </si>
  <si>
    <t>01/18/2020 14:55:59</t>
  </si>
  <si>
    <t>01/18/2020 14:59:59</t>
  </si>
  <si>
    <t>01/18/2020 14:57:15</t>
  </si>
  <si>
    <t>01/18/2020 15:00:59</t>
  </si>
  <si>
    <t>01/18/2020 14:58:21</t>
  </si>
  <si>
    <t>01/18/2020 14:59:57</t>
  </si>
  <si>
    <t>01/18/2020 15:02:59</t>
  </si>
  <si>
    <t>01/18/2020 14:59:58</t>
  </si>
  <si>
    <t>01/18/2020 14:59:40</t>
  </si>
  <si>
    <t>01/18/2020 15:03:59</t>
  </si>
  <si>
    <t>lu705217hq2.tmp</t>
  </si>
  <si>
    <t>\\acsfs\profiles$\dhiulliananads\My Documents\lu705217hq2.tmp</t>
  </si>
  <si>
    <t>\\acsfs\profiles$\dhiulliananads\My Documents\lu705217hq2.tmp\</t>
  </si>
  <si>
    <t>\\acsfs\profiles$\dhiulliananads\My Documents\lu705217hq2.tmp\META-INF\</t>
  </si>
  <si>
    <t>\\acsfs\profiles$\dhiulliananads\My Documents\lu705217hq2.tmp\Thumbnails\</t>
  </si>
  <si>
    <t>01/18/2020 15:01:53</t>
  </si>
  <si>
    <t>01/18/2020 15:04:59</t>
  </si>
  <si>
    <t>cdc9074d-6487-48cf-b7b5-6f500241c33c.tmp</t>
  </si>
  <si>
    <t>\\acsfs\profiles$\fabianobmf\Downloads\cdc9074d-6487-48cf-b7b5-6f500241c33c.tmp</t>
  </si>
  <si>
    <t>01/18/2020 15:06:00</t>
  </si>
  <si>
    <t>01/18/2020 15:01:52</t>
  </si>
  <si>
    <t>01/18/2020 15:04:58</t>
  </si>
  <si>
    <t>01/18/2020 15:10:00</t>
  </si>
  <si>
    <t>01/18/2020 15:08:46</t>
  </si>
  <si>
    <t>01/18/2020 15:10:59</t>
  </si>
  <si>
    <t>d2b15d60-d0de-43c9-885d-061467f6d9fa.tmp</t>
  </si>
  <si>
    <t>\\acsfs\profiles$\andreapdsg\Downloads\d2b15d60-d0de-43c9-885d-061467f6d9fa.tmp</t>
  </si>
  <si>
    <t>01/18/2020 15:08:50</t>
  </si>
  <si>
    <t>01/18/2020 15:09:15</t>
  </si>
  <si>
    <t>01/18/2020 15:08:42</t>
  </si>
  <si>
    <t>01/18/2020 15:08:39</t>
  </si>
  <si>
    <t>01/18/2020 15:12:00</t>
  </si>
  <si>
    <t>RETORANO ANTONIA.txt</t>
  </si>
  <si>
    <t>\\acsfs\profiles$\rafaelacdoc\RETORANO ANTONIA.txt</t>
  </si>
  <si>
    <t>01/18/2020 15:08:25</t>
  </si>
  <si>
    <t>\\acsfs\profiles$\julianeas\My Documents\My Pictures\</t>
  </si>
  <si>
    <t>\\acsfs\profiles$\julianeas\My Documents\My Videos\desktop.ini</t>
  </si>
  <si>
    <t>01/18/2020 15:08:30</t>
  </si>
  <si>
    <t>\\acsfs\profiles$\julianeas\My Documents\My Videos\</t>
  </si>
  <si>
    <t>01/18/2020 15:08:31</t>
  </si>
  <si>
    <t>01/18/2020 15:08:34</t>
  </si>
  <si>
    <t>01/18/2020 15:08:36</t>
  </si>
  <si>
    <t>\\acsfs\profiles$\julianeas\My Documents\My Music\</t>
  </si>
  <si>
    <t>\\acsfs\profiles$\julianeas\My Documents\My Pictures\desktop.ini</t>
  </si>
  <si>
    <t>01/18/2020 15:08:37</t>
  </si>
  <si>
    <t>01/18/2020 15:08:38</t>
  </si>
  <si>
    <t>01/18/2020 15:08:40</t>
  </si>
  <si>
    <t>\\acsfs\profiles$\julianeas\Contacts\</t>
  </si>
  <si>
    <t>\\acsfs\profiles$\julianeas\Contacts\desktop.ini</t>
  </si>
  <si>
    <t>01/18/2020 15:08:43</t>
  </si>
  <si>
    <t>01/18/2020 15:08:44</t>
  </si>
  <si>
    <t>01/18/2020 15:08:45</t>
  </si>
  <si>
    <t>01/18/2020 15:08:47</t>
  </si>
  <si>
    <t>01/18/2020 15:08:49</t>
  </si>
  <si>
    <t>\\acsfs\profiles$\julianeas\Favorites\desktop.ini</t>
  </si>
  <si>
    <t>01/18/2020 15:08:51</t>
  </si>
  <si>
    <t>01/18/2020 15:08:52</t>
  </si>
  <si>
    <t>01/18/2020 15:08:54</t>
  </si>
  <si>
    <t>01/18/2020 15:08:56</t>
  </si>
  <si>
    <t>01/18/2020 15:08:57</t>
  </si>
  <si>
    <t>\\acsfs\profiles$\julianeas\My Documents\My Music\desktop.ini</t>
  </si>
  <si>
    <t>01/18/2020 15:08:59</t>
  </si>
  <si>
    <t>01/18/2020 15:09:00</t>
  </si>
  <si>
    <t>01/18/2020 15:09:02</t>
  </si>
  <si>
    <t>\\acsfs\profiles$\julianeas\Searches\</t>
  </si>
  <si>
    <t>\\acsfs\profiles$\julianeas\Searches\desktop.ini</t>
  </si>
  <si>
    <t>01/18/2020 15:09:03</t>
  </si>
  <si>
    <t>01/18/2020 15:09:04</t>
  </si>
  <si>
    <t>01/18/2020 15:09:05</t>
  </si>
  <si>
    <t>01/18/2020 15:09:06</t>
  </si>
  <si>
    <t>\\acsfs\profiles$\julianeas\Downloads\</t>
  </si>
  <si>
    <t>\\acsfs\profiles$\julianeas\Downloads\desktop.ini</t>
  </si>
  <si>
    <t>01/18/2020 15:09:08</t>
  </si>
  <si>
    <t>01/18/2020 15:09:09</t>
  </si>
  <si>
    <t>\\acsfs\profiles$\julianeas\My Documents\desktop.ini</t>
  </si>
  <si>
    <t>01/18/2020 15:09:10</t>
  </si>
  <si>
    <t>01/18/2020 15:09:11</t>
  </si>
  <si>
    <t>01/18/2020 15:09:13</t>
  </si>
  <si>
    <t>01/18/2020 15:09:14</t>
  </si>
  <si>
    <t>\\acsfs\profiles$\julianeas\Favorites\</t>
  </si>
  <si>
    <t>\\acsfs\profiles$\julianeas\Saved Games\desktop.ini</t>
  </si>
  <si>
    <t>01/18/2020 15:09:17</t>
  </si>
  <si>
    <t>01/18/2020 15:09:44</t>
  </si>
  <si>
    <t>winrt--{S-1-5-21-602162358-764733703-839522115-358578}-.searchconnector-ms</t>
  </si>
  <si>
    <t>\\acsfs\profiles$\julianeas\Searches\winrt--{S-1-5-21-602162358-764733703-839522115-358578}-.searchconnector-ms</t>
  </si>
  <si>
    <t>01/18/2020 15:11:51</t>
  </si>
  <si>
    <t>01/18/2020 15:12:59</t>
  </si>
  <si>
    <t>01/18/2020 15:14:59</t>
  </si>
  <si>
    <t>01/18/2020 15:14:34</t>
  </si>
  <si>
    <t>01/18/2020 15:15:59</t>
  </si>
  <si>
    <t>01/18/2020 15:14:37</t>
  </si>
  <si>
    <t>01/18/2020 15:20:00</t>
  </si>
  <si>
    <t>01/18/2020 15:15:47</t>
  </si>
  <si>
    <t>9cad4c1e-c06f-42ff-be87-8ff94fbe6bb5.tmp</t>
  </si>
  <si>
    <t>\\acsfs\profiles$\jessicafc\Downloads\9cad4c1e-c06f-42ff-be87-8ff94fbe6bb5.tmp</t>
  </si>
  <si>
    <t>01/18/2020 15:15:25</t>
  </si>
  <si>
    <t>01/18/2020 15:20:59</t>
  </si>
  <si>
    <t>01/18/2020 15:16:19</t>
  </si>
  <si>
    <t>ca0282b0-60c8-4fbd-af1f-7ce3ea5505cd.tmp</t>
  </si>
  <si>
    <t>\\acsfs\profiles$\andreapdsg\Downloads\ca0282b0-60c8-4fbd-af1f-7ce3ea5505cd.tmp</t>
  </si>
  <si>
    <t>01/18/2020 15:16:33</t>
  </si>
  <si>
    <t>01/18/2020 15:24:58</t>
  </si>
  <si>
    <t>01/18/2020 15:28:54</t>
  </si>
  <si>
    <t>01/18/2020 15:29:59</t>
  </si>
  <si>
    <t>0b2d4c75-2732-4831-8063-4487a7df5454.tmp</t>
  </si>
  <si>
    <t>\\acsfs\profiles$\fabianobmf\Downloads\0b2d4c75-2732-4831-8063-4487a7df5454.tmp</t>
  </si>
  <si>
    <t>01/18/2020 15:26:14</t>
  </si>
  <si>
    <t>01/18/2020 15:30:58</t>
  </si>
  <si>
    <t>01/18/2020 15:27:27</t>
  </si>
  <si>
    <t>01/18/2020 15:35:00</t>
  </si>
  <si>
    <t>01/18/2020 15:31:37</t>
  </si>
  <si>
    <t>01/18/2020 15:36:00</t>
  </si>
  <si>
    <t>01/18/2020 15:32:32</t>
  </si>
  <si>
    <t>01/18/2020 15:40:00</t>
  </si>
  <si>
    <t>01/18/2020 15:37:59</t>
  </si>
  <si>
    <t>01/18/2020 15:41:00</t>
  </si>
  <si>
    <t>01/18/2020 15:38:06</t>
  </si>
  <si>
    <t>01/18/2020 15:38:10</t>
  </si>
  <si>
    <t>01/18/2020 15:38:16</t>
  </si>
  <si>
    <t>01/18/2020 15:40:02</t>
  </si>
  <si>
    <t>01/18/2020 15:44:59</t>
  </si>
  <si>
    <t>01/18/2020 15:42:50</t>
  </si>
  <si>
    <t>01/18/2020 15:42:51</t>
  </si>
  <si>
    <t>lu705217hq7.tmp</t>
  </si>
  <si>
    <t>\\acsfs\profiles$\dhiulliananads\My Documents\lu705217hq7.tmp</t>
  </si>
  <si>
    <t>\\acsfs\profiles$\dhiulliananads\My Documents\lu705217hq7.tmp\</t>
  </si>
  <si>
    <t>\\acsfs\profiles$\dhiulliananads\My Documents\lu705217hq7.tmp\META-INF\</t>
  </si>
  <si>
    <t>\\acsfs\profiles$\dhiulliananads\My Documents\lu705217hq7.tmp\Thumbnails\</t>
  </si>
  <si>
    <t>01/18/2020 15:43:50</t>
  </si>
  <si>
    <t>01/18/2020 15:46:00</t>
  </si>
  <si>
    <t>01/18/2020 15:42:29</t>
  </si>
  <si>
    <t>01/18/2020 15:42:38</t>
  </si>
  <si>
    <t>01/18/2020 15:46:59</t>
  </si>
  <si>
    <t>b7f296a8-db13-4d2d-843c-3c3b58b01157.tmp</t>
  </si>
  <si>
    <t>\\acsfs\profiles$\rafaelacdoc\Downloads\b7f296a8-db13-4d2d-843c-3c3b58b01157.tmp</t>
  </si>
  <si>
    <t>01/18/2020 15:50:00</t>
  </si>
  <si>
    <t>01/18/2020 15:48:57</t>
  </si>
  <si>
    <t>01/18/2020 15:51:00</t>
  </si>
  <si>
    <t>01/18/2020 15:50:36</t>
  </si>
  <si>
    <t>01/18/2020 15:52:00</t>
  </si>
  <si>
    <t>786ff1b8-ad4e-4ae9-ae81-1a2f3d124b82.tmp</t>
  </si>
  <si>
    <t>\\acsfs\profiles$\welidicdj\Downloads\786ff1b8-ad4e-4ae9-ae81-1a2f3d124b82.tmp</t>
  </si>
  <si>
    <t>01/18/2020 15:50:50</t>
  </si>
  <si>
    <t>01/18/2020 15:55:00</t>
  </si>
  <si>
    <t>01/18/2020 15:51:03</t>
  </si>
  <si>
    <t>01/18/2020 15:55:59</t>
  </si>
  <si>
    <t>01/18/2020 15:50:18</t>
  </si>
  <si>
    <t>01/18/2020 15:54:14</t>
  </si>
  <si>
    <t>01/18/2020 15:52:46</t>
  </si>
  <si>
    <t>01/18/2020 15:57:00</t>
  </si>
  <si>
    <t>4ed11c49-938c-4564-91a1-c9b6ceb4bb84.tmp</t>
  </si>
  <si>
    <t>\\acsfs\profiles$\welidicdj\Downloads\4ed11c49-938c-4564-91a1-c9b6ceb4bb84.tmp</t>
  </si>
  <si>
    <t>01/18/2020 16:00:01</t>
  </si>
  <si>
    <t>01/18/2020 15:59:07</t>
  </si>
  <si>
    <t>01/18/2020 16:01:00</t>
  </si>
  <si>
    <t>01/18/2020 15:59:34</t>
  </si>
  <si>
    <t>01/18/2020 16:05:00</t>
  </si>
  <si>
    <t>01/18/2020 16:03:31</t>
  </si>
  <si>
    <t>01/18/2020 16:06:00</t>
  </si>
  <si>
    <t>01/18/2020 16:01:58</t>
  </si>
  <si>
    <t>01/18/2020 16:02:54</t>
  </si>
  <si>
    <t>01/18/2020 16:07:00</t>
  </si>
  <si>
    <t>01/18/2020 16:03:49</t>
  </si>
  <si>
    <t>df99a7f6-845f-4c69-850f-5c1ac1c1d05a.tmp</t>
  </si>
  <si>
    <t>\\acsfs\profiles$\matheusmax\Downloads\df99a7f6-845f-4c69-850f-5c1ac1c1d05a.tmp</t>
  </si>
  <si>
    <t>01/18/2020 16:09:00</t>
  </si>
  <si>
    <t>01/18/2020 16:08:20</t>
  </si>
  <si>
    <t>01/18/2020 16:08:24</t>
  </si>
  <si>
    <t>01/18/2020 16:10:00</t>
  </si>
  <si>
    <t>01/18/2020 16:07:34</t>
  </si>
  <si>
    <t>01/18/2020 16:11:00</t>
  </si>
  <si>
    <t>01/18/2020 16:08:41</t>
  </si>
  <si>
    <t>01/18/2020 16:13:00</t>
  </si>
  <si>
    <t>8298c80d-0bd7-499e-a6e5-8b483822ff15.tmp</t>
  </si>
  <si>
    <t>\\acsfs\profiles$\brunalas\Downloads\8298c80d-0bd7-499e-a6e5-8b483822ff15.tmp</t>
  </si>
  <si>
    <t>01/18/2020 16:08:44</t>
  </si>
  <si>
    <t>01/18/2020 16:14:00</t>
  </si>
  <si>
    <t>01/18/2020 16:08:51</t>
  </si>
  <si>
    <t>01/18/2020 16:08:54</t>
  </si>
  <si>
    <t>01/18/2020 16:09:03</t>
  </si>
  <si>
    <t>01/18/2020 16:09:04</t>
  </si>
  <si>
    <t>01/18/2020 16:09:08</t>
  </si>
  <si>
    <t>01/18/2020 16:09:18</t>
  </si>
  <si>
    <t>01/18/2020 16:15:00</t>
  </si>
  <si>
    <t>01/18/2020 16:14:55</t>
  </si>
  <si>
    <t>01/18/2020 16:16:00</t>
  </si>
  <si>
    <t>01/18/2020 16:13:53</t>
  </si>
  <si>
    <t>01/18/2020 16:20:00</t>
  </si>
  <si>
    <t>01/18/2020 16:21:13</t>
  </si>
  <si>
    <t>01/18/2020 16:22:00</t>
  </si>
  <si>
    <t>01/18/2020 16:21:14</t>
  </si>
  <si>
    <t>lu125126w5a.tmp</t>
  </si>
  <si>
    <t>\\acsfs\profiles$\rafaelacdoc\lu125126w5a.tmp</t>
  </si>
  <si>
    <t>\\acsfs\profiles$\rafaelacdoc\lu125126w5a.tmp\</t>
  </si>
  <si>
    <t>\\acsfs\profiles$\rafaelacdoc\lu125126w5a.tmp\META-INF\</t>
  </si>
  <si>
    <t>\\acsfs\profiles$\rafaelacdoc\lu125126w5a.tmp\Thumbnails\</t>
  </si>
  <si>
    <t>01/18/2020 16:25:00</t>
  </si>
  <si>
    <t>01/18/2020 16:22:29</t>
  </si>
  <si>
    <t>01/18/2020 16:26:00</t>
  </si>
  <si>
    <t>01/18/2020 16:30:00</t>
  </si>
  <si>
    <t>01/18/2020 16:32:00</t>
  </si>
  <si>
    <t>01/18/2020 16:27:08</t>
  </si>
  <si>
    <t>1083ed58-626f-4c01-b23e-31551acb2526.tmp</t>
  </si>
  <si>
    <t>\\acsfs\profiles$\matheusmax\Downloads\1083ed58-626f-4c01-b23e-31551acb2526.tmp</t>
  </si>
  <si>
    <t>01/18/2020 16:35:00</t>
  </si>
  <si>
    <t>01/18/2020 16:34:16</t>
  </si>
  <si>
    <t>01/18/2020 16:35:59</t>
  </si>
  <si>
    <t>01/18/2020 16:31:06</t>
  </si>
  <si>
    <t>01/18/2020 16:35:54</t>
  </si>
  <si>
    <t>01/18/2020 16:39:00</t>
  </si>
  <si>
    <t>01/18/2020 16:40:00</t>
  </si>
  <si>
    <t>01/18/2020 16:44:59</t>
  </si>
  <si>
    <t>01/18/2020 16:48:04</t>
  </si>
  <si>
    <t>01/18/2020 16:50:00</t>
  </si>
  <si>
    <t>4edd74c7-d935-4815-9559-d67f6b370c6b.tmp</t>
  </si>
  <si>
    <t>\\acsfs\profiles$\fabianobmf\Downloads\4edd74c7-d935-4815-9559-d67f6b370c6b.tmp</t>
  </si>
  <si>
    <t>01/18/2020 16:47:16</t>
  </si>
  <si>
    <t>01/18/2020 16:51:01</t>
  </si>
  <si>
    <t>01/18/2020 16:48:16</t>
  </si>
  <si>
    <t>1dfd90c7-b018-46c3-b0f7-6cd7f59490a9.tmp</t>
  </si>
  <si>
    <t>\\acsfs\profiles$\andreapdsg\Downloads\1dfd90c7-b018-46c3-b0f7-6cd7f59490a9.tmp</t>
  </si>
  <si>
    <t>01/18/2020 16:55:00</t>
  </si>
  <si>
    <t>01/18/2020 17:00:00</t>
  </si>
  <si>
    <t>01/18/2020 16:57:58</t>
  </si>
  <si>
    <t>01/18/2020 17:01:00</t>
  </si>
  <si>
    <t>01/18/2020 17:05:00</t>
  </si>
  <si>
    <t>01/18/2020 17:10:00</t>
  </si>
  <si>
    <t>01/18/2020 17:05:39</t>
  </si>
  <si>
    <t>01/18/2020 17:11:00</t>
  </si>
  <si>
    <t>01/18/2020 17:06:37</t>
  </si>
  <si>
    <t>01/18/2020 17:09:36</t>
  </si>
  <si>
    <t>01/18/2020 17:15:00</t>
  </si>
  <si>
    <t>01/18/2020 17:20:00</t>
  </si>
  <si>
    <t>01/18/2020 17:18:49</t>
  </si>
  <si>
    <t>01/18/2020 17:24:00</t>
  </si>
  <si>
    <t>01/18/2020 17:18:55</t>
  </si>
  <si>
    <t>01/18/2020 17:19:05</t>
  </si>
  <si>
    <t>01/18/2020 17:19:13</t>
  </si>
  <si>
    <t>01/18/2020 17:19:17</t>
  </si>
  <si>
    <t>01/18/2020 17:19:25</t>
  </si>
  <si>
    <t>01/18/2020 17:19:28</t>
  </si>
  <si>
    <t>01/18/2020 17:25:01</t>
  </si>
  <si>
    <t>01/18/2020 17:23:46</t>
  </si>
  <si>
    <t>01/18/2020 17:25:59</t>
  </si>
  <si>
    <t>https://vimeo.com/manage/videos?action=action_log_performance</t>
  </si>
  <si>
    <t>01/18/2020 17:24:03</t>
  </si>
  <si>
    <t>01/18/2020 17:25:19</t>
  </si>
  <si>
    <t>01/18/2020 17:30:00</t>
  </si>
  <si>
    <t>01/18/2020 17:26:13</t>
  </si>
  <si>
    <t>01/18/2020 17:31:00</t>
  </si>
  <si>
    <t>01/18/2020 17:29:26</t>
  </si>
  <si>
    <t>01/18/2020 17:35:00</t>
  </si>
  <si>
    <t>01/18/2020 17:30:34</t>
  </si>
  <si>
    <t>01/18/2020 17:36:00</t>
  </si>
  <si>
    <t>01/18/2020 17:33:37</t>
  </si>
  <si>
    <t>01/18/2020 17:32:33</t>
  </si>
  <si>
    <t>09bc02b8-6a05-4c29-a452-9450c6298b21.tmp</t>
  </si>
  <si>
    <t>\\acsfs\profiles$\andreapdsg\Downloads\09bc02b8-6a05-4c29-a452-9450c6298b21.tmp</t>
  </si>
  <si>
    <t>01/18/2020 17:35:17</t>
  </si>
  <si>
    <t>f5563167-6e7e-4b37-8ff2-afbea44d7404.tmp</t>
  </si>
  <si>
    <t>\\acsfs\profiles$\taylaedoa\Downloads\f5563167-6e7e-4b37-8ff2-afbea44d7404.tmp</t>
  </si>
  <si>
    <t>01/18/2020 17:33:58</t>
  </si>
  <si>
    <t>01/18/2020 17:34:30</t>
  </si>
  <si>
    <t>01/18/2020 17:40:00</t>
  </si>
  <si>
    <t>01/18/2020 17:35:44</t>
  </si>
  <si>
    <t>01/18/2020 17:40:59</t>
  </si>
  <si>
    <t>01/18/2020 17:36:17</t>
  </si>
  <si>
    <t>b6358ea2-d7fd-4dcb-b7e7-25ac35963979.tmp</t>
  </si>
  <si>
    <t>\\acsfs\profiles$\taylaedoa\Downloads\b6358ea2-d7fd-4dcb-b7e7-25ac35963979.tmp</t>
  </si>
  <si>
    <t>01/18/2020 17:39:48</t>
  </si>
  <si>
    <t>01/18/2020 17:43:00</t>
  </si>
  <si>
    <t>551f5bfa-8267-4a0d-9296-f8fa9d01442b.tmp</t>
  </si>
  <si>
    <t>\\acsfs\profiles$\mariajaf\Downloads\551f5bfa-8267-4a0d-9296-f8fa9d01442b.tmp</t>
  </si>
  <si>
    <t>01/18/2020 17:39:58</t>
  </si>
  <si>
    <t>Q29udHJvbGxlci5QYXl3YXJlLU5vaXRl (3).ica</t>
  </si>
  <si>
    <t>\\acsfs\profiles$\mariajaf\Downloads\Q29udHJvbGxlci5QYXl3YXJlLU5vaXRl (3).ica</t>
  </si>
  <si>
    <t>01/18/2020 17:41:18</t>
  </si>
  <si>
    <t>643391eb-498c-459a-99e4-1e21d0a45a43.tmp</t>
  </si>
  <si>
    <t>\\acsfs\profiles$\mariajaf\Downloads\643391eb-498c-459a-99e4-1e21d0a45a43.tmp</t>
  </si>
  <si>
    <t>01/18/2020 17:43:38</t>
  </si>
  <si>
    <t>01/18/2020 17:44:00</t>
  </si>
  <si>
    <t>01/18/2020 17:45:00</t>
  </si>
  <si>
    <t>01/18/2020 17:47:58</t>
  </si>
  <si>
    <t>01/18/2020 17:49:00</t>
  </si>
  <si>
    <t>01/18/2020 17:48:13</t>
  </si>
  <si>
    <t>01/18/2020 17:50:00</t>
  </si>
  <si>
    <t>01/18/2020 17:46:43</t>
  </si>
  <si>
    <t>01/18/2020 17:51:00</t>
  </si>
  <si>
    <t>01/18/2020 17:47:03</t>
  </si>
  <si>
    <t>01/18/2020 17:51:31</t>
  </si>
  <si>
    <t>01/18/2020 17:54:01</t>
  </si>
  <si>
    <t>01/18/2020 17:55:00</t>
  </si>
  <si>
    <t>01/18/2020 17:53:23</t>
  </si>
  <si>
    <t>01/18/2020 17:56:01</t>
  </si>
  <si>
    <t>01/18/2020 17:56:42</t>
  </si>
  <si>
    <t>01/18/2020 17:59:00</t>
  </si>
  <si>
    <t>01/18/2020 18:00:00</t>
  </si>
  <si>
    <t>01/18/2020 17:57:41</t>
  </si>
  <si>
    <t>01/18/2020 18:01:00</t>
  </si>
  <si>
    <t>01/18/2020 17:59:52</t>
  </si>
  <si>
    <t>01/18/2020 18:00:16</t>
  </si>
  <si>
    <t>01/18/2020 17:57:45</t>
  </si>
  <si>
    <t>9a890092-0688-41d9-a2eb-06f65e85d51a.tmp</t>
  </si>
  <si>
    <t>\\acsfs\profiles$\taylaedoa\Downloads\9a890092-0688-41d9-a2eb-06f65e85d51a.tmp</t>
  </si>
  <si>
    <t>01/18/2020 17:57:40</t>
  </si>
  <si>
    <t>\\acsfs\profiles$\adrieledgc\My Documents\My Pictures\</t>
  </si>
  <si>
    <t>\\acsfs\profiles$\adrieledgc\My Documents\My Videos\desktop.ini</t>
  </si>
  <si>
    <t>\\acsfs\profiles$\adrieledgc\My Documents\My Videos\</t>
  </si>
  <si>
    <t>01/18/2020 17:57:42</t>
  </si>
  <si>
    <t>01/18/2020 17:57:44</t>
  </si>
  <si>
    <t>01/18/2020 17:57:47</t>
  </si>
  <si>
    <t>\\acsfs\profiles$\adrieledgc\My Documents\My Music\</t>
  </si>
  <si>
    <t>\\acsfs\profiles$\adrieledgc\My Documents\My Pictures\desktop.ini</t>
  </si>
  <si>
    <t>01/18/2020 17:57:48</t>
  </si>
  <si>
    <t>01/18/2020 18:02:00</t>
  </si>
  <si>
    <t>01/18/2020 17:57:49</t>
  </si>
  <si>
    <t>01/18/2020 17:57:50</t>
  </si>
  <si>
    <t>01/18/2020 17:57:51</t>
  </si>
  <si>
    <t>01/18/2020 17:57:52</t>
  </si>
  <si>
    <t>\\acsfs\profiles$\adrieledgc\Contacts\</t>
  </si>
  <si>
    <t>\\acsfs\profiles$\adrieledgc\Contacts\desktop.ini</t>
  </si>
  <si>
    <t>01/18/2020 17:57:53</t>
  </si>
  <si>
    <t>01/18/2020 17:57:54</t>
  </si>
  <si>
    <t>01/18/2020 17:57:55</t>
  </si>
  <si>
    <t>01/18/2020 17:57:56</t>
  </si>
  <si>
    <t>01/18/2020 17:57:57</t>
  </si>
  <si>
    <t>\\acsfs\profiles$\adrieledgc\My Documents\</t>
  </si>
  <si>
    <t>\\acsfs\profiles$\adrieledgc\Favorites\desktop.ini</t>
  </si>
  <si>
    <t>01/18/2020 17:57:59</t>
  </si>
  <si>
    <t>01/18/2020 17:58:01</t>
  </si>
  <si>
    <t>01/18/2020 17:58:03</t>
  </si>
  <si>
    <t>01/18/2020 17:58:04</t>
  </si>
  <si>
    <t>01/18/2020 17:58:06</t>
  </si>
  <si>
    <t>\\acsfs\profiles$\adrieledgc\My Documents\My Music\desktop.ini</t>
  </si>
  <si>
    <t>01/18/2020 17:58:07</t>
  </si>
  <si>
    <t>01/18/2020 17:58:08</t>
  </si>
  <si>
    <t>01/18/2020 17:58:09</t>
  </si>
  <si>
    <t>01/18/2020 17:58:10</t>
  </si>
  <si>
    <t>01/18/2020 17:58:11</t>
  </si>
  <si>
    <t>\\acsfs\profiles$\adrieledgc\Searches\</t>
  </si>
  <si>
    <t>\\acsfs\profiles$\adrieledgc\Searches\desktop.ini</t>
  </si>
  <si>
    <t>01/18/2020 17:58:15</t>
  </si>
  <si>
    <t>01/18/2020 17:58:16</t>
  </si>
  <si>
    <t>01/18/2020 17:58:17</t>
  </si>
  <si>
    <t>01/18/2020 17:58:20</t>
  </si>
  <si>
    <t>01/18/2020 17:58:22</t>
  </si>
  <si>
    <t>\\acsfs\profiles$\adrieledgc\Downloads\</t>
  </si>
  <si>
    <t>\\acsfs\profiles$\adrieledgc\Downloads\desktop.ini</t>
  </si>
  <si>
    <t>01/18/2020 17:58:24</t>
  </si>
  <si>
    <t>01/18/2020 17:58:25</t>
  </si>
  <si>
    <t>\\acsfs\profiles$\adrieledgc\My Documents\desktop.ini</t>
  </si>
  <si>
    <t>01/18/2020 17:58:27</t>
  </si>
  <si>
    <t>01/18/2020 17:58:28</t>
  </si>
  <si>
    <t>01/18/2020 17:58:29</t>
  </si>
  <si>
    <t>01/18/2020 17:58:30</t>
  </si>
  <si>
    <t>\\acsfs\profiles$\adrieledgc\Favorites\</t>
  </si>
  <si>
    <t>01/18/2020 17:58:32</t>
  </si>
  <si>
    <t>\\acsfs\profiles$\adrieledgc\Saved Games\desktop.ini</t>
  </si>
  <si>
    <t>01/18/2020 17:58:33</t>
  </si>
  <si>
    <t>01/18/2020 17:59:02</t>
  </si>
  <si>
    <t>winrt--{S-1-5-21-602162358-764733703-839522115-342471}-.searchconnector-ms</t>
  </si>
  <si>
    <t>\\acsfs\profiles$\adrieledgc\Searches\winrt--{S-1-5-21-602162358-764733703-839522115-342471}-.searchconnector-ms</t>
  </si>
  <si>
    <t>01/18/2020 18:00:05</t>
  </si>
  <si>
    <t>580bf390-c5b7-40e5-853a-04d7c56c9d70.tmp</t>
  </si>
  <si>
    <t>\\acsfs\profiles$\adrieledgc\Downloads\580bf390-c5b7-40e5-853a-04d7c56c9d70.tmp</t>
  </si>
  <si>
    <t>01/18/2020 18:00:15</t>
  </si>
  <si>
    <t>340041bd-5c1d-4a8e-a876-e6af0295d895.tmp</t>
  </si>
  <si>
    <t>\\acsfs\profiles$\adrieledgc\Downloads\340041bd-5c1d-4a8e-a876-e6af0295d895.tmp</t>
  </si>
  <si>
    <t>01/18/2020 18:05:00</t>
  </si>
  <si>
    <t>01/18/2020 18:02:26</t>
  </si>
  <si>
    <t>01/18/2020 18:06:00</t>
  </si>
  <si>
    <t>43cebd10-acb3-41e8-a10c-24d967c08aa7.tmp</t>
  </si>
  <si>
    <t>\\acsfs\profiles$\andreapdsg\Downloads\43cebd10-acb3-41e8-a10c-24d967c08aa7.tmp</t>
  </si>
  <si>
    <t>01/18/2020 18:03:30</t>
  </si>
  <si>
    <t>01/18/2020 18:07:00</t>
  </si>
  <si>
    <t>5adbe9b0-5a6a-4bc3-bc6d-5225dce9a952.tmp</t>
  </si>
  <si>
    <t>\\acsfs\profiles$\matheusmax\Downloads\5adbe9b0-5a6a-4bc3-bc6d-5225dce9a952.tmp</t>
  </si>
  <si>
    <t>01/18/2020 18:07:22</t>
  </si>
  <si>
    <t>01/18/2020 18:08:59</t>
  </si>
  <si>
    <t>01/18/2020 18:10:00</t>
  </si>
  <si>
    <t>01/18/2020 18:07:17</t>
  </si>
  <si>
    <t>01/18/2020 18:11:00</t>
  </si>
  <si>
    <t>01/18/2020 18:07:10</t>
  </si>
  <si>
    <t>01/18/2020 18:07:42</t>
  </si>
  <si>
    <t>01/18/2020 18:12:00</t>
  </si>
  <si>
    <t>43f2708b-fdda-4827-a8aa-eef3b8a0c5d3.tmp</t>
  </si>
  <si>
    <t>\\acsfs\profiles$\adrieledgc\Downloads\43f2708b-fdda-4827-a8aa-eef3b8a0c5d3.tmp</t>
  </si>
  <si>
    <t>01/18/2020 18:06:57</t>
  </si>
  <si>
    <t>efef5c37-ab22-4d7f-ab05-1f8553cb4979.tmp</t>
  </si>
  <si>
    <t>\\acsfs\profiles$\matheusmax\Downloads\efef5c37-ab22-4d7f-ab05-1f8553cb4979.tmp</t>
  </si>
  <si>
    <t>01/18/2020 18:10:16</t>
  </si>
  <si>
    <t>01/18/2020 18:14:00</t>
  </si>
  <si>
    <t>01/18/2020 18:10:25</t>
  </si>
  <si>
    <t>01/18/2020 18:10:35</t>
  </si>
  <si>
    <t>01/18/2020 18:10:39</t>
  </si>
  <si>
    <t>01/18/2020 18:10:40</t>
  </si>
  <si>
    <t>01/18/2020 18:15:00</t>
  </si>
  <si>
    <t>01/18/2020 18:13:21</t>
  </si>
  <si>
    <t>01/18/2020 18:15:59</t>
  </si>
  <si>
    <t>01/18/2020 18:14:38</t>
  </si>
  <si>
    <t>01/18/2020 18:20:00</t>
  </si>
  <si>
    <t>95556393-775e-4d04-9218-c4250f61bd8e.tmp</t>
  </si>
  <si>
    <t>\\acsfs\profiles$\brunalas\Downloads\95556393-775e-4d04-9218-c4250f61bd8e.tmp</t>
  </si>
  <si>
    <t>01/18/2020 18:16:10</t>
  </si>
  <si>
    <t>1166bded-554d-4e61-bf51-8bfa611e00cf.tmp</t>
  </si>
  <si>
    <t>\\acsfs\profiles$\brunalas\Downloads\1166bded-554d-4e61-bf51-8bfa611e00cf.tmp</t>
  </si>
  <si>
    <t>01/18/2020 18:23:00</t>
  </si>
  <si>
    <t>01/18/2020 18:20:14</t>
  </si>
  <si>
    <t>cabfc477-8be6-4633-8c9e-e6db47f6073f.tmp</t>
  </si>
  <si>
    <t>\\acsfs\profiles$\philipegsf\Downloads\cabfc477-8be6-4633-8c9e-e6db47f6073f.tmp</t>
  </si>
  <si>
    <t>01/18/2020 18:20:25</t>
  </si>
  <si>
    <t>96a925aa-6629-4249-bffe-0900453ec02b.tmp</t>
  </si>
  <si>
    <t>\\acsfs\profiles$\philipegsf\Downloads\96a925aa-6629-4249-bffe-0900453ec02b.tmp</t>
  </si>
  <si>
    <t>01/18/2020 18:22:18</t>
  </si>
  <si>
    <t>fc7da7ae-6788-441c-b7fd-ffdac6ed0deb.tmp</t>
  </si>
  <si>
    <t>\\acsfs\profiles$\philipegsf\Downloads\fc7da7ae-6788-441c-b7fd-ffdac6ed0deb.tmp</t>
  </si>
  <si>
    <t>01/18/2020 18:25:01</t>
  </si>
  <si>
    <t>01/18/2020 18:30:00</t>
  </si>
  <si>
    <t>01/18/2020 18:35:01</t>
  </si>
  <si>
    <t>01/18/2020 18:39:59</t>
  </si>
  <si>
    <t>01/18/2020 18:41:00</t>
  </si>
  <si>
    <t>01/18/2020 18:36:09</t>
  </si>
  <si>
    <t>01/18/2020 18:38:36</t>
  </si>
  <si>
    <t>01/18/2020 18:42:59</t>
  </si>
  <si>
    <t>7d590350-f477-430e-9206-30cb6b22dd8d.tmp</t>
  </si>
  <si>
    <t>\\acsfs\profiles$\mariajaf\Downloads\7d590350-f477-430e-9206-30cb6b22dd8d.tmp</t>
  </si>
  <si>
    <t>01/18/2020 18:45:00</t>
  </si>
  <si>
    <t>01/18/2020 18:41:08</t>
  </si>
  <si>
    <t>01/18/2020 18:45:59</t>
  </si>
  <si>
    <t>01/18/2020 18:41:24</t>
  </si>
  <si>
    <t>01/18/2020 18:49:59</t>
  </si>
  <si>
    <t>01/18/2020 18:50:59</t>
  </si>
  <si>
    <t>01/18/2020 18:54:59</t>
  </si>
  <si>
    <t>01/18/2020 18:55:59</t>
  </si>
  <si>
    <t>01/18/2020 18:58:00</t>
  </si>
  <si>
    <t>01/18/2020 18:55:54</t>
  </si>
  <si>
    <t>cc7cb7da-2071-4b62-98f1-cedde09f5040.tmp</t>
  </si>
  <si>
    <t>\\acsfs\profiles$\philipegsf\Downloads\cc7cb7da-2071-4b62-98f1-cedde09f5040.tmp</t>
  </si>
  <si>
    <t>01/18/2020 19:00:00</t>
  </si>
  <si>
    <t>01/18/2020 19:00:59</t>
  </si>
  <si>
    <t>01/18/2020 19:05:00</t>
  </si>
  <si>
    <t>01/18/2020 19:05:59</t>
  </si>
  <si>
    <t>01/18/2020 19:02:27</t>
  </si>
  <si>
    <t>01/18/2020 19:09:59</t>
  </si>
  <si>
    <t>01/18/2020 19:11:00</t>
  </si>
  <si>
    <t>01/18/2020 19:15:00</t>
  </si>
  <si>
    <t>01/18/2020 19:16:00</t>
  </si>
  <si>
    <t>01/18/2020 19:10:57</t>
  </si>
  <si>
    <t>01/18/2020 19:11:15</t>
  </si>
  <si>
    <t>01/18/2020 19:19:00</t>
  </si>
  <si>
    <t>01/18/2020 19:13:58</t>
  </si>
  <si>
    <t>01/18/2020 19:14:06</t>
  </si>
  <si>
    <t>01/18/2020 19:14:10</t>
  </si>
  <si>
    <t>01/18/2020 19:14:16</t>
  </si>
  <si>
    <t>01/18/2020 19:14:17</t>
  </si>
  <si>
    <t>01/18/2020 19:14:19</t>
  </si>
  <si>
    <t>01/18/2020 19:14:23</t>
  </si>
  <si>
    <t>01/18/2020 19:14:34</t>
  </si>
  <si>
    <t>01/18/2020 19:20:00</t>
  </si>
  <si>
    <t>01/18/2020 19:21:00</t>
  </si>
  <si>
    <t>01/18/2020 19:26:00</t>
  </si>
  <si>
    <t>01/18/2020 19:22:54</t>
  </si>
  <si>
    <t>01/18/2020 19:30:59</t>
  </si>
  <si>
    <t>01/18/2020 19:25:30</t>
  </si>
  <si>
    <t>01/18/2020 19:27:48</t>
  </si>
  <si>
    <t>cd1cd943-a100-4dc6-9dc4-3ae1a09440b8.tmp</t>
  </si>
  <si>
    <t>\\acsfs\profiles$\taylaedoa\Downloads\cd1cd943-a100-4dc6-9dc4-3ae1a09440b8.tmp</t>
  </si>
  <si>
    <t>01/18/2020 19:30:10</t>
  </si>
  <si>
    <t>ec415614-4a76-4e3a-bb48-9948fdb16ee0.tmp</t>
  </si>
  <si>
    <t>\\acsfs\profiles$\taylaedoa\Downloads\ec415614-4a76-4e3a-bb48-9948fdb16ee0.tmp</t>
  </si>
  <si>
    <t>01/18/2020 19:36:00</t>
  </si>
  <si>
    <t>01/18/2020 19:31:04</t>
  </si>
  <si>
    <t>01/18/2020 19:30:52</t>
  </si>
  <si>
    <t>562a8015-165a-4c0a-974e-69caf36ae1be.tmp</t>
  </si>
  <si>
    <t>\\acsfs\profiles$\taylaedoa\Downloads\562a8015-165a-4c0a-974e-69caf36ae1be.tmp</t>
  </si>
  <si>
    <t>01/18/2020 19:41:01</t>
  </si>
  <si>
    <t>01/18/2020 19:35:55</t>
  </si>
  <si>
    <t>01/18/2020 19:46:00</t>
  </si>
  <si>
    <t>01/18/2020 19:44:15</t>
  </si>
  <si>
    <t>01/18/2020 19:47:00</t>
  </si>
  <si>
    <t>ulog_AcroARM2_Reader_3b8210f9-3618-47e4-b9cc-5aaaba62831a_2effa7d7-633b-4dd8-b9d8-09690130612d_0.log</t>
  </si>
  <si>
    <t>C:\Users\flaviacno\AppData\Roaming\Adobe\LogTransport2\Logs\ulog_AcroARM2_Reader_3b8210f9-3618-47e4-b9cc-5aaaba62831a_2effa7d7-633b-4dd8-b9d8-09690130612d_0.log\</t>
  </si>
  <si>
    <t>01/18/2020 19:51:00</t>
  </si>
  <si>
    <t>01/18/2020 19:56:00</t>
  </si>
  <si>
    <t>01/18/2020 19:55:29</t>
  </si>
  <si>
    <t>01/18/2020 19:57:00</t>
  </si>
  <si>
    <t>ea768159-a4a4-4bb5-9eee-fe718974fc08.tmp</t>
  </si>
  <si>
    <t>\\acsfs\profiles$\matheusmax\Downloads\ea768159-a4a4-4bb5-9eee-fe718974fc08.tmp</t>
  </si>
  <si>
    <t>01/18/2020 20:01:00</t>
  </si>
  <si>
    <t>01/18/2020 20:01:01</t>
  </si>
  <si>
    <t>01/18/2020 20:06:00</t>
  </si>
  <si>
    <t>01/18/2020 20:11:00</t>
  </si>
  <si>
    <t>01/18/2020 20:16:00</t>
  </si>
  <si>
    <t>01/18/2020 20:21:00</t>
  </si>
  <si>
    <t>01/18/2020 20:26:00</t>
  </si>
  <si>
    <t>01/18/2020 20:30:59</t>
  </si>
  <si>
    <t>01/18/2020 20:31:06</t>
  </si>
  <si>
    <t>01/18/2020 20:34:00</t>
  </si>
  <si>
    <t>01/18/2020 20:31:13</t>
  </si>
  <si>
    <t>01/18/2020 20:31:30</t>
  </si>
  <si>
    <t>01/18/2020 20:31:34</t>
  </si>
  <si>
    <t>01/18/2020 20:31:41</t>
  </si>
  <si>
    <t>01/18/2020 20:36:00</t>
  </si>
  <si>
    <t>01/18/2020 20:41:00</t>
  </si>
  <si>
    <t>01/18/2020 20:46:00</t>
  </si>
  <si>
    <t>01/18/2020 20:51:00</t>
  </si>
  <si>
    <t>01/18/2020 20:56:01</t>
  </si>
  <si>
    <t>01/18/2020 20:54:47</t>
  </si>
  <si>
    <t>01/18/2020 21:01:00</t>
  </si>
  <si>
    <t>01/18/2020 21:06:00</t>
  </si>
  <si>
    <t>01/18/2020 21:00:53</t>
  </si>
  <si>
    <t>01/18/2020 21:03:31</t>
  </si>
  <si>
    <t>01/18/2020 21:11:01</t>
  </si>
  <si>
    <t>01/18/2020 21:09:10</t>
  </si>
  <si>
    <t>01/18/2020 21:09:58</t>
  </si>
  <si>
    <t>01/18/2020 21:14:00</t>
  </si>
  <si>
    <t>01/18/2020 21:10:05</t>
  </si>
  <si>
    <t>01/18/2020 21:10:09</t>
  </si>
  <si>
    <t>01/18/2020 21:10:18</t>
  </si>
  <si>
    <t>01/18/2020 21:10:19</t>
  </si>
  <si>
    <t>01/18/2020 21:16:00</t>
  </si>
  <si>
    <t>01/18/2020 21:13:11</t>
  </si>
  <si>
    <t>01/18/2020 21:21:00</t>
  </si>
  <si>
    <t>01/18/2020 21:19:09</t>
  </si>
  <si>
    <t>01/18/2020 21:26:01</t>
  </si>
  <si>
    <t>01/18/2020 21:20:58</t>
  </si>
  <si>
    <t>01/18/2020 21:23:31</t>
  </si>
  <si>
    <t>01/18/2020 21:31:00</t>
  </si>
  <si>
    <t>01/18/2020 21:36:00</t>
  </si>
  <si>
    <t>01/18/2020 21:31:08</t>
  </si>
  <si>
    <t>01/18/2020 21:41:01</t>
  </si>
  <si>
    <t>01/18/2020 21:46:00</t>
  </si>
  <si>
    <t>01/18/2020 21:51:00</t>
  </si>
  <si>
    <t>01/18/2020 21:48:49</t>
  </si>
  <si>
    <t>01/18/2020 21:56:01</t>
  </si>
  <si>
    <t>01/18/2020 21:52:22</t>
  </si>
  <si>
    <t>01/18/2020 21:52:12</t>
  </si>
  <si>
    <t>01/18/2020 22:01:01</t>
  </si>
  <si>
    <t>01/18/2020 21:59:41</t>
  </si>
  <si>
    <t>01/18/2020 22:06:01</t>
  </si>
  <si>
    <t>01/18/2020 22:11:01</t>
  </si>
  <si>
    <t>01/18/2020 22:16:02</t>
  </si>
  <si>
    <t>01/18/2020 22:18:32</t>
  </si>
  <si>
    <t>01/18/2020 22:19:01</t>
  </si>
  <si>
    <t>01/18/2020 22:21:01</t>
  </si>
  <si>
    <t>01/18/2020 22:18:38</t>
  </si>
  <si>
    <t>01/18/2020 22:24:01</t>
  </si>
  <si>
    <t>01/18/2020 22:18:50</t>
  </si>
  <si>
    <t>01/18/2020 22:19:32</t>
  </si>
  <si>
    <t>01/18/2020 22:26:01</t>
  </si>
  <si>
    <t>01/18/2020 22:31:01</t>
  </si>
  <si>
    <t>01/18/2020 22:36:01</t>
  </si>
  <si>
    <t>01/18/2020 22:30:48</t>
  </si>
  <si>
    <t>33e0fba2-2c8e-44dd-bd6c-19c0afb6a533.tmp</t>
  </si>
  <si>
    <t>\\acsfs\profiles$\taylaedoa\Downloads\33e0fba2-2c8e-44dd-bd6c-19c0afb6a533.tmp</t>
  </si>
  <si>
    <t>01/18/2020 22:41:01</t>
  </si>
  <si>
    <t>01/18/2020 22:39:53</t>
  </si>
  <si>
    <t>01/18/2020 22:42:01</t>
  </si>
  <si>
    <t>ab798791-c453-4a17-8015-77bb56a4fc8c.tmp</t>
  </si>
  <si>
    <t>\\acsfs\profiles$\adrieledgc\Downloads\ab798791-c453-4a17-8015-77bb56a4fc8c.tmp</t>
  </si>
  <si>
    <t>01/18/2020 22:40:13</t>
  </si>
  <si>
    <t>0a17e715-8c7a-4cab-ac4b-6bb665fbc63f.tmp</t>
  </si>
  <si>
    <t>\\acsfs\profiles$\adrieledgc\Downloads\0a17e715-8c7a-4cab-ac4b-6bb665fbc63f.tmp</t>
  </si>
  <si>
    <t>01/18/2020 22:46:02</t>
  </si>
  <si>
    <t>01/18/2020 22:42:07</t>
  </si>
  <si>
    <t>d6e3a1ea-946e-425d-950d-3359a8157228.tmp</t>
  </si>
  <si>
    <t>\\acsfs\profiles$\taylaedoa\Downloads\d6e3a1ea-946e-425d-950d-3359a8157228.tmp</t>
  </si>
  <si>
    <t>01/18/2020 22:51:02</t>
  </si>
  <si>
    <t>01/18/2020 22:56:02</t>
  </si>
  <si>
    <t>01/18/2020 23:01:02</t>
  </si>
  <si>
    <t>01/18/2020 23:06:02</t>
  </si>
  <si>
    <t>01/18/2020 23:11:02</t>
  </si>
  <si>
    <t>01/18/2020 23:16:02</t>
  </si>
  <si>
    <t>01/18/2020 23:21:02</t>
  </si>
  <si>
    <t>01/18/2020 23:26:02</t>
  </si>
  <si>
    <t>01/18/2020 23:31:02</t>
  </si>
  <si>
    <t>01/18/2020 23:36:03</t>
  </si>
  <si>
    <t>01/18/2020 23:41:03</t>
  </si>
  <si>
    <t>01/18/2020 23:46:02</t>
  </si>
  <si>
    <t>01/18/2020 23:51:02</t>
  </si>
  <si>
    <t>01/18/2020 23:56:02</t>
  </si>
  <si>
    <t>01/19/2020 00:01:02</t>
  </si>
  <si>
    <t>01/18/2020 23:59:14</t>
  </si>
  <si>
    <t>01/19/2020 00:04:02</t>
  </si>
  <si>
    <t>aefb4398-904b-4340-a3fa-060cfeed4eef.tmp</t>
  </si>
  <si>
    <t>\\acsfs\profiles$\mariaavds\Downloads\aefb4398-904b-4340-a3fa-060cfeed4eef.tmp</t>
  </si>
  <si>
    <t>01/19/2020 00:01:11</t>
  </si>
  <si>
    <t>a381d4ad-8de6-45df-a39e-808e931ba0c8.tmp</t>
  </si>
  <si>
    <t>\\acsfs\profiles$\mariaavds\Downloads\a381d4ad-8de6-45df-a39e-808e931ba0c8.tmp</t>
  </si>
  <si>
    <t>01/19/2020 00:06:02</t>
  </si>
  <si>
    <t>01/19/2020 00:11:02</t>
  </si>
  <si>
    <t>01/19/2020 00:16:02</t>
  </si>
  <si>
    <t>01/19/2020 00:21:02</t>
  </si>
  <si>
    <t>01/19/2020 00:26:02</t>
  </si>
  <si>
    <t>01/19/2020 00:31:02</t>
  </si>
  <si>
    <t>01/19/2020 00:36:02</t>
  </si>
  <si>
    <t>01/19/2020 00:41:02</t>
  </si>
  <si>
    <t>01/19/2020 00:46:01</t>
  </si>
  <si>
    <t>01/19/2020 00:51:02</t>
  </si>
  <si>
    <t>01/19/2020 00:56:02</t>
  </si>
  <si>
    <t>01/19/2020 01:01:02</t>
  </si>
  <si>
    <t>01/19/2020 01:17:02</t>
  </si>
  <si>
    <t>01/19/2020 01:20:02</t>
  </si>
  <si>
    <t>01/19/2020 01:25:02</t>
  </si>
  <si>
    <t>01/19/2020 01:30:02</t>
  </si>
  <si>
    <t>01/19/2020 01:35:02</t>
  </si>
  <si>
    <t>01/19/2020 01:40:01</t>
  </si>
  <si>
    <t>01/19/2020 01:45:02</t>
  </si>
  <si>
    <t>01/19/2020 01:50:02</t>
  </si>
  <si>
    <t>01/19/2020 01:55:02</t>
  </si>
  <si>
    <t>01/19/2020 02:00:02</t>
  </si>
  <si>
    <t>01/19/2020 02:05:02</t>
  </si>
  <si>
    <t>01/19/2020 02:10:02</t>
  </si>
  <si>
    <t>01/19/2020 02:15:02</t>
  </si>
  <si>
    <t>01/19/2020 02:20:02</t>
  </si>
  <si>
    <t>01/19/2020 02:25:02</t>
  </si>
  <si>
    <t>01/19/2020 02:30:02</t>
  </si>
  <si>
    <t>01/19/2020 02:35:04</t>
  </si>
  <si>
    <t>01/19/2020 02:40:03</t>
  </si>
  <si>
    <t>01/19/2020 02:45:03</t>
  </si>
  <si>
    <t>01/19/2020 02:50:03</t>
  </si>
  <si>
    <t>01/19/2020 02:55:03</t>
  </si>
  <si>
    <t>01/19/2020 03:00:03</t>
  </si>
  <si>
    <t>01/19/2020 03:05:02</t>
  </si>
  <si>
    <t>01/19/2020 03:10:03</t>
  </si>
  <si>
    <t>01/19/2020 03:15:03</t>
  </si>
  <si>
    <t>01/19/2020 03:20:03</t>
  </si>
  <si>
    <t>01/19/2020 03:25:02</t>
  </si>
  <si>
    <t>01/19/2020 03:30:03</t>
  </si>
  <si>
    <t>01/19/2020 03:35:03</t>
  </si>
  <si>
    <t>01/19/2020 03:40:03</t>
  </si>
  <si>
    <t>01/19/2020 03:45:03</t>
  </si>
  <si>
    <t>01/19/2020 03:50:03</t>
  </si>
  <si>
    <t>01/19/2020 03:55:03</t>
  </si>
  <si>
    <t>01/19/2020 04:00:04</t>
  </si>
  <si>
    <t>01/19/2020 04:05:03</t>
  </si>
  <si>
    <t>01/19/2020 04:10:03</t>
  </si>
  <si>
    <t>01/19/2020 04:15:03</t>
  </si>
  <si>
    <t>01/19/2020 04:20:02</t>
  </si>
  <si>
    <t>01/19/2020 04:25:04</t>
  </si>
  <si>
    <t>01/19/2020 04:30:04</t>
  </si>
  <si>
    <t>01/19/2020 04:35:04</t>
  </si>
  <si>
    <t>01/19/2020 04:40:04</t>
  </si>
  <si>
    <t>01/19/2020 04:45:04</t>
  </si>
  <si>
    <t>01/19/2020 04:50:04</t>
  </si>
  <si>
    <t>01/19/2020 04:55:04</t>
  </si>
  <si>
    <t>01/19/2020 05:00:04</t>
  </si>
  <si>
    <t>01/19/2020 05:06:06</t>
  </si>
  <si>
    <t>01/19/2020 05:11:05</t>
  </si>
  <si>
    <t>01/19/2020 05:16:04</t>
  </si>
  <si>
    <t>01/19/2020 05:21:04</t>
  </si>
  <si>
    <t>01/19/2020 05:26:05</t>
  </si>
  <si>
    <t>01/19/2020 05:31:04</t>
  </si>
  <si>
    <t>01/19/2020 05:36:04</t>
  </si>
  <si>
    <t>01/19/2020 05:41:05</t>
  </si>
  <si>
    <t>01/19/2020 05:44:04</t>
  </si>
  <si>
    <t>01/19/2020 05:42:42</t>
  </si>
  <si>
    <t>be4ca332-6df6-4678-bc23-f92f59ad49fa.tmp</t>
  </si>
  <si>
    <t>\\acsfs\profiles$\mariaavds\Downloads\be4ca332-6df6-4678-bc23-f92f59ad49fa.tmp</t>
  </si>
  <si>
    <t>01/19/2020 05:46:05</t>
  </si>
  <si>
    <t>01/19/2020 05:43:59</t>
  </si>
  <si>
    <t>01/19/2020 05:49:04</t>
  </si>
  <si>
    <t>99dd224b-0306-488d-9d2d-2a28bd76b141.tmp</t>
  </si>
  <si>
    <t>\\acsfs\profiles$\mariaavds\Downloads\99dd224b-0306-488d-9d2d-2a28bd76b141.tmp</t>
  </si>
  <si>
    <t>01/19/2020 05:51:05</t>
  </si>
  <si>
    <t>01/19/2020 05:47:43</t>
  </si>
  <si>
    <t>01/19/2020 05:53:05</t>
  </si>
  <si>
    <t>02e189ca-a2f4-4c18-a6e2-f2759268ae26.tmp</t>
  </si>
  <si>
    <t>\\acsfs\profiles$\ROZENCAM\Downloads\02e189ca-a2f4-4c18-a6e2-f2759268ae26.tmp</t>
  </si>
  <si>
    <t>01/19/2020 05:56:05</t>
  </si>
  <si>
    <t>01/19/2020 06:01:06</t>
  </si>
  <si>
    <t>01/19/2020 06:06:05</t>
  </si>
  <si>
    <t>01/19/2020 06:05:17</t>
  </si>
  <si>
    <t>01/19/2020 06:09:05</t>
  </si>
  <si>
    <t>e2a8134c-22c9-42a7-8343-dcf32987afbb.tmp</t>
  </si>
  <si>
    <t>\\acsfs\profiles$\lucasqdss\Downloads\e2a8134c-22c9-42a7-8343-dcf32987afbb.tmp</t>
  </si>
  <si>
    <t>01/19/2020 06:11:05</t>
  </si>
  <si>
    <t>01/19/2020 06:09:09</t>
  </si>
  <si>
    <t>01/19/2020 06:14:05</t>
  </si>
  <si>
    <t>373363cc-ee42-42c3-828d-5138e80f2a54.tmp</t>
  </si>
  <si>
    <t>\\acsfs\profiles$\lucasqdss\Downloads\373363cc-ee42-42c3-828d-5138e80f2a54.tmp</t>
  </si>
  <si>
    <t>01/19/2020 06:16:05</t>
  </si>
  <si>
    <t>01/19/2020 06:21:05</t>
  </si>
  <si>
    <t>01/19/2020 06:26:05</t>
  </si>
  <si>
    <t>01/19/2020 06:31:05</t>
  </si>
  <si>
    <t>01/19/2020 06:36:05</t>
  </si>
  <si>
    <t>01/19/2020 06:41:04</t>
  </si>
  <si>
    <t>01/19/2020 06:46:05</t>
  </si>
  <si>
    <t>01/19/2020 06:51:05</t>
  </si>
  <si>
    <t>01/19/2020 06:56:05</t>
  </si>
  <si>
    <t>01/19/2020 07:01:05</t>
  </si>
  <si>
    <t>01/19/2020 07:06:04</t>
  </si>
  <si>
    <t>01/19/2020 07:06:05</t>
  </si>
  <si>
    <t>01/19/2020 07:05:29</t>
  </si>
  <si>
    <t>01/19/2020 07:09:05</t>
  </si>
  <si>
    <t>01/19/2020 07:05:35</t>
  </si>
  <si>
    <t>01/19/2020 07:05:58</t>
  </si>
  <si>
    <t>01/19/2020 07:06:03</t>
  </si>
  <si>
    <t>01/19/2020 07:07:27</t>
  </si>
  <si>
    <t>01/19/2020 07:07:31</t>
  </si>
  <si>
    <t>01/19/2020 07:11:05</t>
  </si>
  <si>
    <t>01/19/2020 07:09:09</t>
  </si>
  <si>
    <t>01/19/2020 07:14:05</t>
  </si>
  <si>
    <t>01/19/2020 07:09:10</t>
  </si>
  <si>
    <t>01/19/2020 07:09:24</t>
  </si>
  <si>
    <t>01/19/2020 07:11:18</t>
  </si>
  <si>
    <t>01/19/2020 07:12:18</t>
  </si>
  <si>
    <t>01/19/2020 07:15:05</t>
  </si>
  <si>
    <t>01/19/2020 07:14:17</t>
  </si>
  <si>
    <t>f9149774-abc5-43e5-8af7-6c46dd7493e9.tmp</t>
  </si>
  <si>
    <t>\\acsfs\profiles$\claudiajca\Downloads\f9149774-abc5-43e5-8af7-6c46dd7493e9.tmp</t>
  </si>
  <si>
    <t>01/19/2020 07:16:05</t>
  </si>
  <si>
    <t>01/19/2020 07:19:05</t>
  </si>
  <si>
    <t>01/19/2020 07:14:23</t>
  </si>
  <si>
    <t>01/19/2020 07:14:31</t>
  </si>
  <si>
    <t>01/19/2020 07:14:48</t>
  </si>
  <si>
    <t>01/19/2020 07:15:14</t>
  </si>
  <si>
    <t>andrelpsa@algartech.com;joaogvc@algartech.com;josiascdsj@algartech.com;leonardoao@algartech.com;marianadjc@algartech.com;paulacn@algartech.com;rafaelggs@algartech.com;ricardodfm@algartech.com.br;taysdss@algartech.com;viniciussg@algartech.com;</t>
  </si>
  <si>
    <t>andrelpsa@algartech.com,joaogvc@algartech.com,josiascdsj@algartech.com,leonardoao@algartech.com,marianadjc@algartech.com,paulacn@algartech.com,rafaelggs@algartech.com,ricardodfm@algartech.com.br,taysdss@algartech.com,viniciussg@algartech.com</t>
  </si>
  <si>
    <t>01/19/2020 07:15:15</t>
  </si>
  <si>
    <t>01/19/2020 07:15:22</t>
  </si>
  <si>
    <t>01/19/2020 07:15:45</t>
  </si>
  <si>
    <t>01/19/2020 07:15:49</t>
  </si>
  <si>
    <t>01/19/2020 07:18:21</t>
  </si>
  <si>
    <t>01/19/2020 07:15:18</t>
  </si>
  <si>
    <t>01/19/2020 07:20:05</t>
  </si>
  <si>
    <t>f6314130-70ae-4d1b-8c1a-182d9ee205f6.tmp</t>
  </si>
  <si>
    <t>\\acsfs\profiles$\claudiajca\Downloads\f6314130-70ae-4d1b-8c1a-182d9ee205f6.tmp</t>
  </si>
  <si>
    <t>01/19/2020 07:21:05</t>
  </si>
  <si>
    <t>01/19/2020 07:19:09</t>
  </si>
  <si>
    <t>01/19/2020 07:24:05</t>
  </si>
  <si>
    <t>100016016412308;joaogvc@algartech.com;marianadjc@algartech.com;planejamentodeoperacoesetrafego@bv.com.br;raphaelmco@algartech.com.br;ricardodfm@algartech.com.br;taysdss@algartech.com;viniciussg@algartech.com;</t>
  </si>
  <si>
    <t>100016016412308,joaogvc@algartech.com,marianadjc@algartech.com,planejamentodeoperacoesetrafego@bv.com.br,raphaelmco@algartech.com.br,ricardodfm@algartech.com.br,taysdss@algartech.com,viniciussg@algartech.com</t>
  </si>
  <si>
    <t>01/19/2020 07:19:14</t>
  </si>
  <si>
    <t>01/19/2020 07:19:19</t>
  </si>
  <si>
    <t>01/19/2020 07:19:23</t>
  </si>
  <si>
    <t>01/19/2020 07:19:24</t>
  </si>
  <si>
    <t>01/19/2020 07:21:04</t>
  </si>
  <si>
    <t>01/19/2020 07:21:06</t>
  </si>
  <si>
    <t>01/19/2020 07:21:20</t>
  </si>
  <si>
    <t>01/19/2020 07:21:22</t>
  </si>
  <si>
    <t>01/19/2020 07:26:05</t>
  </si>
  <si>
    <t>01/19/2020 07:25:48</t>
  </si>
  <si>
    <t>01/19/2020 07:29:06</t>
  </si>
  <si>
    <t>01/19/2020 07:26:07</t>
  </si>
  <si>
    <t>01/19/2020 07:26:09</t>
  </si>
  <si>
    <t>01/19/2020 07:26:17</t>
  </si>
  <si>
    <t>01/19/2020 07:26:29</t>
  </si>
  <si>
    <t>100014299414656;andrelpsa@algartech.com;joaogvc@algartech.com;josiascdsj@algartech.com;leonardoao@algartech.com;marianadjc@algartech.com;paulacn@algartech.com;rafaelggs@algartech.com;ricardodfm@algartech.com.br;taysdss@algartech.com;viniciussg@algartech.com;</t>
  </si>
  <si>
    <t>https://100014299414656,andrelpsa@algartech.com,joaogvc@algartech.com,josiascdsj@algartech.com,leonardoao@algartech.com,marianadjc@algartech.com,paulacn@algartech.com,rafaelggs@algartech.com,ricardodfm@algartech.com.br,taysdss@algartech.com,viniciussg@algartech.com</t>
  </si>
  <si>
    <t>01/19/2020 07:26:38</t>
  </si>
  <si>
    <t>01/19/2020 07:26:41</t>
  </si>
  <si>
    <t>01/19/2020 07:26:44</t>
  </si>
  <si>
    <t>01/19/2020 07:31:06</t>
  </si>
  <si>
    <t>01/19/2020 07:36:06</t>
  </si>
  <si>
    <t>01/19/2020 07:41:06</t>
  </si>
  <si>
    <t>01/19/2020 07:46:06</t>
  </si>
  <si>
    <t>01/19/2020 07:43:14</t>
  </si>
  <si>
    <t>\\acsfs\profiles$\rafaelamsv\My Documents\My Pictures\</t>
  </si>
  <si>
    <t>\\acsfs\profiles$\rafaelamsv\My Documents\My Videos\desktop.ini</t>
  </si>
  <si>
    <t>01/19/2020 07:43:36</t>
  </si>
  <si>
    <t>\\acsfs\profiles$\rafaelamsv\My Documents\My Videos\</t>
  </si>
  <si>
    <t>01/19/2020 07:43:40</t>
  </si>
  <si>
    <t>01/19/2020 07:43:41</t>
  </si>
  <si>
    <t>01/19/2020 07:43:43</t>
  </si>
  <si>
    <t>01/19/2020 07:43:47</t>
  </si>
  <si>
    <t>\\acsfs\profiles$\rafaelamsv\My Documents\My Music\</t>
  </si>
  <si>
    <t>\\acsfs\profiles$\rafaelamsv\My Documents\My Pictures\desktop.ini</t>
  </si>
  <si>
    <t>01/19/2020 07:43:52</t>
  </si>
  <si>
    <t>01/19/2020 07:43:53</t>
  </si>
  <si>
    <t>01/19/2020 07:43:54</t>
  </si>
  <si>
    <t>01/19/2020 07:43:55</t>
  </si>
  <si>
    <t>01/19/2020 07:43:56</t>
  </si>
  <si>
    <t>\\acsfs\profiles$\rafaelamsv\Contacts\</t>
  </si>
  <si>
    <t>\\acsfs\profiles$\rafaelamsv\Contacts\desktop.ini</t>
  </si>
  <si>
    <t>01/19/2020 07:43:59</t>
  </si>
  <si>
    <t>01/19/2020 07:44:00</t>
  </si>
  <si>
    <t>01/19/2020 07:44:02</t>
  </si>
  <si>
    <t>01/19/2020 07:44:05</t>
  </si>
  <si>
    <t>01/19/2020 07:44:07</t>
  </si>
  <si>
    <t>01/19/2020 07:44:08</t>
  </si>
  <si>
    <t>\\acsfs\profiles$\rafaelamsv\My Documents\</t>
  </si>
  <si>
    <t>\\acsfs\profiles$\rafaelamsv\Favorites\desktop.ini</t>
  </si>
  <si>
    <t>01/19/2020 07:44:10</t>
  </si>
  <si>
    <t>01/19/2020 07:44:11</t>
  </si>
  <si>
    <t>01/19/2020 07:44:12</t>
  </si>
  <si>
    <t>01/19/2020 07:44:14</t>
  </si>
  <si>
    <t>01/19/2020 07:44:16</t>
  </si>
  <si>
    <t>01/19/2020 07:44:17</t>
  </si>
  <si>
    <t>01/19/2020 07:44:18</t>
  </si>
  <si>
    <t>\\acsfs\profiles$\rafaelamsv\My Documents\My Music\desktop.ini</t>
  </si>
  <si>
    <t>01/19/2020 07:44:21</t>
  </si>
  <si>
    <t>01/19/2020 07:44:22</t>
  </si>
  <si>
    <t>01/19/2020 07:44:23</t>
  </si>
  <si>
    <t>01/19/2020 07:44:25</t>
  </si>
  <si>
    <t>01/19/2020 07:44:28</t>
  </si>
  <si>
    <t>\\acsfs\profiles$\rafaelamsv\Searches\</t>
  </si>
  <si>
    <t>\\acsfs\profiles$\rafaelamsv\Searches\desktop.ini</t>
  </si>
  <si>
    <t>01/19/2020 07:44:29</t>
  </si>
  <si>
    <t>01/19/2020 07:44:30</t>
  </si>
  <si>
    <t>01/19/2020 07:44:32</t>
  </si>
  <si>
    <t>01/19/2020 07:44:34</t>
  </si>
  <si>
    <t>\\acsfs\profiles$\rafaelamsv\Downloads\desktop.ini</t>
  </si>
  <si>
    <t>01/19/2020 07:44:35</t>
  </si>
  <si>
    <t>01/19/2020 07:44:38</t>
  </si>
  <si>
    <t>\\acsfs\profiles$\rafaelamsv\Favorites\</t>
  </si>
  <si>
    <t>\\acsfs\profiles$\rafaelamsv\My Documents\desktop.ini</t>
  </si>
  <si>
    <t>01/19/2020 07:44:40</t>
  </si>
  <si>
    <t>01/19/2020 07:44:41</t>
  </si>
  <si>
    <t>01/19/2020 07:44:42</t>
  </si>
  <si>
    <t>01/19/2020 07:44:44</t>
  </si>
  <si>
    <t>01/19/2020 07:44:46</t>
  </si>
  <si>
    <t>01/19/2020 07:44:48</t>
  </si>
  <si>
    <t>\\acsfs\profiles$\rafaelamsv\Saved Games\desktop.ini</t>
  </si>
  <si>
    <t>01/19/2020 07:44:50</t>
  </si>
  <si>
    <t>01/19/2020 07:45:12</t>
  </si>
  <si>
    <t>winrt--{S-1-5-21-602162358-764733703-839522115-350558}-.searchconnector-ms</t>
  </si>
  <si>
    <t>\\acsfs\profiles$\rafaelamsv\Searches\winrt--{S-1-5-21-602162358-764733703-839522115-350558}-.searchconnector-ms</t>
  </si>
  <si>
    <t>01/19/2020 07:51:06</t>
  </si>
  <si>
    <t>01/19/2020 07:47:04</t>
  </si>
  <si>
    <t>8aa7a877-6d79-4387-9f8c-f5fefee7d1dc.tmp</t>
  </si>
  <si>
    <t>\\acsfs\profiles$\rafaelamsv\Downloads\8aa7a877-6d79-4387-9f8c-f5fefee7d1dc.tmp</t>
  </si>
  <si>
    <t>01/19/2020 07:47:06</t>
  </si>
  <si>
    <t>f7299f2c-ae6d-4d96-b608-2d844fe95ae2.tmp</t>
  </si>
  <si>
    <t>\\acsfs\profiles$\rafaelamsv\Downloads\f7299f2c-ae6d-4d96-b608-2d844fe95ae2.tmp</t>
  </si>
  <si>
    <t>01/19/2020 07:48:04</t>
  </si>
  <si>
    <t>b904d8c4-c5ba-49e6-88a1-09539859c574.tmp</t>
  </si>
  <si>
    <t>\\acsfs\profiles$\rafaelamsv\Downloads\b904d8c4-c5ba-49e6-88a1-09539859c574.tmp</t>
  </si>
  <si>
    <t>01/19/2020 07:56:07</t>
  </si>
  <si>
    <t>01/19/2020 08:01:06</t>
  </si>
  <si>
    <t>01/19/2020 07:58:01</t>
  </si>
  <si>
    <t>01/19/2020 08:03:06</t>
  </si>
  <si>
    <t>05cd0c6e-9363-44e2-9806-1a9eda273beb.tmp</t>
  </si>
  <si>
    <t>\\acsfs\profiles$\danielmlds\Downloads\05cd0c6e-9363-44e2-9806-1a9eda273beb.tmp</t>
  </si>
  <si>
    <t>01/19/2020 07:59:14</t>
  </si>
  <si>
    <t>664c91f1-5922-43e9-9f58-757422ed2b0b.tmp</t>
  </si>
  <si>
    <t>\\acsfs\profiles$\danielmlds\Downloads\664c91f1-5922-43e9-9f58-757422ed2b0b.tmp</t>
  </si>
  <si>
    <t>01/19/2020 08:06:06</t>
  </si>
  <si>
    <t>01/19/2020 08:11:06</t>
  </si>
  <si>
    <t>01/19/2020 08:09:49</t>
  </si>
  <si>
    <t>01/19/2020 08:13:05</t>
  </si>
  <si>
    <t>1333e99c-1250-4eb9-9c1b-f04735ea2be3.tmp</t>
  </si>
  <si>
    <t>\\acsfs\profiles$\ROZENCAM\Downloads\1333e99c-1250-4eb9-9c1b-f04735ea2be3.tmp</t>
  </si>
  <si>
    <t>01/19/2020 08:16:05</t>
  </si>
  <si>
    <t>01/19/2020 08:13:11</t>
  </si>
  <si>
    <t>01/19/2020 08:14:07</t>
  </si>
  <si>
    <t>01/19/2020 08:17:06</t>
  </si>
  <si>
    <t>00d3c34d-dc0d-4c99-9e65-b3c0c9939b67.tmp</t>
  </si>
  <si>
    <t>\\acsfs\profiles$\ANAPDSB\Downloads\00d3c34d-dc0d-4c99-9e65-b3c0c9939b67.tmp</t>
  </si>
  <si>
    <t>01/19/2020 08:14:53</t>
  </si>
  <si>
    <t>\\acsfs\profiles$\ANAPDSB\Downloads\Q29udHJvbGxlci5DYWxjdWxhZG9yYURlVmVuY2lt (25).ica</t>
  </si>
  <si>
    <t>01/19/2020 08:21:05</t>
  </si>
  <si>
    <t>01/18/2020 12:21:54</t>
  </si>
  <si>
    <t>01/18/2020 12:21:55</t>
  </si>
  <si>
    <t>lu271122gy877.tmp</t>
  </si>
  <si>
    <t>\\acsfs\profiles$\ALYNYA\My Documents\lu271122gy877.tmp</t>
  </si>
  <si>
    <t>\\acsfs\profiles$\ALYNYA\My Documents\lu271122gy877.tmp\</t>
  </si>
  <si>
    <t>\\acsfs\profiles$\ALYNYA\My Documents\lu271122gy877.tmp\META-INF\</t>
  </si>
  <si>
    <t>\\acsfs\profiles$\ALYNYA\My Documents\lu271122gy877.tmp\Thumbnails\</t>
  </si>
  <si>
    <t>01/18/2020 12:22:06</t>
  </si>
  <si>
    <t>01/19/2020 08:16:49</t>
  </si>
  <si>
    <t>01/19/2020 08:22:06</t>
  </si>
  <si>
    <t>cffa95ef-9d1e-4a60-8e0d-eb48659b4e92.tmp</t>
  </si>
  <si>
    <t>\\acsfs\profiles$\ANAPDSB\Downloads\cffa95ef-9d1e-4a60-8e0d-eb48659b4e92.tmp</t>
  </si>
  <si>
    <t>01/19/2020 08:26:05</t>
  </si>
  <si>
    <t>01/19/2020 08:25:44</t>
  </si>
  <si>
    <t>7b38c38b-8a85-4dfb-bd23-7602fe4a87e0.tmp</t>
  </si>
  <si>
    <t>\\acsfs\profiles$\LUCASBS\Downloads\7b38c38b-8a85-4dfb-bd23-7602fe4a87e0.tmp</t>
  </si>
  <si>
    <t>01/19/2020 08:31:07</t>
  </si>
  <si>
    <t>01/19/2020 08:27:42</t>
  </si>
  <si>
    <t>e2ad1570-daec-4890-8198-c3c5f4c2d7fa.tmp</t>
  </si>
  <si>
    <t>\\acsfs\profiles$\LUCASBS\Downloads\e2ad1570-daec-4890-8198-c3c5f4c2d7fa.tmp</t>
  </si>
  <si>
    <t>01/19/2020 08:36:07</t>
  </si>
  <si>
    <t>01/19/2020 08:36:36</t>
  </si>
  <si>
    <t>01/19/2020 08:37:06</t>
  </si>
  <si>
    <t>01/19/2020 08:40:07</t>
  </si>
  <si>
    <t>01/19/2020 08:41:06</t>
  </si>
  <si>
    <t>01/19/2020 08:41:07</t>
  </si>
  <si>
    <t>01/19/2020 08:39:27</t>
  </si>
  <si>
    <t>01/19/2020 08:42:06</t>
  </si>
  <si>
    <t>\\acsfs\profiles$\ANAPDSB\Contacts\</t>
  </si>
  <si>
    <t>ANA PAULA DA SILVA BORGES (12).contact</t>
  </si>
  <si>
    <t>\\acsfs\profiles$\ANAPDSB\Contacts\ANA PAULA DA SILVA BORGES (12).contact</t>
  </si>
  <si>
    <t>01/19/2020 08:40:08</t>
  </si>
  <si>
    <t>01/19/2020 08:40:19</t>
  </si>
  <si>
    <t>\\acsfs\profiles$\ANAPDSB\My Documents\My Videos\</t>
  </si>
  <si>
    <t>\\acsfs\profiles$\ANAPDSB\My Documents\My Videos\desktop.ini</t>
  </si>
  <si>
    <t>01/19/2020 08:40:20</t>
  </si>
  <si>
    <t>\\acsfs\profiles$\ANAPDSB\My Documents\My Pictures\</t>
  </si>
  <si>
    <t>\\acsfs\profiles$\ANAPDSB\My Documents\My Pictures\desktop.ini</t>
  </si>
  <si>
    <t>01/19/2020 08:40:21</t>
  </si>
  <si>
    <t>01/19/2020 08:40:22</t>
  </si>
  <si>
    <t>\\acsfs\profiles$\ANAPDSB\Contacts\desktop.ini</t>
  </si>
  <si>
    <t>01/19/2020 08:40:23</t>
  </si>
  <si>
    <t>01/19/2020 08:40:24</t>
  </si>
  <si>
    <t>\\acsfs\profiles$\ANAPDSB\Favorites\</t>
  </si>
  <si>
    <t>\\acsfs\profiles$\ANAPDSB\Favorites\desktop.ini</t>
  </si>
  <si>
    <t>01/19/2020 08:40:25</t>
  </si>
  <si>
    <t>01/19/2020 08:40:26</t>
  </si>
  <si>
    <t>\\acsfs\profiles$\ANAPDSB\My Documents\My Music\</t>
  </si>
  <si>
    <t>\\acsfs\profiles$\ANAPDSB\My Documents\My Music\desktop.ini</t>
  </si>
  <si>
    <t>01/19/2020 08:40:27</t>
  </si>
  <si>
    <t>01/19/2020 08:40:28</t>
  </si>
  <si>
    <t>\\acsfs\profiles$\ANAPDSB\Searches\</t>
  </si>
  <si>
    <t>\\acsfs\profiles$\ANAPDSB\Searches\desktop.ini</t>
  </si>
  <si>
    <t>01/19/2020 08:40:30</t>
  </si>
  <si>
    <t>\\acsfs\profiles$\ANAPDSB\Downloads\desktop.ini</t>
  </si>
  <si>
    <t>01/19/2020 08:40:31</t>
  </si>
  <si>
    <t>01/19/2020 08:40:32</t>
  </si>
  <si>
    <t>\\acsfs\profiles$\ANAPDSB\My Documents\</t>
  </si>
  <si>
    <t>\\acsfs\profiles$\ANAPDSB\My Documents\desktop.ini</t>
  </si>
  <si>
    <t>01/19/2020 08:40:33</t>
  </si>
  <si>
    <t>01/19/2020 08:40:34</t>
  </si>
  <si>
    <t>\\acsfs\profiles$\ANAPDSB\Saved Games\</t>
  </si>
  <si>
    <t>\\acsfs\profiles$\ANAPDSB\Saved Games\desktop.ini</t>
  </si>
  <si>
    <t>01/19/2020 08:40:35</t>
  </si>
  <si>
    <t>01/19/2020 08:40:44</t>
  </si>
  <si>
    <t>\\acsfs\profiles$\ANAPDSB\Favorites\Links for Brasil\</t>
  </si>
  <si>
    <t>\\acsfs\profiles$\ANAPDSB\Favorites\Links for Brasil\desktop.ini</t>
  </si>
  <si>
    <t>\\acsfs\profiles$\ANAPDSB\Favorites\Links for Brasil\Microsoft Brasil.url</t>
  </si>
  <si>
    <t>01/19/2020 08:40:45</t>
  </si>
  <si>
    <t>\\acsfs\profiles$\ANAPDSB\Favorites\Links for Brasil\Windows Brasil.url</t>
  </si>
  <si>
    <t>01/19/2020 08:40:46</t>
  </si>
  <si>
    <t>01/19/2020 08:40:47</t>
  </si>
  <si>
    <t>\\acsfs\profiles$\ANAPDSB\Favorites\Links for Brasil\MSN Brasil.url</t>
  </si>
  <si>
    <t>01/19/2020 08:40:48</t>
  </si>
  <si>
    <t>01/19/2020 08:37:10</t>
  </si>
  <si>
    <t>01/19/2020 08:41:22</t>
  </si>
  <si>
    <t>01/19/2020 08:45:07</t>
  </si>
  <si>
    <t>92904ade-27ad-4392-9750-c489cfe7717d.tmp</t>
  </si>
  <si>
    <t>\\acsfs\profiles$\nataliacsl\Downloads\92904ade-27ad-4392-9750-c489cfe7717d.tmp</t>
  </si>
  <si>
    <t>01/19/2020 08:41:24</t>
  </si>
  <si>
    <t>f2e324c4-be8d-45f4-b9e3-5dab2f8956b8.tmp</t>
  </si>
  <si>
    <t>\\acsfs\profiles$\nataliacsl\Downloads\f2e324c4-be8d-45f4-b9e3-5dab2f8956b8.tmp</t>
  </si>
  <si>
    <t>01/19/2020 08:46:06</t>
  </si>
  <si>
    <t>01/19/2020 08:47:14</t>
  </si>
  <si>
    <t>01/19/2020 08:49:07</t>
  </si>
  <si>
    <t>a8cf819d-5ffb-4359-bc08-10dcf34ed358.tmp</t>
  </si>
  <si>
    <t>\\acsfs\profiles$\lucasqdss\Downloads\a8cf819d-5ffb-4359-bc08-10dcf34ed358.tmp</t>
  </si>
  <si>
    <t>01/19/2020 08:51:07</t>
  </si>
  <si>
    <t>01/19/2020 08:56:07</t>
  </si>
  <si>
    <t>01/19/2020 08:56:45</t>
  </si>
  <si>
    <t>01/19/2020 08:57:07</t>
  </si>
  <si>
    <t>01/19/2020 09:01:07</t>
  </si>
  <si>
    <t>01/19/2020 09:06:07</t>
  </si>
  <si>
    <t>01/19/2020 09:02:13</t>
  </si>
  <si>
    <t>01ad5085-101f-4ad2-9db1-d6060249b149.tmp</t>
  </si>
  <si>
    <t>\\acsfs\profiles$\talitafdc\Downloads\01ad5085-101f-4ad2-9db1-d6060249b149.tmp</t>
  </si>
  <si>
    <t>01/19/2020 09:03:31</t>
  </si>
  <si>
    <t>d2a0c7e9-76d3-4cd9-b055-a69a036e653c.tmp</t>
  </si>
  <si>
    <t>\\acsfs\profiles$\talitafdc\Downloads\d2a0c7e9-76d3-4cd9-b055-a69a036e653c.tmp</t>
  </si>
  <si>
    <t>01/19/2020 09:04:18</t>
  </si>
  <si>
    <t>01/19/2020 09:07:07</t>
  </si>
  <si>
    <t>10747cc4-dbd3-4dba-a334-57ab389e4090.tmp</t>
  </si>
  <si>
    <t>\\acsfs\profiles$\ANAPDSB\Downloads\10747cc4-dbd3-4dba-a334-57ab389e4090.tmp</t>
  </si>
  <si>
    <t>01/19/2020 09:04:43</t>
  </si>
  <si>
    <t>01/19/2020 09:05:16</t>
  </si>
  <si>
    <t>01/19/2020 09:10:07</t>
  </si>
  <si>
    <t>10.200.61.145</t>
  </si>
  <si>
    <t>78-2B-CB-C3-48-91</t>
  </si>
  <si>
    <t>VOTORANTO-CB035</t>
  </si>
  <si>
    <t>martala</t>
  </si>
  <si>
    <t>mail.google.com/mail/u/0/jserror?script=https://apis.google.com/_/scs/abc-static/_/js/k=gapi.gapi.en.7kwsr24wxfc.o/m=cloudsearch/exm=card,client,config,gapi_iframes,gapi_iframes_style_slide_menu,googleapis_client,plusone/rt=j/sv=1/d=1/ed=1/rs=ahpooo-i9r7ibctuqfj0v-fphrkrs8aihq/cb=gapi.loaded_5&amp;error=script error&amp;line=not available&amp;txz=p</t>
  </si>
  <si>
    <t>01/19/2020 09:11:08</t>
  </si>
  <si>
    <t>01/19/2020 09:08:51</t>
  </si>
  <si>
    <t>22ad65c2-8e48-41f6-975c-39103a05d986.tmp</t>
  </si>
  <si>
    <t>\\acsfs\profiles$\LUCASBS\Downloads\22ad65c2-8e48-41f6-975c-39103a05d986.tmp</t>
  </si>
  <si>
    <t>01/19/2020 09:08:10</t>
  </si>
  <si>
    <t>01/19/2020 09:12:07</t>
  </si>
  <si>
    <t>e411dea7-862c-4883-8538-16ecca6b46b1.tmp</t>
  </si>
  <si>
    <t>\\acsfs\profiles$\ANAPDSB\Downloads\e411dea7-862c-4883-8538-16ecca6b46b1.tmp</t>
  </si>
  <si>
    <t>01/19/2020 09:09:03</t>
  </si>
  <si>
    <t>01/19/2020 09:14:06</t>
  </si>
  <si>
    <t>01/19/2020 09:09:14</t>
  </si>
  <si>
    <t>01/19/2020 09:09:35</t>
  </si>
  <si>
    <t>01/19/2020 09:09:36</t>
  </si>
  <si>
    <t>01/19/2020 09:09:46</t>
  </si>
  <si>
    <t>01/19/2020 09:09:52</t>
  </si>
  <si>
    <t>01/19/2020 09:09:56</t>
  </si>
  <si>
    <t>01/19/2020 09:16:07</t>
  </si>
  <si>
    <t>01/19/2020 09:21:07</t>
  </si>
  <si>
    <t>01/19/2020 09:26:07</t>
  </si>
  <si>
    <t>01/19/2020 09:31:07</t>
  </si>
  <si>
    <t>01/19/2020 09:36:07</t>
  </si>
  <si>
    <t>01/19/2020 09:41:07</t>
  </si>
  <si>
    <t>01/19/2020 09:46:07</t>
  </si>
  <si>
    <t>01/19/2020 09:43:15</t>
  </si>
  <si>
    <t>01/19/2020 09:51:07</t>
  </si>
  <si>
    <t>01/19/2020 09:54:07</t>
  </si>
  <si>
    <t>01/19/2020 09:52:35</t>
  </si>
  <si>
    <t>74827fc3-6112-4fbd-800d-fd55e761efeb.tmp</t>
  </si>
  <si>
    <t>\\acsfs\profiles$\cintiadjl\Downloads\74827fc3-6112-4fbd-800d-fd55e761efeb.tmp</t>
  </si>
  <si>
    <t>01/19/2020 09:56:07</t>
  </si>
  <si>
    <t>01/19/2020 09:53:16</t>
  </si>
  <si>
    <t>01/19/2020 09:53:17</t>
  </si>
  <si>
    <t>01/19/2020 09:53:20</t>
  </si>
  <si>
    <t>01/19/2020 09:54:10</t>
  </si>
  <si>
    <t>01/19/2020 09:59:06</t>
  </si>
  <si>
    <t>dbc19a69-3b4a-4c4a-8e77-e1ef4a05b4ca.tmp</t>
  </si>
  <si>
    <t>\\acsfs\profiles$\cintiadjl\Downloads\dbc19a69-3b4a-4c4a-8e77-e1ef4a05b4ca.tmp</t>
  </si>
  <si>
    <t>01/19/2020 10:01:06</t>
  </si>
  <si>
    <t>01/19/2020 10:06:07</t>
  </si>
  <si>
    <t>01/19/2020 10:11:06</t>
  </si>
  <si>
    <t>01/19/2020 10:12:06</t>
  </si>
  <si>
    <t>01/19/2020 10:11:36</t>
  </si>
  <si>
    <t>01/19/2020 10:16:07</t>
  </si>
  <si>
    <t>01/19/2020 10:12:27</t>
  </si>
  <si>
    <t>01/19/2020 10:17:07</t>
  </si>
  <si>
    <t>01/19/2020 10:12:30</t>
  </si>
  <si>
    <t>01/19/2020 10:12:33</t>
  </si>
  <si>
    <t>01/19/2020 10:13:38</t>
  </si>
  <si>
    <t>01/19/2020 10:21:07</t>
  </si>
  <si>
    <t>01/19/2020 10:19:49</t>
  </si>
  <si>
    <t>8179fb7a-9f70-48dc-83e6-4658623d9989.tmp</t>
  </si>
  <si>
    <t>\\acsfs\profiles$\rafaelamsv\Downloads\8179fb7a-9f70-48dc-83e6-4658623d9989.tmp</t>
  </si>
  <si>
    <t>01/19/2020 10:24:07</t>
  </si>
  <si>
    <t>01/19/2020 10:20:22</t>
  </si>
  <si>
    <t>mail.google.com/sync/u/0/i/s?hl=pt-BR&amp;c=571</t>
  </si>
  <si>
    <t>01/19/2020 10:20:25</t>
  </si>
  <si>
    <t>01/19/2020 10:20:30</t>
  </si>
  <si>
    <t>01/19/2020 10:20:35</t>
  </si>
  <si>
    <t>01/19/2020 10:20:44</t>
  </si>
  <si>
    <t>01/19/2020 10:20:48</t>
  </si>
  <si>
    <t>01/19/2020 10:26:08</t>
  </si>
  <si>
    <t>01/19/2020 10:30:07</t>
  </si>
  <si>
    <t>01/19/2020 10:31:07</t>
  </si>
  <si>
    <t>01/19/2020 10:27:37</t>
  </si>
  <si>
    <t>296a9e42-9b12-4b0e-9840-022394e21efa.tmp</t>
  </si>
  <si>
    <t>\\acsfs\profiles$\talitafdc\Downloads\296a9e42-9b12-4b0e-9840-022394e21efa.tmp</t>
  </si>
  <si>
    <t>01/19/2020 10:30:06</t>
  </si>
  <si>
    <t>01/19/2020 10:32:07</t>
  </si>
  <si>
    <t>01/19/2020 10:31:15</t>
  </si>
  <si>
    <t>01/19/2020 10:36:07</t>
  </si>
  <si>
    <t>01/19/2020 10:41:07</t>
  </si>
  <si>
    <t>01/19/2020 10:44:07</t>
  </si>
  <si>
    <t>01/19/2020 10:40:15</t>
  </si>
  <si>
    <t>01/19/2020 10:40:21</t>
  </si>
  <si>
    <t>01/19/2020 10:46:07</t>
  </si>
  <si>
    <t>01/19/2020 10:44:28</t>
  </si>
  <si>
    <t>01/19/2020 10:47:06</t>
  </si>
  <si>
    <t>01/19/2020 10:45:35</t>
  </si>
  <si>
    <t>01/19/2020 10:46:37</t>
  </si>
  <si>
    <t>01/19/2020 10:46:38</t>
  </si>
  <si>
    <t>01/19/2020 10:46:39</t>
  </si>
  <si>
    <t>01/19/2020 10:51:07</t>
  </si>
  <si>
    <t>7f7be979-b42d-4ffe-8f42-6f104e738009.tmp</t>
  </si>
  <si>
    <t>\\acsfs\profiles$\rafaelamsv\Downloads\7f7be979-b42d-4ffe-8f42-6f104e738009.tmp</t>
  </si>
  <si>
    <t>01/19/2020 10:46:43</t>
  </si>
  <si>
    <t>dc3389b4-c072-4682-adf2-63508e5617b0.tmp</t>
  </si>
  <si>
    <t>\\acsfs\profiles$\rafaelamsv\Downloads\dc3389b4-c072-4682-adf2-63508e5617b0.tmp</t>
  </si>
  <si>
    <t>01/19/2020 10:47:43</t>
  </si>
  <si>
    <t>01/19/2020 10:52:07</t>
  </si>
  <si>
    <t>01/19/2020 10:53:55</t>
  </si>
  <si>
    <t>01/19/2020 10:56:07</t>
  </si>
  <si>
    <t>0a09becd-5158-4083-9db9-6858d1583c9d.tmp</t>
  </si>
  <si>
    <t>\\acsfs\profiles$\LUCASBS\Downloads\0a09becd-5158-4083-9db9-6858d1583c9d.tmp</t>
  </si>
  <si>
    <t>01/19/2020 10:51:09</t>
  </si>
  <si>
    <t>4253fae6-4ef6-44c5-bead-01762100a79f.tmp</t>
  </si>
  <si>
    <t>\\acsfs\profiles$\rafaelamsv\Downloads\4253fae6-4ef6-44c5-bead-01762100a79f.tmp</t>
  </si>
  <si>
    <t>01/19/2020 11:01:07</t>
  </si>
  <si>
    <t>01/19/2020 11:02:57</t>
  </si>
  <si>
    <t>01/19/2020 11:04:07</t>
  </si>
  <si>
    <t>9cd928c4-3da1-4594-9de8-7243832f3408.tmp</t>
  </si>
  <si>
    <t>\\acsfs\profiles$\cintiadjl\Downloads\9cd928c4-3da1-4594-9de8-7243832f3408.tmp</t>
  </si>
  <si>
    <t>01/19/2020 10:59:40</t>
  </si>
  <si>
    <t>01/19/2020 10:59:49</t>
  </si>
  <si>
    <t>01/19/2020 11:06:07</t>
  </si>
  <si>
    <t>01/19/2020 11:03:52</t>
  </si>
  <si>
    <t>01/19/2020 11:08:07</t>
  </si>
  <si>
    <t>3d4a6f83-2b47-4b18-a44c-c0b6960e1d43.tmp</t>
  </si>
  <si>
    <t>\\acsfs\profiles$\danielmlds\Downloads\3d4a6f83-2b47-4b18-a44c-c0b6960e1d43.tmp</t>
  </si>
  <si>
    <t>01/19/2020 11:11:07</t>
  </si>
  <si>
    <t>01/19/2020 11:08:29</t>
  </si>
  <si>
    <t>01/19/2020 11:13:07</t>
  </si>
  <si>
    <t>b4173415-beca-4b4b-be1f-ab13b37474ed.tmp</t>
  </si>
  <si>
    <t>\\acsfs\profiles$\ROZENCAM\Downloads\b4173415-beca-4b4b-be1f-ab13b37474ed.tmp</t>
  </si>
  <si>
    <t>01/19/2020 11:16:07</t>
  </si>
  <si>
    <t>01/19/2020 11:21:07</t>
  </si>
  <si>
    <t>01/19/2020 11:21:03</t>
  </si>
  <si>
    <t>01/19/2020 11:22:07</t>
  </si>
  <si>
    <t>01/19/2020 11:21:04</t>
  </si>
  <si>
    <t>01/19/2020 11:26:07</t>
  </si>
  <si>
    <t>01/19/2020 11:23:53</t>
  </si>
  <si>
    <t>01/19/2020 11:27:07</t>
  </si>
  <si>
    <t>01/19/2020 11:25:41</t>
  </si>
  <si>
    <t>01/19/2020 11:25:42</t>
  </si>
  <si>
    <t>01/19/2020 11:26:43</t>
  </si>
  <si>
    <t>01/19/2020 11:31:07</t>
  </si>
  <si>
    <t>01/19/2020 11:36:07</t>
  </si>
  <si>
    <t>01/19/2020 11:41:07</t>
  </si>
  <si>
    <t>01/19/2020 11:38:45</t>
  </si>
  <si>
    <t>01/19/2020 11:42:07</t>
  </si>
  <si>
    <t>01/19/2020 11:38:46</t>
  </si>
  <si>
    <t>01/19/2020 11:39:19</t>
  </si>
  <si>
    <t>01/19/2020 11:45:10</t>
  </si>
  <si>
    <t>01/19/2020 11:46:07</t>
  </si>
  <si>
    <t>c9b21fae-9c07-4047-9955-dfadf365028d.tmp</t>
  </si>
  <si>
    <t>\\acsfs\profiles$\talitafdc\Downloads\c9b21fae-9c07-4047-9955-dfadf365028d.tmp</t>
  </si>
  <si>
    <t>01/19/2020 11:51:07</t>
  </si>
  <si>
    <t>01/19/2020 11:56:07</t>
  </si>
  <si>
    <t>01/19/2020 12:01:08</t>
  </si>
  <si>
    <t>01/19/2020 11:57:27</t>
  </si>
  <si>
    <t>01/19/2020 12:02:07</t>
  </si>
  <si>
    <t>01/19/2020 11:57:28</t>
  </si>
  <si>
    <t>01/19/2020 12:06:07</t>
  </si>
  <si>
    <t>01/19/2020 12:11:07</t>
  </si>
  <si>
    <t>01/19/2020 12:08:06</t>
  </si>
  <si>
    <t>01/19/2020 12:12:07</t>
  </si>
  <si>
    <t>01/19/2020 12:08:07</t>
  </si>
  <si>
    <t>01/19/2020 12:12:20</t>
  </si>
  <si>
    <t>01/19/2020 12:16:07</t>
  </si>
  <si>
    <t>01/19/2020 12:12:26</t>
  </si>
  <si>
    <t>01/19/2020 12:12:27</t>
  </si>
  <si>
    <t>01/19/2020 12:14:21</t>
  </si>
  <si>
    <t>01/19/2020 12:19:07</t>
  </si>
  <si>
    <t>01/19/2020 12:14:41</t>
  </si>
  <si>
    <t>01/19/2020 12:14:45</t>
  </si>
  <si>
    <t>01/19/2020 12:14:58</t>
  </si>
  <si>
    <t>01/19/2020 12:15:02</t>
  </si>
  <si>
    <t>01/19/2020 12:15:07</t>
  </si>
  <si>
    <t>01/19/2020 12:15:11</t>
  </si>
  <si>
    <t>01/19/2020 12:15:16</t>
  </si>
  <si>
    <t>01/19/2020 12:15:23</t>
  </si>
  <si>
    <t>joaogvc@algartech.com;marianadjc@algartech.com;planejamentodeoperacoesetrafego@bv.com.br;raphaelmco@algartech.com.br;ricardodfm@algartech.com.br;taysdss@algartech.com;</t>
  </si>
  <si>
    <t>joaogvc@algartech.com,marianadjc@algartech.com,planejamentodeoperacoesetrafego@bv.com.br,raphaelmco@algartech.com.br,ricardodfm@algartech.com.br,taysdss@algartech.com</t>
  </si>
  <si>
    <t>01/19/2020 12:21:07</t>
  </si>
  <si>
    <t>01/19/2020 12:26:07</t>
  </si>
  <si>
    <t>01/19/2020 12:28:14</t>
  </si>
  <si>
    <t>01/19/2020 12:31:07</t>
  </si>
  <si>
    <t>01/19/2020 12:28:20</t>
  </si>
  <si>
    <t>lu2611647l0ku.tmp</t>
  </si>
  <si>
    <t>\\acsfs\profiles$\LUCASBS\RENEG BV\Consolidado\lu2611647l0ku.tmp</t>
  </si>
  <si>
    <t>\\acsfs\profiles$\LUCASBS\RENEG BV\Consolidado\lu2611647l0ku.tmp\</t>
  </si>
  <si>
    <t>\\acsfs\profiles$\LUCASBS\RENEG BV\Consolidado\lu2611647l0ku.tmp\META-INF\</t>
  </si>
  <si>
    <t>\\acsfs\profiles$\LUCASBS\RENEG BV\Consolidado\lu2611647l0ku.tmp\Thumbnails\</t>
  </si>
  <si>
    <t>01/19/2020 12:31:12</t>
  </si>
  <si>
    <t>01/19/2020 12:36:07</t>
  </si>
  <si>
    <t>78762389-2f5f-40cc-857e-e9cfdd84f1b8.tmp</t>
  </si>
  <si>
    <t>\\acsfs\profiles$\rafaelamsv\Downloads\78762389-2f5f-40cc-857e-e9cfdd84f1b8.tmp</t>
  </si>
  <si>
    <t>01/19/2020 12:40:08</t>
  </si>
  <si>
    <t>01/19/2020 12:35:25</t>
  </si>
  <si>
    <t>1b3d60e3-2ec7-4de0-bd67-e24051cc78f8.tmp</t>
  </si>
  <si>
    <t>\\acsfs\profiles$\nataliacsl\Downloads\1b3d60e3-2ec7-4de0-bd67-e24051cc78f8.tmp</t>
  </si>
  <si>
    <t>01/19/2020 12:41:08</t>
  </si>
  <si>
    <t>01/19/2020 12:46:08</t>
  </si>
  <si>
    <t>01/19/2020 12:51:08</t>
  </si>
  <si>
    <t>01/19/2020 12:56:08</t>
  </si>
  <si>
    <t>01/19/2020 13:01:08</t>
  </si>
  <si>
    <t>01/19/2020 13:06:07</t>
  </si>
  <si>
    <t>01/19/2020 13:06:08</t>
  </si>
  <si>
    <t>01/19/2020 13:11:08</t>
  </si>
  <si>
    <t>01/19/2020 13:16:08</t>
  </si>
  <si>
    <t>01/19/2020 13:21:07</t>
  </si>
  <si>
    <t>01/19/2020 13:22:08</t>
  </si>
  <si>
    <t>01/19/2020 13:26:08</t>
  </si>
  <si>
    <t>01/19/2020 13:27:08</t>
  </si>
  <si>
    <t>01/19/2020 13:31:08</t>
  </si>
  <si>
    <t>01/19/2020 13:32:08</t>
  </si>
  <si>
    <t>01/19/2020 13:34:52</t>
  </si>
  <si>
    <t>01/19/2020 13:36:08</t>
  </si>
  <si>
    <t>01/19/2020 13:37:08</t>
  </si>
  <si>
    <t>01/19/2020 13:41:09</t>
  </si>
  <si>
    <t>01/19/2020 13:42:09</t>
  </si>
  <si>
    <t>01/19/2020 13:40:39</t>
  </si>
  <si>
    <t>01/19/2020 13:43:09</t>
  </si>
  <si>
    <t>augustohs</t>
  </si>
  <si>
    <t>01/19/2020 13:46:09</t>
  </si>
  <si>
    <t>01/19/2020 13:47:09</t>
  </si>
  <si>
    <t>01/19/2020 13:44:58</t>
  </si>
  <si>
    <t>01/19/2020 13:48:09</t>
  </si>
  <si>
    <t>01/19/2020 13:43:38</t>
  </si>
  <si>
    <t>01/19/2020 13:49:09</t>
  </si>
  <si>
    <t>78-2B-CB-C1-06-E6</t>
  </si>
  <si>
    <t>VOTORANT-FB035</t>
  </si>
  <si>
    <t>01/19/2020 13:51:09</t>
  </si>
  <si>
    <t>01/19/2020 13:52:09</t>
  </si>
  <si>
    <t>01/19/2020 13:54:36</t>
  </si>
  <si>
    <t>01/19/2020 13:56:09</t>
  </si>
  <si>
    <t>7de98f97-5e64-400f-add1-34003cc65f1b.tmp</t>
  </si>
  <si>
    <t>\\acsfs\profiles$\LUCASBS\Downloads\7de98f97-5e64-400f-add1-34003cc65f1b.tmp</t>
  </si>
  <si>
    <t>01/19/2020 13:57:09</t>
  </si>
  <si>
    <t>01/19/2020 14:01:10</t>
  </si>
  <si>
    <t>01/19/2020 14:02:09</t>
  </si>
  <si>
    <t>01/19/2020 14:02:52</t>
  </si>
  <si>
    <t>01/19/2020 14:03:09</t>
  </si>
  <si>
    <t>01/19/2020 14:07:09</t>
  </si>
  <si>
    <t>01/19/2020 14:12:09</t>
  </si>
  <si>
    <t>01/19/2020 14:12:04</t>
  </si>
  <si>
    <t>01/19/2020 14:14:09</t>
  </si>
  <si>
    <t>01/19/2020 14:17:09</t>
  </si>
  <si>
    <t>01/19/2020 14:17:06</t>
  </si>
  <si>
    <t>01/19/2020 14:19:09</t>
  </si>
  <si>
    <t>01/19/2020 14:22:08</t>
  </si>
  <si>
    <t>01/19/2020 14:27:09</t>
  </si>
  <si>
    <t>01/19/2020 14:26:32</t>
  </si>
  <si>
    <t>01/19/2020 14:29:09</t>
  </si>
  <si>
    <t>01/19/2020 14:27:03</t>
  </si>
  <si>
    <t>01/19/2020 14:32:09</t>
  </si>
  <si>
    <t>01/19/2020 14:34:09</t>
  </si>
  <si>
    <t>01/19/2020 14:30:17</t>
  </si>
  <si>
    <t>01/19/2020 14:32:40</t>
  </si>
  <si>
    <t>01/19/2020 14:37:09</t>
  </si>
  <si>
    <t>01/19/2020 14:39:09</t>
  </si>
  <si>
    <t>01/19/2020 14:34:05</t>
  </si>
  <si>
    <t>01/19/2020 14:35:10</t>
  </si>
  <si>
    <t>01/19/2020 14:38:15</t>
  </si>
  <si>
    <t>01/18/2020 16:20:34</t>
  </si>
  <si>
    <t>01/19/2020 14:40:09</t>
  </si>
  <si>
    <t>01/19/2020 14:42:09</t>
  </si>
  <si>
    <t>01/19/2020 14:41:49</t>
  </si>
  <si>
    <t>01/19/2020 14:41:52</t>
  </si>
  <si>
    <t>01/19/2020 14:41:53</t>
  </si>
  <si>
    <t>01/19/2020 14:41:58</t>
  </si>
  <si>
    <t>01/19/2020 14:41:59</t>
  </si>
  <si>
    <t>01/19/2020 14:40:33</t>
  </si>
  <si>
    <t>01/19/2020 14:44:09</t>
  </si>
  <si>
    <t>01/19/2020 14:42:02</t>
  </si>
  <si>
    <t>01/19/2020 14:42:14</t>
  </si>
  <si>
    <t>01/19/2020 14:42:18</t>
  </si>
  <si>
    <t>mail.google.com/sync/u/0/i/s?hl=pt-BR&amp;c=751</t>
  </si>
  <si>
    <t>01/19/2020 14:42:21</t>
  </si>
  <si>
    <t>01/19/2020 14:47:09</t>
  </si>
  <si>
    <t>01/19/2020 14:42:05</t>
  </si>
  <si>
    <t>01/19/2020 14:42:07</t>
  </si>
  <si>
    <t>01/19/2020 14:42:08</t>
  </si>
  <si>
    <t>01/19/2020 14:42:10</t>
  </si>
  <si>
    <t>01/19/2020 14:42:11</t>
  </si>
  <si>
    <t>01/19/2020 14:42:12</t>
  </si>
  <si>
    <t>01/19/2020 14:42:13</t>
  </si>
  <si>
    <t>01/19/2020 14:42:15</t>
  </si>
  <si>
    <t>01/19/2020 14:42:16</t>
  </si>
  <si>
    <t>01/19/2020 14:42:19</t>
  </si>
  <si>
    <t>01/19/2020 14:42:20</t>
  </si>
  <si>
    <t>01/19/2020 14:42:22</t>
  </si>
  <si>
    <t>01/19/2020 14:42:24</t>
  </si>
  <si>
    <t>01/19/2020 14:42:25</t>
  </si>
  <si>
    <t>01/19/2020 14:42:26</t>
  </si>
  <si>
    <t>01/19/2020 14:42:27</t>
  </si>
  <si>
    <t>01/19/2020 14:42:29</t>
  </si>
  <si>
    <t>01/19/2020 14:42:31</t>
  </si>
  <si>
    <t>01/19/2020 14:42:32</t>
  </si>
  <si>
    <t>01/19/2020 14:42:33</t>
  </si>
  <si>
    <t>01/19/2020 14:42:34</t>
  </si>
  <si>
    <t>01/19/2020 14:42:36</t>
  </si>
  <si>
    <t>01/19/2020 14:42:37</t>
  </si>
  <si>
    <t>01/19/2020 14:42:38</t>
  </si>
  <si>
    <t>01/19/2020 14:42:40</t>
  </si>
  <si>
    <t>01/19/2020 14:42:41</t>
  </si>
  <si>
    <t>01/19/2020 14:42:42</t>
  </si>
  <si>
    <t>01/19/2020 14:42:45</t>
  </si>
  <si>
    <t>01/19/2020 14:42:47</t>
  </si>
  <si>
    <t>01/19/2020 14:42:49</t>
  </si>
  <si>
    <t>01/19/2020 14:42:51</t>
  </si>
  <si>
    <t>01/19/2020 14:42:53</t>
  </si>
  <si>
    <t>01/19/2020 14:42:57</t>
  </si>
  <si>
    <t>01/19/2020 14:43:00</t>
  </si>
  <si>
    <t>01/19/2020 14:45:10</t>
  </si>
  <si>
    <t>01/19/2020 14:50:09</t>
  </si>
  <si>
    <t>30d4511c-40b3-4fed-9001-cc22ff863fcb.tmp</t>
  </si>
  <si>
    <t>\\acsfs\profiles$\rosileiam\Downloads\30d4511c-40b3-4fed-9001-cc22ff863fcb.tmp</t>
  </si>
  <si>
    <t>01/19/2020 14:47:16</t>
  </si>
  <si>
    <t>cb4404e2-f697-48fa-8514-275d36e675e5.tmp</t>
  </si>
  <si>
    <t>\\acsfs\profiles$\rosileiam\Downloads\cb4404e2-f697-48fa-8514-275d36e675e5.tmp</t>
  </si>
  <si>
    <t>01/19/2020 14:52:09</t>
  </si>
  <si>
    <t>01/19/2020 14:57:09</t>
  </si>
  <si>
    <t>01/19/2020 15:02:09</t>
  </si>
  <si>
    <t>01/19/2020 15:00:45</t>
  </si>
  <si>
    <t>01/19/2020 15:04:09</t>
  </si>
  <si>
    <t>01/19/2020 15:00:55</t>
  </si>
  <si>
    <t>01/19/2020 15:06:09</t>
  </si>
  <si>
    <t>4413bb0d-27db-479e-9e4b-270f60c4b5dd.tmp</t>
  </si>
  <si>
    <t>\\acsfs\profiles$\talitafdc\Downloads\4413bb0d-27db-479e-9e4b-270f60c4b5dd.tmp</t>
  </si>
  <si>
    <t>01/19/2020 15:01:54</t>
  </si>
  <si>
    <t>e8c4e257-2644-49f3-a384-1e20f92761d1.tmp</t>
  </si>
  <si>
    <t>\\acsfs\profiles$\talitafdc\Downloads\e8c4e257-2644-49f3-a384-1e20f92761d1.tmp</t>
  </si>
  <si>
    <t>01/19/2020 15:07:09</t>
  </si>
  <si>
    <t>01/19/2020 15:04:44</t>
  </si>
  <si>
    <t>01/19/2020 15:09:09</t>
  </si>
  <si>
    <t>01/19/2020 15:12:09</t>
  </si>
  <si>
    <t>01/19/2020 15:14:09</t>
  </si>
  <si>
    <t>01/19/2020 15:12:15</t>
  </si>
  <si>
    <t>01/19/2020 15:12:16</t>
  </si>
  <si>
    <t>lu90045kcrw.tmp</t>
  </si>
  <si>
    <t>\\acsfs\profiles$\jonathanwap\lu90045kcrw.tmp</t>
  </si>
  <si>
    <t>\\acsfs\profiles$\jonathanwap\lu90045kcrw.tmp\</t>
  </si>
  <si>
    <t>\\acsfs\profiles$\jonathanwap\lu90045kcrw.tmp\META-INF\</t>
  </si>
  <si>
    <t>\\acsfs\profiles$\jonathanwap\lu90045kcrw.tmp\Thumbnails\</t>
  </si>
  <si>
    <t>01/19/2020 15:17:09</t>
  </si>
  <si>
    <t>01/19/2020 15:15:29</t>
  </si>
  <si>
    <t>01/19/2020 15:18:09</t>
  </si>
  <si>
    <t>01/19/2020 15:22:09</t>
  </si>
  <si>
    <t>01/19/2020 15:27:09</t>
  </si>
  <si>
    <t>01/19/2020 15:25:35</t>
  </si>
  <si>
    <t>01/19/2020 15:29:09</t>
  </si>
  <si>
    <t>01/19/2020 15:32:09</t>
  </si>
  <si>
    <t>01/19/2020 15:37:09</t>
  </si>
  <si>
    <t>01/19/2020 15:35:09</t>
  </si>
  <si>
    <t>01/19/2020 15:40:09</t>
  </si>
  <si>
    <t>0f89641a-44e3-4345-888b-f0527e329af2.tmp</t>
  </si>
  <si>
    <t>\\acsfs\profiles$\fernandofs\Downloads\0f89641a-44e3-4345-888b-f0527e329af2.tmp</t>
  </si>
  <si>
    <t>01/19/2020 15:35:37</t>
  </si>
  <si>
    <t>098f9ce9-c4e9-4d61-aa02-23d917252e90.tmp</t>
  </si>
  <si>
    <t>\\acsfs\profiles$\fernandofs\Downloads\098f9ce9-c4e9-4d61-aa02-23d917252e90.tmp</t>
  </si>
  <si>
    <t>01/19/2020 15:42:09</t>
  </si>
  <si>
    <t>01/17/2020 20:34:36</t>
  </si>
  <si>
    <t>lu2643243wiuk.tmp</t>
  </si>
  <si>
    <t>\\acsfs\profiles$\regisedsj\My Documents\lu2643243wiuk.tmp</t>
  </si>
  <si>
    <t>\\acsfs\profiles$\regisedsj\My Documents\lu2643243wiuk.tmp\</t>
  </si>
  <si>
    <t>\\acsfs\profiles$\regisedsj\My Documents\lu2643243wiuk.tmp\META-INF\</t>
  </si>
  <si>
    <t>\\acsfs\profiles$\regisedsj\My Documents\lu2643243wiuk.tmp\Thumbnails\</t>
  </si>
  <si>
    <t>01/17/2020 20:36:36</t>
  </si>
  <si>
    <t>0.txt</t>
  </si>
  <si>
    <t>\\acsfs\profiles$\regisedsj\My Documents\0.txt</t>
  </si>
  <si>
    <t>01/19/2020 15:41:57</t>
  </si>
  <si>
    <t>\\acsfs\profiles$\myllenardl\My Documents\My Pictures\</t>
  </si>
  <si>
    <t>\\acsfs\profiles$\myllenardl\My Documents\My Videos\desktop.ini</t>
  </si>
  <si>
    <t>01/19/2020 15:42:07</t>
  </si>
  <si>
    <t>\\acsfs\profiles$\myllenardl\My Documents\My Videos\</t>
  </si>
  <si>
    <t>01/19/2020 15:42:08</t>
  </si>
  <si>
    <t>01/19/2020 15:41:43</t>
  </si>
  <si>
    <t>01/19/2020 15:46:09</t>
  </si>
  <si>
    <t>01/19/2020 15:41:48</t>
  </si>
  <si>
    <t>01/19/2020 15:47:08</t>
  </si>
  <si>
    <t>01/19/2020 15:42:12</t>
  </si>
  <si>
    <t>\\acsfs\profiles$\myllenardl\My Documents\My Music\</t>
  </si>
  <si>
    <t>\\acsfs\profiles$\myllenardl\My Documents\My Pictures\desktop.ini</t>
  </si>
  <si>
    <t>01/19/2020 15:42:13</t>
  </si>
  <si>
    <t>01/19/2020 15:42:14</t>
  </si>
  <si>
    <t>01/19/2020 15:42:15</t>
  </si>
  <si>
    <t>01/19/2020 15:42:16</t>
  </si>
  <si>
    <t>01/19/2020 15:42:18</t>
  </si>
  <si>
    <t>\\acsfs\profiles$\myllenardl\Contacts\</t>
  </si>
  <si>
    <t>\\acsfs\profiles$\myllenardl\Contacts\desktop.ini</t>
  </si>
  <si>
    <t>01/19/2020 15:42:19</t>
  </si>
  <si>
    <t>01/19/2020 15:42:20</t>
  </si>
  <si>
    <t>01/19/2020 15:42:21</t>
  </si>
  <si>
    <t>01/19/2020 15:42:22</t>
  </si>
  <si>
    <t>\\acsfs\profiles$\myllenardl\My Documents\</t>
  </si>
  <si>
    <t>\\acsfs\profiles$\myllenardl\Favorites\desktop.ini</t>
  </si>
  <si>
    <t>01/19/2020 15:42:23</t>
  </si>
  <si>
    <t>01/19/2020 15:42:24</t>
  </si>
  <si>
    <t>01/19/2020 15:42:25</t>
  </si>
  <si>
    <t>01/19/2020 15:42:26</t>
  </si>
  <si>
    <t>01/19/2020 15:42:27</t>
  </si>
  <si>
    <t>01/19/2020 15:48:09</t>
  </si>
  <si>
    <t>01/19/2020 15:42:28</t>
  </si>
  <si>
    <t>\\acsfs\profiles$\myllenardl\My Documents\My Music\desktop.ini</t>
  </si>
  <si>
    <t>01/19/2020 15:42:30</t>
  </si>
  <si>
    <t>01/19/2020 15:42:32</t>
  </si>
  <si>
    <t>01/19/2020 15:42:33</t>
  </si>
  <si>
    <t>01/19/2020 15:42:34</t>
  </si>
  <si>
    <t>01/19/2020 15:42:35</t>
  </si>
  <si>
    <t>\\acsfs\profiles$\myllenardl\Searches\</t>
  </si>
  <si>
    <t>\\acsfs\profiles$\myllenardl\Searches\desktop.ini</t>
  </si>
  <si>
    <t>01/19/2020 15:42:36</t>
  </si>
  <si>
    <t>01/19/2020 15:42:40</t>
  </si>
  <si>
    <t>01/19/2020 15:42:41</t>
  </si>
  <si>
    <t>01/19/2020 15:42:48</t>
  </si>
  <si>
    <t>\\acsfs\profiles$\myllenardl\Downloads\desktop.ini</t>
  </si>
  <si>
    <t>01/19/2020 15:42:51</t>
  </si>
  <si>
    <t>01/19/2020 15:42:52</t>
  </si>
  <si>
    <t>\\acsfs\profiles$\myllenardl\Favorites\</t>
  </si>
  <si>
    <t>\\acsfs\profiles$\myllenardl\My Documents\desktop.ini</t>
  </si>
  <si>
    <t>01/19/2020 15:42:55</t>
  </si>
  <si>
    <t>01/19/2020 15:42:57</t>
  </si>
  <si>
    <t>01/19/2020 15:42:58</t>
  </si>
  <si>
    <t>01/19/2020 15:43:01</t>
  </si>
  <si>
    <t>\\acsfs\profiles$\myllenardl\Saved Games\desktop.ini</t>
  </si>
  <si>
    <t>01/19/2020 15:43:02</t>
  </si>
  <si>
    <t>01/19/2020 15:43:31</t>
  </si>
  <si>
    <t>winrt--{S-1-5-21-602162358-764733703-839522115-358577}-.searchconnector-ms</t>
  </si>
  <si>
    <t>\\acsfs\profiles$\myllenardl\Searches\winrt--{S-1-5-21-602162358-764733703-839522115-358577}-.searchconnector-ms</t>
  </si>
  <si>
    <t>01/19/2020 15:44:52</t>
  </si>
  <si>
    <t>0e905001-8fd6-41f7-9cf6-b2c3909ded3d.tmp</t>
  </si>
  <si>
    <t>\\acsfs\profiles$\myllenardl\Downloads\0e905001-8fd6-41f7-9cf6-b2c3909ded3d.tmp</t>
  </si>
  <si>
    <t>01/19/2020 15:46:07</t>
  </si>
  <si>
    <t>413f6b73-c2b1-485d-a650-8ae1074dc02d.tmp</t>
  </si>
  <si>
    <t>\\acsfs\profiles$\myllenardl\Downloads\413f6b73-c2b1-485d-a650-8ae1074dc02d.tmp</t>
  </si>
  <si>
    <t>01/19/2020 15:44:49</t>
  </si>
  <si>
    <t>01/19/2020 15:45:14</t>
  </si>
  <si>
    <t>01/19/2020 15:52:08</t>
  </si>
  <si>
    <t>01/19/2020 15:52:09</t>
  </si>
  <si>
    <t>01/19/2020 15:53:09</t>
  </si>
  <si>
    <t>01/19/2020 15:54:08</t>
  </si>
  <si>
    <t>01/19/2020 15:52:27</t>
  </si>
  <si>
    <t>\\acsfs\profiles$\nycolleemdj\My Documents\My Pictures\</t>
  </si>
  <si>
    <t>\\acsfs\profiles$\nycolleemdj\My Documents\My Videos\desktop.ini</t>
  </si>
  <si>
    <t>01/19/2020 15:52:30</t>
  </si>
  <si>
    <t>\\acsfs\profiles$\nycolleemdj\My Documents\My Videos\</t>
  </si>
  <si>
    <t>01/19/2020 15:52:31</t>
  </si>
  <si>
    <t>01/19/2020 15:52:34</t>
  </si>
  <si>
    <t>01/19/2020 15:52:37</t>
  </si>
  <si>
    <t>\\acsfs\profiles$\nycolleemdj\My Documents\My Music\</t>
  </si>
  <si>
    <t>\\acsfs\profiles$\nycolleemdj\My Documents\My Pictures\desktop.ini</t>
  </si>
  <si>
    <t>01/19/2020 15:52:38</t>
  </si>
  <si>
    <t>01/19/2020 15:52:41</t>
  </si>
  <si>
    <t>01/19/2020 15:52:43</t>
  </si>
  <si>
    <t>01/19/2020 15:52:45</t>
  </si>
  <si>
    <t>\\acsfs\profiles$\nycolleemdj\Contacts\</t>
  </si>
  <si>
    <t>\\acsfs\profiles$\nycolleemdj\Contacts\desktop.ini</t>
  </si>
  <si>
    <t>01/19/2020 15:52:47</t>
  </si>
  <si>
    <t>01/19/2020 15:52:48</t>
  </si>
  <si>
    <t>01/19/2020 15:52:49</t>
  </si>
  <si>
    <t>01/19/2020 15:52:50</t>
  </si>
  <si>
    <t>01/19/2020 15:52:51</t>
  </si>
  <si>
    <t>01/19/2020 15:52:52</t>
  </si>
  <si>
    <t>\\acsfs\profiles$\nycolleemdj\My Documents\</t>
  </si>
  <si>
    <t>\\acsfs\profiles$\nycolleemdj\Favorites\desktop.ini</t>
  </si>
  <si>
    <t>01/19/2020 15:52:53</t>
  </si>
  <si>
    <t>01/19/2020 15:52:54</t>
  </si>
  <si>
    <t>01/19/2020 15:52:55</t>
  </si>
  <si>
    <t>01/19/2020 15:52:56</t>
  </si>
  <si>
    <t>01/19/2020 15:52:57</t>
  </si>
  <si>
    <t>01/19/2020 15:52:58</t>
  </si>
  <si>
    <t>01/19/2020 15:52:59</t>
  </si>
  <si>
    <t>\\acsfs\profiles$\nycolleemdj\My Documents\My Music\desktop.ini</t>
  </si>
  <si>
    <t>01/19/2020 15:53:01</t>
  </si>
  <si>
    <t>01/19/2020 15:53:02</t>
  </si>
  <si>
    <t>01/19/2020 15:53:03</t>
  </si>
  <si>
    <t>01/19/2020 15:53:04</t>
  </si>
  <si>
    <t>\\acsfs\profiles$\nycolleemdj\Searches\</t>
  </si>
  <si>
    <t>\\acsfs\profiles$\nycolleemdj\Searches\desktop.ini</t>
  </si>
  <si>
    <t>01/19/2020 15:53:05</t>
  </si>
  <si>
    <t>01/19/2020 15:53:07</t>
  </si>
  <si>
    <t>01/19/2020 15:53:08</t>
  </si>
  <si>
    <t>01/19/2020 15:53:11</t>
  </si>
  <si>
    <t>\\acsfs\profiles$\nycolleemdj\Downloads\desktop.ini</t>
  </si>
  <si>
    <t>01/19/2020 15:53:13</t>
  </si>
  <si>
    <t>\\acsfs\profiles$\nycolleemdj\Favorites\</t>
  </si>
  <si>
    <t>\\acsfs\profiles$\nycolleemdj\My Documents\desktop.ini</t>
  </si>
  <si>
    <t>01/19/2020 15:53:14</t>
  </si>
  <si>
    <t>01/19/2020 15:53:15</t>
  </si>
  <si>
    <t>01/19/2020 15:53:16</t>
  </si>
  <si>
    <t>01/19/2020 15:53:17</t>
  </si>
  <si>
    <t>01/19/2020 15:53:18</t>
  </si>
  <si>
    <t>01/19/2020 15:53:20</t>
  </si>
  <si>
    <t>\\acsfs\profiles$\nycolleemdj\Saved Games\desktop.ini</t>
  </si>
  <si>
    <t>01/19/2020 15:53:21</t>
  </si>
  <si>
    <t>01/19/2020 15:51:55</t>
  </si>
  <si>
    <t>ca6c083d-1b02-49a8-81d0-ec756d756813.tmp</t>
  </si>
  <si>
    <t>\\acsfs\profiles$\paulohaf\Downloads\ca6c083d-1b02-49a8-81d0-ec756d756813.tmp</t>
  </si>
  <si>
    <t>01/19/2020 15:51:58</t>
  </si>
  <si>
    <t>6bc78219-319c-4f28-82f8-f36a010880e4.tmp</t>
  </si>
  <si>
    <t>\\acsfs\profiles$\paulohaf\Downloads\6bc78219-319c-4f28-82f8-f36a010880e4.tmp</t>
  </si>
  <si>
    <t>01/19/2020 15:52:03</t>
  </si>
  <si>
    <t>962cc41b-0e67-4226-b367-a58ef58bf009.tmp</t>
  </si>
  <si>
    <t>\\acsfs\profiles$\paulohaf\Downloads\962cc41b-0e67-4226-b367-a58ef58bf009.tmp</t>
  </si>
  <si>
    <t>01/19/2020 15:52:35</t>
  </si>
  <si>
    <t>0bcdbd2d-3a5a-429c-aa9d-24ebfbbda3c9.tmp</t>
  </si>
  <si>
    <t>\\acsfs\profiles$\paulohaf\Downloads\0bcdbd2d-3a5a-429c-aa9d-24ebfbbda3c9.tmp</t>
  </si>
  <si>
    <t>01/19/2020 15:53:36</t>
  </si>
  <si>
    <t>7e105d7d-e237-4194-b92d-5aeea673dbda.tmp</t>
  </si>
  <si>
    <t>\\acsfs\profiles$\paulohaf\Downloads\7e105d7d-e237-4194-b92d-5aeea673dbda.tmp</t>
  </si>
  <si>
    <t>01/19/2020 15:57:09</t>
  </si>
  <si>
    <t>01/19/2020 15:53:56</t>
  </si>
  <si>
    <t>01/19/2020 15:59:08</t>
  </si>
  <si>
    <t>winrt--{S-1-5-21-602162358-764733703-839522115-358555}-.searchconnector-ms</t>
  </si>
  <si>
    <t>\\acsfs\profiles$\nycolleemdj\Searches\winrt--{S-1-5-21-602162358-764733703-839522115-358555}-.searchconnector-ms</t>
  </si>
  <si>
    <t>01/19/2020 15:55:05</t>
  </si>
  <si>
    <t>6654e74f-70d2-4083-8e52-57405453957b.tmp</t>
  </si>
  <si>
    <t>\\acsfs\profiles$\nycolleemdj\Downloads\6654e74f-70d2-4083-8e52-57405453957b.tmp</t>
  </si>
  <si>
    <t>01/19/2020 15:57:57</t>
  </si>
  <si>
    <t>01/19/2020 15:57:59</t>
  </si>
  <si>
    <t>01/19/2020 16:02:09</t>
  </si>
  <si>
    <t>01/19/2020 15:59:24</t>
  </si>
  <si>
    <t>01/19/2020 16:04:09</t>
  </si>
  <si>
    <t>e918b8bc-0a1b-4943-b59a-e97fe422dac5.tmp</t>
  </si>
  <si>
    <t>\\acsfs\profiles$\nycolleemdj\Downloads\e918b8bc-0a1b-4943-b59a-e97fe422dac5.tmp</t>
  </si>
  <si>
    <t>01/19/2020 15:59:59</t>
  </si>
  <si>
    <t>195541b2-c4e8-421a-86cc-eb547df64410.tmp</t>
  </si>
  <si>
    <t>\\acsfs\profiles$\nycolleemdj\Downloads\195541b2-c4e8-421a-86cc-eb547df64410.tmp</t>
  </si>
  <si>
    <t>01/19/2020 15:58:54</t>
  </si>
  <si>
    <t>01/19/2020 15:59:44</t>
  </si>
  <si>
    <t>01/19/2020 16:00:08</t>
  </si>
  <si>
    <t>01/19/2020 16:03:46</t>
  </si>
  <si>
    <t>01/19/2020 16:03:47</t>
  </si>
  <si>
    <t>01/19/2020 16:07:09</t>
  </si>
  <si>
    <t>01/19/2020 16:09:09</t>
  </si>
  <si>
    <t>01/19/2020 16:05:53</t>
  </si>
  <si>
    <t>https://joaogvc@algartech.com,marianadjc@algartech.com,planejamentodeoperacoesetrafego@bv.com.br,raphaelmco@algartech.com.br,ricardodfm@algartech.com.br,taysdss@algartech.com</t>
  </si>
  <si>
    <t>01/19/2020 16:05:46</t>
  </si>
  <si>
    <t>https://telecine.demdex.net/event?d_dil_ver=9.2&amp;_ts=1579460746160</t>
  </si>
  <si>
    <t>01/19/2020 16:08:04</t>
  </si>
  <si>
    <t>01/19/2020 16:10:09</t>
  </si>
  <si>
    <t>3419835a-1562-4b0f-a46e-b42fb859f6d7.tmp</t>
  </si>
  <si>
    <t>\\acsfs\profiles$\fernandofs\Downloads\3419835a-1562-4b0f-a46e-b42fb859f6d7.tmp</t>
  </si>
  <si>
    <t>01/19/2020 16:12:09</t>
  </si>
  <si>
    <t>01/19/2020 16:11:26</t>
  </si>
  <si>
    <t>01/19/2020 16:14:09</t>
  </si>
  <si>
    <t>01/19/2020 16:11:27</t>
  </si>
  <si>
    <t>01/19/2020 16:13:38</t>
  </si>
  <si>
    <t>https://telecine.demdex.net/event?d_dil_ver=9.3&amp;_ts=1579461218475</t>
  </si>
  <si>
    <t>01/19/2020 16:17:10</t>
  </si>
  <si>
    <t>01/19/2020 16:15:52</t>
  </si>
  <si>
    <t>01/19/2020 16:19:09</t>
  </si>
  <si>
    <t>d519783e-a51a-4d6c-8786-8597f0e1be67.tmp</t>
  </si>
  <si>
    <t>\\acsfs\profiles$\paulohaf\Downloads\d519783e-a51a-4d6c-8786-8597f0e1be67.tmp</t>
  </si>
  <si>
    <t>01/19/2020 16:16:05</t>
  </si>
  <si>
    <t>Não confirmado 632821.crdownload</t>
  </si>
  <si>
    <t>\\acsfs\profiles$\paulohaf\Downloads\Não confirmado 632821.crdownload</t>
  </si>
  <si>
    <t>01/19/2020 16:16:31</t>
  </si>
  <si>
    <t>8d7e62b5-04c4-477c-bd0b-a44eef54e28f.tmp</t>
  </si>
  <si>
    <t>\\acsfs\profiles$\paulohaf\Downloads\8d7e62b5-04c4-477c-bd0b-a44eef54e28f.tmp</t>
  </si>
  <si>
    <t>01/19/2020 16:22:09</t>
  </si>
  <si>
    <t>01/19/2020 16:19:01</t>
  </si>
  <si>
    <t>01/19/2020 16:24:09</t>
  </si>
  <si>
    <t>01/19/2020 16:27:09</t>
  </si>
  <si>
    <t>01/19/2020 16:32:09</t>
  </si>
  <si>
    <t>01/19/2020 16:32:06</t>
  </si>
  <si>
    <t>01/19/2020 16:35:09</t>
  </si>
  <si>
    <t>01/19/2020 16:32:13</t>
  </si>
  <si>
    <t>01/19/2020 16:32:14</t>
  </si>
  <si>
    <t>01/19/2020 16:32:17</t>
  </si>
  <si>
    <t>01/19/2020 16:32:19</t>
  </si>
  <si>
    <t>01/19/2020 16:32:21</t>
  </si>
  <si>
    <t>01/19/2020 16:32:22</t>
  </si>
  <si>
    <t>01/19/2020 16:32:23</t>
  </si>
  <si>
    <t>01/19/2020 16:32:24</t>
  </si>
  <si>
    <t>01/19/2020 16:32:25</t>
  </si>
  <si>
    <t>01/19/2020 16:32:26</t>
  </si>
  <si>
    <t>01/19/2020 16:32:28</t>
  </si>
  <si>
    <t>01/19/2020 16:32:29</t>
  </si>
  <si>
    <t>01/19/2020 16:32:30</t>
  </si>
  <si>
    <t>01/19/2020 16:32:32</t>
  </si>
  <si>
    <t>01/19/2020 16:32:33</t>
  </si>
  <si>
    <t>01/19/2020 16:32:35</t>
  </si>
  <si>
    <t>01/19/2020 16:32:37</t>
  </si>
  <si>
    <t>01/19/2020 16:32:38</t>
  </si>
  <si>
    <t>01/19/2020 16:32:39</t>
  </si>
  <si>
    <t>01/19/2020 16:32:42</t>
  </si>
  <si>
    <t>01/19/2020 16:32:43</t>
  </si>
  <si>
    <t>01/19/2020 16:32:46</t>
  </si>
  <si>
    <t>01/19/2020 16:32:47</t>
  </si>
  <si>
    <t>01/19/2020 16:32:48</t>
  </si>
  <si>
    <t>01/19/2020 16:32:50</t>
  </si>
  <si>
    <t>01/19/2020 16:32:51</t>
  </si>
  <si>
    <t>01/19/2020 16:32:52</t>
  </si>
  <si>
    <t>01/19/2020 16:32:54</t>
  </si>
  <si>
    <t>01/19/2020 16:32:55</t>
  </si>
  <si>
    <t>01/19/2020 16:32:57</t>
  </si>
  <si>
    <t>01/19/2020 16:32:58</t>
  </si>
  <si>
    <t>01/19/2020 16:32:59</t>
  </si>
  <si>
    <t>01/19/2020 16:33:01</t>
  </si>
  <si>
    <t>01/19/2020 16:33:02</t>
  </si>
  <si>
    <t>01/19/2020 16:33:05</t>
  </si>
  <si>
    <t>01/19/2020 16:33:06</t>
  </si>
  <si>
    <t>01/19/2020 16:33:07</t>
  </si>
  <si>
    <t>01/19/2020 16:33:09</t>
  </si>
  <si>
    <t>01/19/2020 16:33:10</t>
  </si>
  <si>
    <t>01/19/2020 16:33:12</t>
  </si>
  <si>
    <t>01/19/2020 16:33:15</t>
  </si>
  <si>
    <t>01/19/2020 16:33:16</t>
  </si>
  <si>
    <t>01/19/2020 16:33:44</t>
  </si>
  <si>
    <t>01/19/2020 16:37:09</t>
  </si>
  <si>
    <t>01/19/2020 16:40:09</t>
  </si>
  <si>
    <t>01/19/2020 16:35:13</t>
  </si>
  <si>
    <t>266453d5-6233-4d67-a0f0-b1d19950d9f8.tmp</t>
  </si>
  <si>
    <t>\\acsfs\profiles$\nycolleemdj\Downloads\266453d5-6233-4d67-a0f0-b1d19950d9f8.tmp</t>
  </si>
  <si>
    <t>01/19/2020 16:36:28</t>
  </si>
  <si>
    <t>f49da0a8-e355-4679-a7b4-9fb5c561ca1e.tmp</t>
  </si>
  <si>
    <t>\\acsfs\profiles$\nycolleemdj\Downloads\f49da0a8-e355-4679-a7b4-9fb5c561ca1e.tmp</t>
  </si>
  <si>
    <t>01/19/2020 16:42:09</t>
  </si>
  <si>
    <t>01/19/2020 16:42:48</t>
  </si>
  <si>
    <t>01/19/2020 16:46:09</t>
  </si>
  <si>
    <t>0b8cc8f7-ed32-47bd-aee8-9a9d7860241b.tmp</t>
  </si>
  <si>
    <t>\\acsfs\profiles$\paulohaf\Downloads\0b8cc8f7-ed32-47bd-aee8-9a9d7860241b.tmp</t>
  </si>
  <si>
    <t>01/19/2020 16:43:20</t>
  </si>
  <si>
    <t>b78c56b5-f5c3-4d2e-905d-42b7806900a8.tmp</t>
  </si>
  <si>
    <t>\\acsfs\profiles$\paulohaf\Downloads\b78c56b5-f5c3-4d2e-905d-42b7806900a8.tmp</t>
  </si>
  <si>
    <t>01/19/2020 16:44:02</t>
  </si>
  <si>
    <t>90d9d4b8-a1be-4c6c-9a53-3c12148f30cb.tmp</t>
  </si>
  <si>
    <t>\\acsfs\profiles$\paulohaf\Downloads\90d9d4b8-a1be-4c6c-9a53-3c12148f30cb.tmp</t>
  </si>
  <si>
    <t>01/19/2020 16:47:09</t>
  </si>
  <si>
    <t>01/19/2020 16:52:08</t>
  </si>
  <si>
    <t>01/19/2020 16:52:38</t>
  </si>
  <si>
    <t>01/19/2020 16:53:09</t>
  </si>
  <si>
    <t>01/19/2020 16:57:09</t>
  </si>
  <si>
    <t>01/19/2020 16:56:00</t>
  </si>
  <si>
    <t>01/19/2020 16:59:10</t>
  </si>
  <si>
    <t>01/19/2020 17:02:10</t>
  </si>
  <si>
    <t>01/19/2020 17:01:33</t>
  </si>
  <si>
    <t>01/19/2020 17:03:09</t>
  </si>
  <si>
    <t>01/19/2020 17:02:56</t>
  </si>
  <si>
    <t>01/19/2020 17:04:09</t>
  </si>
  <si>
    <t>01/19/2020 17:07:10</t>
  </si>
  <si>
    <t>01/19/2020 17:12:09</t>
  </si>
  <si>
    <t>01/19/2020 17:11:20</t>
  </si>
  <si>
    <t>01/19/2020 17:13:09</t>
  </si>
  <si>
    <t>01/19/2020 17:17:09</t>
  </si>
  <si>
    <t>01/19/2020 17:22:09</t>
  </si>
  <si>
    <t>01/19/2020 17:27:09</t>
  </si>
  <si>
    <t>01/19/2020 17:32:09</t>
  </si>
  <si>
    <t>01/19/2020 17:32:04</t>
  </si>
  <si>
    <t>01/19/2020 17:33:08</t>
  </si>
  <si>
    <t>01/19/2020 17:32:08</t>
  </si>
  <si>
    <t>01/19/2020 17:32:14</t>
  </si>
  <si>
    <t>01/19/2020 17:37:09</t>
  </si>
  <si>
    <t>01/19/2020 17:32:16</t>
  </si>
  <si>
    <t>01/19/2020 17:38:08</t>
  </si>
  <si>
    <t>01/19/2020 17:32:18</t>
  </si>
  <si>
    <t>01/19/2020 17:32:19</t>
  </si>
  <si>
    <t>01/19/2020 17:32:20</t>
  </si>
  <si>
    <t>01/19/2020 17:32:21</t>
  </si>
  <si>
    <t>01/19/2020 17:32:24</t>
  </si>
  <si>
    <t>01/19/2020 17:32:25</t>
  </si>
  <si>
    <t>01/19/2020 17:32:28</t>
  </si>
  <si>
    <t>01/19/2020 17:32:29</t>
  </si>
  <si>
    <t>01/19/2020 17:32:31</t>
  </si>
  <si>
    <t>01/19/2020 17:32:33</t>
  </si>
  <si>
    <t>01/19/2020 17:32:34</t>
  </si>
  <si>
    <t>01/19/2020 17:32:36</t>
  </si>
  <si>
    <t>01/19/2020 17:32:37</t>
  </si>
  <si>
    <t>01/19/2020 17:32:39</t>
  </si>
  <si>
    <t>01/19/2020 17:32:40</t>
  </si>
  <si>
    <t>01/19/2020 17:32:41</t>
  </si>
  <si>
    <t>01/19/2020 17:32:42</t>
  </si>
  <si>
    <t>01/19/2020 17:32:45</t>
  </si>
  <si>
    <t>01/19/2020 17:32:46</t>
  </si>
  <si>
    <t>01/19/2020 17:32:47</t>
  </si>
  <si>
    <t>01/19/2020 17:32:48</t>
  </si>
  <si>
    <t>01/19/2020 17:32:50</t>
  </si>
  <si>
    <t>01/19/2020 17:32:51</t>
  </si>
  <si>
    <t>01/19/2020 17:32:52</t>
  </si>
  <si>
    <t>01/19/2020 17:32:54</t>
  </si>
  <si>
    <t>01/19/2020 17:32:56</t>
  </si>
  <si>
    <t>01/19/2020 17:32:57</t>
  </si>
  <si>
    <t>01/19/2020 17:32:58</t>
  </si>
  <si>
    <t>01/19/2020 17:33:00</t>
  </si>
  <si>
    <t>01/19/2020 17:33:01</t>
  </si>
  <si>
    <t>01/19/2020 17:33:02</t>
  </si>
  <si>
    <t>01/19/2020 17:33:03</t>
  </si>
  <si>
    <t>01/19/2020 17:33:04</t>
  </si>
  <si>
    <t>01/19/2020 17:33:06</t>
  </si>
  <si>
    <t>01/19/2020 17:33:34</t>
  </si>
  <si>
    <t>01/19/2020 17:42:09</t>
  </si>
  <si>
    <t>01/19/2020 17:37:35</t>
  </si>
  <si>
    <t>01/19/2020 17:43:09</t>
  </si>
  <si>
    <t>2f91394b-6871-4764-90c9-5e0ef4bc0a6d.tmp</t>
  </si>
  <si>
    <t>\\acsfs\profiles$\leonardocb\Downloads\2f91394b-6871-4764-90c9-5e0ef4bc0a6d.tmp</t>
  </si>
  <si>
    <t>01/19/2020 17:38:57</t>
  </si>
  <si>
    <t>abd514fe-59d8-4e7d-8f4b-6d46bc484c72.tmp</t>
  </si>
  <si>
    <t>\\acsfs\profiles$\leonardocb\Downloads\abd514fe-59d8-4e7d-8f4b-6d46bc484c72.tmp</t>
  </si>
  <si>
    <t>01/19/2020 17:47:09</t>
  </si>
  <si>
    <t>01/19/2020 14:53:22</t>
  </si>
  <si>
    <t>01/19/2020 17:51:09</t>
  </si>
  <si>
    <t>01/19/2020 17:52:08</t>
  </si>
  <si>
    <t>01/19/2020 17:56:09</t>
  </si>
  <si>
    <t>01/19/2020 17:52:57</t>
  </si>
  <si>
    <t>fa49933a-7501-48ae-b4e7-28d837ff9ea6.tmp</t>
  </si>
  <si>
    <t>\\acsfs\profiles$\joycemmdl\Downloads\fa49933a-7501-48ae-b4e7-28d837ff9ea6.tmp</t>
  </si>
  <si>
    <t>01/19/2020 17:55:04</t>
  </si>
  <si>
    <t>b798b332-59a6-4259-811c-b7fb92f9d11c.tmp</t>
  </si>
  <si>
    <t>\\acsfs\profiles$\joycemmdl\Downloads\b798b332-59a6-4259-811c-b7fb92f9d11c.tmp</t>
  </si>
  <si>
    <t>01/19/2020 17:53:08</t>
  </si>
  <si>
    <t>15d35771-551e-4607-a9d5-eb182af1d34e.tmp</t>
  </si>
  <si>
    <t>\\acsfs\profiles$\paulohaf\Downloads\15d35771-551e-4607-a9d5-eb182af1d34e.tmp</t>
  </si>
  <si>
    <t>01/19/2020 17:53:14</t>
  </si>
  <si>
    <t>Não confirmado 999268.crdownload</t>
  </si>
  <si>
    <t>\\acsfs\profiles$\paulohaf\Downloads\Não confirmado 999268.crdownload</t>
  </si>
  <si>
    <t>01/19/2020 17:54:41</t>
  </si>
  <si>
    <t>C:\Users\paulohaf\AppData\Local\Temp\Temp1_cheat_o_matic_099.zip\</t>
  </si>
  <si>
    <t>OMATIC.EXE</t>
  </si>
  <si>
    <t>\\acsfs\profiles$\paulohaf\Downloads\cheat_o_matic_099\OMATIC.EXE</t>
  </si>
  <si>
    <t>01/19/2020 17:54:53</t>
  </si>
  <si>
    <t>\\acsfs\profiles$\paulohaf\Downloads\cheat_o_matic_099\</t>
  </si>
  <si>
    <t>OMATIC.WRI</t>
  </si>
  <si>
    <t>\\acsfs\profiles$\paulohaf\Downloads\cheat_o_matic_099\OMATIC.WRI</t>
  </si>
  <si>
    <t>01/19/2020 17:57:09</t>
  </si>
  <si>
    <t>01/19/2020 18:02:09</t>
  </si>
  <si>
    <t>01/19/2020 17:59:29</t>
  </si>
  <si>
    <t>01/19/2020 18:04:09</t>
  </si>
  <si>
    <t>01/19/2020 18:06:10</t>
  </si>
  <si>
    <t>01/19/2020 18:02:41</t>
  </si>
  <si>
    <t>227dd641-b6df-4765-b4ff-b33c1af002b1.tmp</t>
  </si>
  <si>
    <t>\\acsfs\profiles$\paulohaf\Downloads\227dd641-b6df-4765-b4ff-b33c1af002b1.tmp</t>
  </si>
  <si>
    <t>01/19/2020 18:03:53</t>
  </si>
  <si>
    <t>Não confirmado 244745.crdownload</t>
  </si>
  <si>
    <t>\\acsfs\profiles$\paulohaf\Downloads\Não confirmado 244745.crdownload</t>
  </si>
  <si>
    <t>01/19/2020 18:07:10</t>
  </si>
  <si>
    <t>01/19/2020 18:05:00</t>
  </si>
  <si>
    <t>01/19/2020 18:10:10</t>
  </si>
  <si>
    <t>JANAYNATRO</t>
  </si>
  <si>
    <t>\\acsfs\profiles$\JANAYNATRO\My Documents\My Pictures\</t>
  </si>
  <si>
    <t>\\acsfs\profiles$\JANAYNATRO\My Documents\My Videos\desktop.ini</t>
  </si>
  <si>
    <t>01/19/2020 18:05:05</t>
  </si>
  <si>
    <t>\\acsfs\profiles$\JANAYNATRO\My Documents\My Videos\</t>
  </si>
  <si>
    <t>01/19/2020 18:05:07</t>
  </si>
  <si>
    <t>01/19/2020 18:05:08</t>
  </si>
  <si>
    <t>01/19/2020 18:05:11</t>
  </si>
  <si>
    <t>\\acsfs\profiles$\JANAYNATRO\My Documents\My Music\</t>
  </si>
  <si>
    <t>\\acsfs\profiles$\JANAYNATRO\My Documents\My Pictures\desktop.ini</t>
  </si>
  <si>
    <t>01/19/2020 18:05:14</t>
  </si>
  <si>
    <t>01/19/2020 18:05:15</t>
  </si>
  <si>
    <t>01/19/2020 18:05:16</t>
  </si>
  <si>
    <t>01/19/2020 18:05:17</t>
  </si>
  <si>
    <t>\\acsfs\profiles$\JANAYNATRO\Contacts\</t>
  </si>
  <si>
    <t>\\acsfs\profiles$\JANAYNATRO\Contacts\desktop.ini</t>
  </si>
  <si>
    <t>01/19/2020 18:05:18</t>
  </si>
  <si>
    <t>01/19/2020 18:05:19</t>
  </si>
  <si>
    <t>01/19/2020 18:05:20</t>
  </si>
  <si>
    <t>01/19/2020 18:05:21</t>
  </si>
  <si>
    <t>01/19/2020 18:05:23</t>
  </si>
  <si>
    <t>\\acsfs\profiles$\JANAYNATRO\Favorites\desktop.ini</t>
  </si>
  <si>
    <t>01/19/2020 18:05:25</t>
  </si>
  <si>
    <t>01/19/2020 18:05:26</t>
  </si>
  <si>
    <t>01/19/2020 18:05:29</t>
  </si>
  <si>
    <t>01/19/2020 18:05:30</t>
  </si>
  <si>
    <t>01/19/2020 18:05:31</t>
  </si>
  <si>
    <t>01/19/2020 18:05:32</t>
  </si>
  <si>
    <t>\\acsfs\profiles$\JANAYNATRO\My Documents\My Music\desktop.ini</t>
  </si>
  <si>
    <t>01/19/2020 18:05:33</t>
  </si>
  <si>
    <t>01/19/2020 18:05:34</t>
  </si>
  <si>
    <t>01/19/2020 18:05:36</t>
  </si>
  <si>
    <t>01/19/2020 18:05:37</t>
  </si>
  <si>
    <t>\\acsfs\profiles$\JANAYNATRO\Searches\</t>
  </si>
  <si>
    <t>\\acsfs\profiles$\JANAYNATRO\Searches\desktop.ini</t>
  </si>
  <si>
    <t>01/19/2020 18:05:38</t>
  </si>
  <si>
    <t>01/19/2020 18:05:40</t>
  </si>
  <si>
    <t>01/19/2020 18:05:41</t>
  </si>
  <si>
    <t>01/19/2020 18:05:42</t>
  </si>
  <si>
    <t>01/19/2020 18:05:43</t>
  </si>
  <si>
    <t>\\acsfs\profiles$\JANAYNATRO\Downloads\</t>
  </si>
  <si>
    <t>\\acsfs\profiles$\JANAYNATRO\Downloads\desktop.ini</t>
  </si>
  <si>
    <t>01/19/2020 18:05:45</t>
  </si>
  <si>
    <t>\\acsfs\profiles$\JANAYNATRO\Favorites\</t>
  </si>
  <si>
    <t>\\acsfs\profiles$\JANAYNATRO\My Documents\desktop.ini</t>
  </si>
  <si>
    <t>01/19/2020 18:05:48</t>
  </si>
  <si>
    <t>\\acsfs\profiles$\JANAYNATRO\My Documents\</t>
  </si>
  <si>
    <t>01/19/2020 18:05:49</t>
  </si>
  <si>
    <t>01/19/2020 18:05:52</t>
  </si>
  <si>
    <t>01/19/2020 18:05:53</t>
  </si>
  <si>
    <t>01/19/2020 18:05:54</t>
  </si>
  <si>
    <t>\\acsfs\profiles$\JANAYNATRO\Saved Games\desktop.ini</t>
  </si>
  <si>
    <t>01/19/2020 18:05:55</t>
  </si>
  <si>
    <t>01/19/2020 18:06:23</t>
  </si>
  <si>
    <t>\\acsfs\profiles$\JANAYNATRO\Searches\winrt--{S-1-5-21-602162358-764733703-839522115-358554}-.searchconnector-ms</t>
  </si>
  <si>
    <t>01/19/2020 18:12:10</t>
  </si>
  <si>
    <t>01/19/2020 18:10:23</t>
  </si>
  <si>
    <t>01/19/2020 18:14:10</t>
  </si>
  <si>
    <t>01/19/2020 18:11:34</t>
  </si>
  <si>
    <t>01/19/2020 18:16:10</t>
  </si>
  <si>
    <t>db54c4b9-a0dc-4279-8ad5-e831ff8e466c.tmp</t>
  </si>
  <si>
    <t>\\acsfs\profiles$\paulohaf\Downloads\db54c4b9-a0dc-4279-8ad5-e831ff8e466c.tmp</t>
  </si>
  <si>
    <t>01/19/2020 18:12:21</t>
  </si>
  <si>
    <t>Não confirmado 965607.crdownload</t>
  </si>
  <si>
    <t>\\acsfs\profiles$\paulohaf\Downloads\Não confirmado 965607.crdownload</t>
  </si>
  <si>
    <t>01/19/2020 18:17:10</t>
  </si>
  <si>
    <t>01/19/2020 18:22:10</t>
  </si>
  <si>
    <t>01/19/2020 18:20:25</t>
  </si>
  <si>
    <t>01/19/2020 18:23:10</t>
  </si>
  <si>
    <t>JANAYNA TEREZA ROCHA ONOFRE (8).contact</t>
  </si>
  <si>
    <t>\\acsfs\profiles$\janaynatro\Contacts\JANAYNA TEREZA ROCHA ONOFRE (8).contact</t>
  </si>
  <si>
    <t>01/19/2020 18:20:36</t>
  </si>
  <si>
    <t>01/19/2020 18:20:37</t>
  </si>
  <si>
    <t>01/19/2020 18:20:38</t>
  </si>
  <si>
    <t>01/19/2020 18:20:39</t>
  </si>
  <si>
    <t>01/19/2020 18:20:40</t>
  </si>
  <si>
    <t>01/19/2020 18:20:41</t>
  </si>
  <si>
    <t>01/19/2020 18:20:42</t>
  </si>
  <si>
    <t>01/19/2020 18:20:43</t>
  </si>
  <si>
    <t>01/19/2020 18:20:44</t>
  </si>
  <si>
    <t>01/19/2020 18:20:45</t>
  </si>
  <si>
    <t>\\acsfs\profiles$\janaynatro\Saved Games\</t>
  </si>
  <si>
    <t>01/19/2020 18:20:57</t>
  </si>
  <si>
    <t>\\acsfs\profiles$\janaynatro\Favorites\Links for Brasil\</t>
  </si>
  <si>
    <t>\\acsfs\profiles$\janaynatro\Favorites\Links for Brasil\desktop.ini</t>
  </si>
  <si>
    <t>01/19/2020 18:20:58</t>
  </si>
  <si>
    <t>\\acsfs\profiles$\janaynatro\Favorites\Links for Brasil\Microsoft Brasil.url</t>
  </si>
  <si>
    <t>\\acsfs\profiles$\janaynatro\Favorites\Links for Brasil\Windows Brasil.url</t>
  </si>
  <si>
    <t>01/19/2020 18:20:59</t>
  </si>
  <si>
    <t>01/19/2020 18:21:00</t>
  </si>
  <si>
    <t>\\acsfs\profiles$\janaynatro\Favorites\Links for Brasil\MSN Brasil.url</t>
  </si>
  <si>
    <t>01/19/2020 18:27:10</t>
  </si>
  <si>
    <t>01/19/2020 18:29:06</t>
  </si>
  <si>
    <t>01/19/2020 18:30:10</t>
  </si>
  <si>
    <t>aad82098-c2fc-435b-b85f-2a537936d72c.tmp</t>
  </si>
  <si>
    <t>\\acsfs\profiles$\fernandofs\Downloads\aad82098-c2fc-435b-b85f-2a537936d72c.tmp</t>
  </si>
  <si>
    <t>01/19/2020 18:32:10</t>
  </si>
  <si>
    <t>01/19/2020 18:31:24</t>
  </si>
  <si>
    <t>01/19/2020 18:36:10</t>
  </si>
  <si>
    <t>4cfd5943-1ccd-4e96-9fb9-cf0f576e3475.tmp</t>
  </si>
  <si>
    <t>\\acsfs\profiles$\joycemmdl\Downloads\4cfd5943-1ccd-4e96-9fb9-cf0f576e3475.tmp</t>
  </si>
  <si>
    <t>01/19/2020 18:33:00</t>
  </si>
  <si>
    <t>e2b591ce-a628-4df4-9686-74dc994d919d.tmp</t>
  </si>
  <si>
    <t>\\acsfs\profiles$\joycemmdl\Downloads\e2b591ce-a628-4df4-9686-74dc994d919d.tmp</t>
  </si>
  <si>
    <t>01/19/2020 18:35:05</t>
  </si>
  <si>
    <t>3c7c8662-0712-4f71-ad8b-85261f66a2d5.tmp</t>
  </si>
  <si>
    <t>\\acsfs\profiles$\joycemmdl\Downloads\3c7c8662-0712-4f71-ad8b-85261f66a2d5.tmp</t>
  </si>
  <si>
    <t>01/19/2020 18:37:10</t>
  </si>
  <si>
    <t>01/19/2020 18:39:10</t>
  </si>
  <si>
    <t>01/19/2020 18:37:37</t>
  </si>
  <si>
    <t>15771259-7f0d-4069-b3df-e9a6ce7a891c.tmp</t>
  </si>
  <si>
    <t>\\acsfs\profiles$\rosileiam\Downloads\15771259-7f0d-4069-b3df-e9a6ce7a891c.tmp</t>
  </si>
  <si>
    <t>01/19/2020 18:36:32</t>
  </si>
  <si>
    <t>01/19/2020 18:41:10</t>
  </si>
  <si>
    <t>38aa63f8-cfb7-4a82-84ee-a33b06a12ea8.tmp</t>
  </si>
  <si>
    <t>\\acsfs\profiles$\joycemmdl\Downloads\38aa63f8-cfb7-4a82-84ee-a33b06a12ea8.tmp</t>
  </si>
  <si>
    <t>01/19/2020 18:42:10</t>
  </si>
  <si>
    <t>01/19/2020 18:39:07</t>
  </si>
  <si>
    <t>01/19/2020 18:44:10</t>
  </si>
  <si>
    <t>75493304-8d87-4d3d-bf09-d8efd1845248.tmp</t>
  </si>
  <si>
    <t>\\acsfs\profiles$\rosileiam\Downloads\75493304-8d87-4d3d-bf09-d8efd1845248.tmp</t>
  </si>
  <si>
    <t>01/19/2020 18:47:10</t>
  </si>
  <si>
    <t>01/19/2020 18:47:56</t>
  </si>
  <si>
    <t>01/19/2020 18:52:09</t>
  </si>
  <si>
    <t>10.200.66.156</t>
  </si>
  <si>
    <t>01/19/2020 18:48:43</t>
  </si>
  <si>
    <t>01/19/2020 18:48:49</t>
  </si>
  <si>
    <t>01/19/2020 18:57:09</t>
  </si>
  <si>
    <t>01/19/2020 18:56:22</t>
  </si>
  <si>
    <t>01/19/2020 18:59:09</t>
  </si>
  <si>
    <t>01/19/2020 19:02:09</t>
  </si>
  <si>
    <t>01/19/2020 19:02:30</t>
  </si>
  <si>
    <t>01/19/2020 19:04:09</t>
  </si>
  <si>
    <t>01/19/2020 19:07:09</t>
  </si>
  <si>
    <t>01/19/2020 19:12:09</t>
  </si>
  <si>
    <t>01/19/2020 19:12:07</t>
  </si>
  <si>
    <t>01/19/2020 19:16:10</t>
  </si>
  <si>
    <t>33788b78-4a64-41c6-acd7-41c696e8ceb4.tmp</t>
  </si>
  <si>
    <t>\\acsfs\profiles$\joycemmdl\Downloads\33788b78-4a64-41c6-acd7-41c696e8ceb4.tmp</t>
  </si>
  <si>
    <t>01/19/2020 19:17:09</t>
  </si>
  <si>
    <t>01/19/2020 19:22:10</t>
  </si>
  <si>
    <t>01/19/2020 19:27:10</t>
  </si>
  <si>
    <t>01/19/2020 19:23:37</t>
  </si>
  <si>
    <t>01/19/2020 19:29:10</t>
  </si>
  <si>
    <t>01/19/2020 19:32:10</t>
  </si>
  <si>
    <t>01/19/2020 19:28:42</t>
  </si>
  <si>
    <t>01/19/2020 19:34:12</t>
  </si>
  <si>
    <t>01/19/2020 19:30:51</t>
  </si>
  <si>
    <t>01/19/2020 19:37:11</t>
  </si>
  <si>
    <t>01/19/2020 19:42:11</t>
  </si>
  <si>
    <t>01/19/2020 19:47:11</t>
  </si>
  <si>
    <t>01/19/2020 19:52:12</t>
  </si>
  <si>
    <t>01/19/2020 19:57:12</t>
  </si>
  <si>
    <t>01/19/2020 20:02:12</t>
  </si>
  <si>
    <t>01/19/2020 20:00:36</t>
  </si>
  <si>
    <t>01/19/2020 20:03:12</t>
  </si>
  <si>
    <t>209ba388-2dfd-4f36-a34d-5cadf3cd3ac8.tmp</t>
  </si>
  <si>
    <t>\\acsfs\profiles$\anacms\Downloads\209ba388-2dfd-4f36-a34d-5cadf3cd3ac8.tmp</t>
  </si>
  <si>
    <t>01/19/2020 20:07:12</t>
  </si>
  <si>
    <t>01/19/2020 20:06:01</t>
  </si>
  <si>
    <t>01/19/2020 20:09:12</t>
  </si>
  <si>
    <t>01/19/2020 20:12:13</t>
  </si>
  <si>
    <t>01/19/2020 20:17:13</t>
  </si>
  <si>
    <t>01/19/2020 20:22:12</t>
  </si>
  <si>
    <t>01/19/2020 20:27:13</t>
  </si>
  <si>
    <t>01/19/2020 20:26:43</t>
  </si>
  <si>
    <t>01/19/2020 20:30:13</t>
  </si>
  <si>
    <t>35e876b3-ebb4-4aa6-9b41-76543f66b366.tmp</t>
  </si>
  <si>
    <t>\\acsfs\profiles$\nycolleemdj\Downloads\35e876b3-ebb4-4aa6-9b41-76543f66b366.tmp</t>
  </si>
  <si>
    <t>01/19/2020 20:27:52</t>
  </si>
  <si>
    <t>f4e7ae48-e24e-4b4d-8f2b-a798b6987832.tmp</t>
  </si>
  <si>
    <t>\\acsfs\profiles$\nycolleemdj\Downloads\f4e7ae48-e24e-4b4d-8f2b-a798b6987832.tmp</t>
  </si>
  <si>
    <t>01/19/2020 20:32:13</t>
  </si>
  <si>
    <t>01/19/2020 20:37:13</t>
  </si>
  <si>
    <t>01/19/2020 20:42:14</t>
  </si>
  <si>
    <t>01/19/2020 20:47:13</t>
  </si>
  <si>
    <t>01/19/2020 20:52:14</t>
  </si>
  <si>
    <t>01/19/2020 20:57:13</t>
  </si>
  <si>
    <t>01/19/2020 21:02:13</t>
  </si>
  <si>
    <t>01/19/2020 21:07:13</t>
  </si>
  <si>
    <t>01/19/2020 21:12:14</t>
  </si>
  <si>
    <t>01/19/2020 21:17:13</t>
  </si>
  <si>
    <t>01/19/2020 21:13:58</t>
  </si>
  <si>
    <t>01/19/2020 21:19:13</t>
  </si>
  <si>
    <t>01/19/2020 21:15:30</t>
  </si>
  <si>
    <t>01/19/2020 21:20:13</t>
  </si>
  <si>
    <t>65b6837f-dec9-4d8e-9897-c1a38660acfe.tmp</t>
  </si>
  <si>
    <t>\\acsfs\profiles$\nycolleemdj\Downloads\65b6837f-dec9-4d8e-9897-c1a38660acfe.tmp</t>
  </si>
  <si>
    <t>01/19/2020 21:22:13</t>
  </si>
  <si>
    <t>01/19/2020 21:27:14</t>
  </si>
  <si>
    <t>01/19/2020 21:32:13</t>
  </si>
  <si>
    <t>01/19/2020 21:37:13</t>
  </si>
  <si>
    <t>01/19/2020 21:42:13</t>
  </si>
  <si>
    <t>01/19/2020 21:37:12</t>
  </si>
  <si>
    <t>cddef3ac-e2c7-4cdf-9e75-06e1eb62d5ba.tmp</t>
  </si>
  <si>
    <t>\\acsfs\profiles$\myllenardl\Downloads\cddef3ac-e2c7-4cdf-9e75-06e1eb62d5ba.tmp</t>
  </si>
  <si>
    <t>01/19/2020 21:47:13</t>
  </si>
  <si>
    <t>01/19/2020 21:52:13</t>
  </si>
  <si>
    <t>01/19/2020 21:57:13</t>
  </si>
  <si>
    <t>01/19/2020 21:59:49</t>
  </si>
  <si>
    <t>01/19/2020 22:02:13</t>
  </si>
  <si>
    <t>01/19/2020 21:57:57</t>
  </si>
  <si>
    <t>01/19/2020 22:03:13</t>
  </si>
  <si>
    <t>4bc5ba2a-31d5-4422-8e5b-a8cce973f65c.tmp</t>
  </si>
  <si>
    <t>\\acsfs\profiles$\leonardocb\Downloads\4bc5ba2a-31d5-4422-8e5b-a8cce973f65c.tmp</t>
  </si>
  <si>
    <t>01/19/2020 22:07:13</t>
  </si>
  <si>
    <t>01/19/2020 22:12:14</t>
  </si>
  <si>
    <t>01/19/2020 22:17:13</t>
  </si>
  <si>
    <t>01/19/2020 22:22:14</t>
  </si>
  <si>
    <t>01/19/2020 22:27:13</t>
  </si>
  <si>
    <t>01/19/2020 22:32:13</t>
  </si>
  <si>
    <t>01/19/2020 22:37:14</t>
  </si>
  <si>
    <t>01/19/2020 22:42:13</t>
  </si>
  <si>
    <t>01/19/2020 22:47:13</t>
  </si>
  <si>
    <t>01/19/2020 22:52:13</t>
  </si>
  <si>
    <t>01/19/2020 22:57:13</t>
  </si>
  <si>
    <t>01/19/2020 23:02:13</t>
  </si>
  <si>
    <t>01/19/2020 23:07:13</t>
  </si>
  <si>
    <t>01/19/2020 23:12:13</t>
  </si>
  <si>
    <t>01/19/2020 23:17:13</t>
  </si>
  <si>
    <t>01/19/2020 23:22:13</t>
  </si>
  <si>
    <t>01/19/2020 23:27:13</t>
  </si>
  <si>
    <t>01/19/2020 23:32:13</t>
  </si>
  <si>
    <t>01/19/2020 23:30:35</t>
  </si>
  <si>
    <t>01/19/2020 23:33:14</t>
  </si>
  <si>
    <t>f6b9d790-8d60-408f-b6fd-4cc984045da8.tmp</t>
  </si>
  <si>
    <t>\\acsfs\profiles$\leonardocb\Downloads\f6b9d790-8d60-408f-b6fd-4cc984045da8.tmp</t>
  </si>
  <si>
    <t>01/19/2020 23:37:13</t>
  </si>
  <si>
    <t>01/19/2020 23:42:13</t>
  </si>
  <si>
    <t>01/19/2020 23:47:13</t>
  </si>
  <si>
    <t>01/19/2020 23:52:13</t>
  </si>
  <si>
    <t>01/19/2020 23:54:13</t>
  </si>
  <si>
    <t>01/19/2020 23:51:45</t>
  </si>
  <si>
    <t>9e64a5d2-829a-42a4-8a96-13b812dbdebe.tmp</t>
  </si>
  <si>
    <t>\\acsfs\profiles$\marlyannegdls\Downloads\9e64a5d2-829a-42a4-8a96-13b812dbdebe.tmp</t>
  </si>
  <si>
    <t>01/19/2020 23:52:48</t>
  </si>
  <si>
    <t>34154c44-5b22-4d71-8873-e3d4d7da247b.tmp</t>
  </si>
  <si>
    <t>\\acsfs\profiles$\marlyannegdls\Downloads\34154c44-5b22-4d71-8873-e3d4d7da247b.tmp</t>
  </si>
  <si>
    <t>01/19/2020 23:52:54</t>
  </si>
  <si>
    <t>01/19/2020 23:56:12</t>
  </si>
  <si>
    <t>ebb1fde5-894f-4099-815c-efa230c2e55f.tmp</t>
  </si>
  <si>
    <t>\\acsfs\profiles$\ROBERTM\Downloads\ebb1fde5-894f-4099-815c-efa230c2e55f.tmp</t>
  </si>
  <si>
    <t>01/19/2020 23:53:25</t>
  </si>
  <si>
    <t>bec4da9c-e241-44ec-8e83-4c234033d08a.tmp</t>
  </si>
  <si>
    <t>\\acsfs\profiles$\ROBERTM\Downloads\bec4da9c-e241-44ec-8e83-4c234033d08a.tmp</t>
  </si>
  <si>
    <t>01/19/2020 23:57:13</t>
  </si>
  <si>
    <t>01/19/2020 23:54:45</t>
  </si>
  <si>
    <t>01/19/2020 23:59:13</t>
  </si>
  <si>
    <t>1485ca24-8b34-4f0a-9306-37b815861753.tmp</t>
  </si>
  <si>
    <t>\\acsfs\profiles$\mariaavds\Downloads\1485ca24-8b34-4f0a-9306-37b815861753.tmp</t>
  </si>
  <si>
    <t>01/20/2020 00:02:13</t>
  </si>
  <si>
    <t>01/20/2020 00:04:13</t>
  </si>
  <si>
    <t>01/20/2020 00:00:47</t>
  </si>
  <si>
    <t>c2fb6667-d7c9-499f-863e-7b9f92cb96f2.tmp</t>
  </si>
  <si>
    <t>\\acsfs\profiles$\mariaavds\Downloads\c2fb6667-d7c9-499f-863e-7b9f92cb96f2.tmp</t>
  </si>
  <si>
    <t>01/20/2020 00:07:12</t>
  </si>
  <si>
    <t>01/20/2020 00:12:12</t>
  </si>
  <si>
    <t>01/20/2020 00:17:12</t>
  </si>
  <si>
    <t>01/20/2020 00:22:13</t>
  </si>
  <si>
    <t>01/20/2020 00:27:13</t>
  </si>
  <si>
    <t>01/20/2020 00:29:13</t>
  </si>
  <si>
    <t>01/20/2020 00:25:31</t>
  </si>
  <si>
    <t>b9d82aca-38fa-48cf-99ea-2a71ef4c9afc.tmp</t>
  </si>
  <si>
    <t>\\acsfs\profiles$\mariaavds\Downloads\b9d82aca-38fa-48cf-99ea-2a71ef4c9afc.tmp</t>
  </si>
  <si>
    <t>01/20/2020 00:32:13</t>
  </si>
  <si>
    <t>01/20/2020 00:37:13</t>
  </si>
  <si>
    <t>01/20/2020 00:42:14</t>
  </si>
  <si>
    <t>01/20/2020 00:47:13</t>
  </si>
  <si>
    <t>01/20/2020 00:52:14</t>
  </si>
  <si>
    <t>01/20/2020 00:57:14</t>
  </si>
  <si>
    <t>01/20/2020 01:17:14</t>
  </si>
  <si>
    <t>01/20/2020 01:13:33</t>
  </si>
  <si>
    <t>01/20/2020 01:19:14</t>
  </si>
  <si>
    <t>315837d3-1ec3-48f9-9b07-e841f880a5eb.tmp</t>
  </si>
  <si>
    <t>\\acsfs\profiles$\mariaavds\Downloads\315837d3-1ec3-48f9-9b07-e841f880a5eb.tmp</t>
  </si>
  <si>
    <t>01/20/2020 01:22:14</t>
  </si>
  <si>
    <t>01/20/2020 01:27:14</t>
  </si>
  <si>
    <t>01/20/2020 01:28:14</t>
  </si>
  <si>
    <t>01/20/2020 01:32:14</t>
  </si>
  <si>
    <t>01/20/2020 01:33:14</t>
  </si>
  <si>
    <t>01/20/2020 01:37:14</t>
  </si>
  <si>
    <t>01/20/2020 01:38:14</t>
  </si>
  <si>
    <t>01/20/2020 01:42:14</t>
  </si>
  <si>
    <t>01/20/2020 01:43:14</t>
  </si>
  <si>
    <t>01/20/2020 01:48:14</t>
  </si>
  <si>
    <t>01/20/2020 01:53:14</t>
  </si>
  <si>
    <t>01/20/2020 01:58:13</t>
  </si>
  <si>
    <t>01/20/2020 02:03:14</t>
  </si>
  <si>
    <t>01/20/2020 02:08:14</t>
  </si>
  <si>
    <t>01/20/2020 02:13:14</t>
  </si>
  <si>
    <t>01/20/2020 02:18:14</t>
  </si>
  <si>
    <t>01/20/2020 02:23:13</t>
  </si>
  <si>
    <t>01/20/2020 02:23:14</t>
  </si>
  <si>
    <t>01/20/2020 02:28:14</t>
  </si>
  <si>
    <t>01/20/2020 02:33:13</t>
  </si>
  <si>
    <t>01/20/2020 02:38:14</t>
  </si>
  <si>
    <t>01/20/2020 02:43:13</t>
  </si>
  <si>
    <t>01/20/2020 02:48:13</t>
  </si>
  <si>
    <t>01/20/2020 02:53:14</t>
  </si>
  <si>
    <t>01/20/2020 02:58:15</t>
  </si>
  <si>
    <t>01/20/2020 03:03:15</t>
  </si>
  <si>
    <t>01/20/2020 03:08:15</t>
  </si>
  <si>
    <t>01/20/2020 03:13:15</t>
  </si>
  <si>
    <t>01/20/2020 03:18:15</t>
  </si>
  <si>
    <t>01/20/2020 03:23:15</t>
  </si>
  <si>
    <t>01/20/2020 03:28:15</t>
  </si>
  <si>
    <t>01/20/2020 03:33:14</t>
  </si>
  <si>
    <t>01/20/2020 03:38:14</t>
  </si>
  <si>
    <t>01/20/2020 03:43:15</t>
  </si>
  <si>
    <t>01/20/2020 03:48:14</t>
  </si>
  <si>
    <t>01/20/2020 03:53:15</t>
  </si>
  <si>
    <t>01/20/2020 03:58:15</t>
  </si>
  <si>
    <t>01/20/2020 04:03:14</t>
  </si>
  <si>
    <t>01/20/2020 04:08:17</t>
  </si>
  <si>
    <t>01/20/2020 04:13:18</t>
  </si>
  <si>
    <t>01/20/2020 04:18:18</t>
  </si>
  <si>
    <t>01/20/2020 04:23:17</t>
  </si>
  <si>
    <t>01/20/2020 04:28:17</t>
  </si>
  <si>
    <t>01/20/2020 04:33:17</t>
  </si>
  <si>
    <t>01/20/2020 04:38:17</t>
  </si>
  <si>
    <t>01/20/2020 04:43:17</t>
  </si>
  <si>
    <t>01/20/2020 04:48:17</t>
  </si>
  <si>
    <t>01/20/2020 04:53:17</t>
  </si>
  <si>
    <t>01/20/2020 04:58:17</t>
  </si>
  <si>
    <t>01/20/2020 04:58:18</t>
  </si>
  <si>
    <t>01/20/2020 05:06:17</t>
  </si>
  <si>
    <t>01/20/2020 05:11:17</t>
  </si>
  <si>
    <t>01/20/2020 05:16:17</t>
  </si>
  <si>
    <t>01/20/2020 05:21:17</t>
  </si>
  <si>
    <t>01/20/2020 05:26:16</t>
  </si>
  <si>
    <t>01/20/2020 05:23:32</t>
  </si>
  <si>
    <t>9b01d1cf-02eb-443c-86eb-d7f67d1290ea.tmp</t>
  </si>
  <si>
    <t>\\acsfs\profiles$\ROBERTM\Downloads\9b01d1cf-02eb-443c-86eb-d7f67d1290ea.tmp</t>
  </si>
  <si>
    <t>01/20/2020 05:24:18</t>
  </si>
  <si>
    <t>c3fd43ab-a9d4-46f2-96a7-f9a5ce5ba25c.tmp</t>
  </si>
  <si>
    <t>\\acsfs\profiles$\ROBERTM\Downloads\c3fd43ab-a9d4-46f2-96a7-f9a5ce5ba25c.tmp</t>
  </si>
  <si>
    <t>01/20/2020 05:31:17</t>
  </si>
  <si>
    <t>01/20/2020 05:26:32</t>
  </si>
  <si>
    <t>4296a636-bdcf-4372-97d8-1b04db505d8c.tmp</t>
  </si>
  <si>
    <t>\\acsfs\profiles$\ROBERTM\Downloads\4296a636-bdcf-4372-97d8-1b04db505d8c.tmp</t>
  </si>
  <si>
    <t>01/20/2020 05:36:17</t>
  </si>
  <si>
    <t>01/20/2020 05:41:17</t>
  </si>
  <si>
    <t>01/20/2020 05:46:17</t>
  </si>
  <si>
    <t>01/20/2020 05:51:17</t>
  </si>
  <si>
    <t>01/20/2020 05:51:12</t>
  </si>
  <si>
    <t>01/20/2020 05:53:17</t>
  </si>
  <si>
    <t>831c61cf-0436-4c73-9291-dea956aa2705.tmp</t>
  </si>
  <si>
    <t>\\acsfs\profiles$\ROZENCAM\Downloads\831c61cf-0436-4c73-9291-dea956aa2705.tmp</t>
  </si>
  <si>
    <t>01/20/2020 05:56:18</t>
  </si>
  <si>
    <t>01/20/2020 06:01:18</t>
  </si>
  <si>
    <t>01/20/2020 06:06:17</t>
  </si>
  <si>
    <t>01/20/2020 06:08:12</t>
  </si>
  <si>
    <t>01/20/2020 06:09:17</t>
  </si>
  <si>
    <t>3926289d-df2b-4967-9dbb-2e5dc30c2fad.tmp</t>
  </si>
  <si>
    <t>\\acsfs\profiles$\lucasqdss\Downloads\3926289d-df2b-4967-9dbb-2e5dc30c2fad.tmp</t>
  </si>
  <si>
    <t>01/20/2020 06:11:17</t>
  </si>
  <si>
    <t>01/20/2020 06:09:34</t>
  </si>
  <si>
    <t>01/20/2020 06:14:17</t>
  </si>
  <si>
    <t>16c516dc-d4f4-488c-92de-c86c6c1d8b09.tmp</t>
  </si>
  <si>
    <t>\\acsfs\profiles$\lucasqdss\Downloads\16c516dc-d4f4-488c-92de-c86c6c1d8b09.tmp</t>
  </si>
  <si>
    <t>01/20/2020 06:16:17</t>
  </si>
  <si>
    <t>01/20/2020 06:12:46</t>
  </si>
  <si>
    <t>01/20/2020 06:18:17</t>
  </si>
  <si>
    <t>ddc06d7f-a50a-4d07-a03e-bac2bdb64a8f.tmp</t>
  </si>
  <si>
    <t>\\acsfs\profiles$\ROZENCAM\Downloads\ddc06d7f-a50a-4d07-a03e-bac2bdb64a8f.tmp</t>
  </si>
  <si>
    <t>01/20/2020 06:21:17</t>
  </si>
  <si>
    <t>01/20/2020 06:19:31</t>
  </si>
  <si>
    <t>9e82b2a7-9b0f-4f71-8d80-9675ddd249bd.tmp</t>
  </si>
  <si>
    <t>\\acsfs\profiles$\lorraynevam\Downloads\9e82b2a7-9b0f-4f71-8d80-9675ddd249bd.tmp</t>
  </si>
  <si>
    <t>01/20/2020 06:20:42</t>
  </si>
  <si>
    <t>48c6ff81-afe7-4e5a-8475-9ac7106ea698.tmp</t>
  </si>
  <si>
    <t>\\acsfs\profiles$\lorraynevam\Downloads\48c6ff81-afe7-4e5a-8475-9ac7106ea698.tmp</t>
  </si>
  <si>
    <t>01/20/2020 06:26:17</t>
  </si>
  <si>
    <t>01/20/2020 06:20:54</t>
  </si>
  <si>
    <t>1441b83f-2560-4672-b8e7-0d9a830047db.tmp</t>
  </si>
  <si>
    <t>\\acsfs\profiles$\lorraynevam\Downloads\1441b83f-2560-4672-b8e7-0d9a830047db.tmp</t>
  </si>
  <si>
    <t>01/20/2020 06:23:40</t>
  </si>
  <si>
    <t>3ad26df2-cfac-49fc-8951-779781f517cf.tmp</t>
  </si>
  <si>
    <t>\\acsfs\profiles$\ALYNYA\Downloads\3ad26df2-cfac-49fc-8951-779781f517cf.tmp</t>
  </si>
  <si>
    <t>01/20/2020 06:25:01</t>
  </si>
  <si>
    <t>19c4fe47-22e9-44a0-b1b2-d286d270cd79.tmp</t>
  </si>
  <si>
    <t>\\acsfs\profiles$\ALYNYA\Downloads\19c4fe47-22e9-44a0-b1b2-d286d270cd79.tmp</t>
  </si>
  <si>
    <t>01/20/2020 06:25:58</t>
  </si>
  <si>
    <t>01/20/2020 06:30:18</t>
  </si>
  <si>
    <t>bb67db98-27f7-488d-a0b8-3f624a8007e3.tmp</t>
  </si>
  <si>
    <t>\\acsfs\profiles$\BRUNAAR\Downloads\bb67db98-27f7-488d-a0b8-3f624a8007e3.tmp</t>
  </si>
  <si>
    <t>01/20/2020 06:27:13</t>
  </si>
  <si>
    <t>4f9218d2-6a49-443d-a879-c7a036ab0c0e.tmp</t>
  </si>
  <si>
    <t>\\acsfs\profiles$\BRUNAAR\Downloads\4f9218d2-6a49-443d-a879-c7a036ab0c0e.tmp</t>
  </si>
  <si>
    <t>01/20/2020 06:28:09</t>
  </si>
  <si>
    <t>01/20/2020 06:28:25</t>
  </si>
  <si>
    <t>01/20/2020 06:28:27</t>
  </si>
  <si>
    <t>lu216162ur7qe.tmp</t>
  </si>
  <si>
    <t>\\acsfs\profiles$\BRUNAAR\Numero\lu216162ur7qe.tmp</t>
  </si>
  <si>
    <t>01/20/2020 06:31:17</t>
  </si>
  <si>
    <t>01/20/2020 06:26:00</t>
  </si>
  <si>
    <t>01/20/2020 06:29:49</t>
  </si>
  <si>
    <t>06cd7973-b0a1-48eb-baa3-8e3e90bbf4cc.tmp</t>
  </si>
  <si>
    <t>\\acsfs\profiles$\ALYNYA\Downloads\06cd7973-b0a1-48eb-baa3-8e3e90bbf4cc.tmp</t>
  </si>
  <si>
    <t>01/20/2020 06:36:17</t>
  </si>
  <si>
    <t>01/20/2020 06:31:00</t>
  </si>
  <si>
    <t>01/20/2020 06:41:18</t>
  </si>
  <si>
    <t>01/20/2020 06:46:18</t>
  </si>
  <si>
    <t>01/20/2020 06:44:04</t>
  </si>
  <si>
    <t>01/20/2020 06:47:17</t>
  </si>
  <si>
    <t>01/20/2020 06:44:05</t>
  </si>
  <si>
    <t>01/20/2020 06:44:40</t>
  </si>
  <si>
    <t>01/20/2020 06:44:57</t>
  </si>
  <si>
    <t>01/20/2020 06:48:18</t>
  </si>
  <si>
    <t>78378702-95eb-47be-b7ce-6e1616d713fa.tmp</t>
  </si>
  <si>
    <t>\\acsfs\profiles$\monicargds\Downloads\78378702-95eb-47be-b7ce-6e1616d713fa.tmp</t>
  </si>
  <si>
    <t>01/20/2020 06:45:56</t>
  </si>
  <si>
    <t>7789a280-ed36-4269-b088-91d278ac4e9e.tmp</t>
  </si>
  <si>
    <t>\\acsfs\profiles$\monicargds\Downloads\7789a280-ed36-4269-b088-91d278ac4e9e.tmp</t>
  </si>
  <si>
    <t>01/20/2020 06:47:06</t>
  </si>
  <si>
    <t>4267d106-6e9d-4c71-a23a-a5bb69fca398.tmp</t>
  </si>
  <si>
    <t>\\acsfs\profiles$\monicargds\Downloads\4267d106-6e9d-4c71-a23a-a5bb69fca398.tmp</t>
  </si>
  <si>
    <t>01/20/2020 06:51:18</t>
  </si>
  <si>
    <t>01/20/2020 06:56:18</t>
  </si>
  <si>
    <t>01/20/2020 06:56:20</t>
  </si>
  <si>
    <t>01/20/2020 06:59:18</t>
  </si>
  <si>
    <t>12934fd0-b478-4a79-81b2-655ca8ce3ccf.tmp</t>
  </si>
  <si>
    <t>\\acsfs\profiles$\anafsb\Downloads\12934fd0-b478-4a79-81b2-655ca8ce3ccf.tmp</t>
  </si>
  <si>
    <t>01/20/2020 06:56:21</t>
  </si>
  <si>
    <t>17f9e4df-9c98-46fc-8c3a-9bd155432e58.tmp</t>
  </si>
  <si>
    <t>\\acsfs\profiles$\anafsb\Downloads\17f9e4df-9c98-46fc-8c3a-9bd155432e58.tmp</t>
  </si>
  <si>
    <t>01/20/2020 06:56:27</t>
  </si>
  <si>
    <t>029de3dd-eff2-4716-bf48-4cb92b0664a8.tmp</t>
  </si>
  <si>
    <t>\\acsfs\profiles$\anafsb\Downloads\029de3dd-eff2-4716-bf48-4cb92b0664a8.tmp</t>
  </si>
  <si>
    <t>01/20/2020 06:56:29</t>
  </si>
  <si>
    <t>7f35cf68-0cad-456e-9924-962ac2e9fcb5.tmp</t>
  </si>
  <si>
    <t>\\acsfs\profiles$\anafsb\Downloads\7f35cf68-0cad-456e-9924-962ac2e9fcb5.tmp</t>
  </si>
  <si>
    <t>01/20/2020 06:57:30</t>
  </si>
  <si>
    <t>49366e4c-5ce7-4680-a565-324d381b8672.tmp</t>
  </si>
  <si>
    <t>\\acsfs\profiles$\anafsb\Downloads\49366e4c-5ce7-4680-a565-324d381b8672.tmp</t>
  </si>
  <si>
    <t>\\acsfs\profiles$\paulohaf\My Documents\xworkcenter\logs\</t>
  </si>
  <si>
    <t>XLOG_paulohaf_19012020_164617.log</t>
  </si>
  <si>
    <t>\\acsfs\profiles$\paulohaf\My Documents\xworkcenter\logs\XLOG_paulohaf_19012020_164617.log</t>
  </si>
  <si>
    <t>01/20/2020 07:01:18</t>
  </si>
  <si>
    <t>01/20/2020 07:00:51</t>
  </si>
  <si>
    <t>01/20/2020 07:02:17</t>
  </si>
  <si>
    <t>01/20/2020 07:03:18</t>
  </si>
  <si>
    <t>01/20/2020 06:59:55</t>
  </si>
  <si>
    <t>f537fbb5-c00a-431d-8734-af5462560f44.tmp</t>
  </si>
  <si>
    <t>\\acsfs\profiles$\monicargds\Downloads\f537fbb5-c00a-431d-8734-af5462560f44.tmp</t>
  </si>
  <si>
    <t>01/20/2020 07:00:19</t>
  </si>
  <si>
    <t>01/20/2020 07:04:18</t>
  </si>
  <si>
    <t>d727fc0f-acb0-4767-aa50-9bb6989bb727.tmp</t>
  </si>
  <si>
    <t>\\acsfs\profiles$\anafsb\Downloads\d727fc0f-acb0-4767-aa50-9bb6989bb727.tmp</t>
  </si>
  <si>
    <t>01/20/2020 07:06:18</t>
  </si>
  <si>
    <t>01/20/2020 07:04:09</t>
  </si>
  <si>
    <t>01/20/2020 07:08:17</t>
  </si>
  <si>
    <t>37c5e04c-0850-44e0-8097-3315154302e8.tmp</t>
  </si>
  <si>
    <t>\\acsfs\profiles$\lucasgpe\Downloads\37c5e04c-0850-44e0-8097-3315154302e8.tmp</t>
  </si>
  <si>
    <t>01/20/2020 07:07:04</t>
  </si>
  <si>
    <t>21bc84f1-6cff-459d-a896-e8995bc80233.tmp</t>
  </si>
  <si>
    <t>\\acsfs\profiles$\lucasgpe\Downloads\21bc84f1-6cff-459d-a896-e8995bc80233.tmp</t>
  </si>
  <si>
    <t>01/20/2020 07:04:57</t>
  </si>
  <si>
    <t>01/20/2020 07:09:18</t>
  </si>
  <si>
    <t>01/20/2020 07:06:43</t>
  </si>
  <si>
    <t>01/20/2020 07:11:17</t>
  </si>
  <si>
    <t>d8fc4182-e7fb-4c50-b836-4a38f96d6421.tmp</t>
  </si>
  <si>
    <t>\\acsfs\profiles$\mariajra\Downloads\d8fc4182-e7fb-4c50-b836-4a38f96d6421.tmp</t>
  </si>
  <si>
    <t>01/20/2020 07:07:31</t>
  </si>
  <si>
    <t>afa490f3-5e22-4769-8623-8cbf0a24be7f.tmp</t>
  </si>
  <si>
    <t>\\acsfs\profiles$\mariajra\Downloads\afa490f3-5e22-4769-8623-8cbf0a24be7f.tmp</t>
  </si>
  <si>
    <t>01/20/2020 07:07:44</t>
  </si>
  <si>
    <t>59c3962d-0388-411c-a577-ab1d26f4624c.tmp</t>
  </si>
  <si>
    <t>\\acsfs\profiles$\mariajra\Downloads\59c3962d-0388-411c-a577-ab1d26f4624c.tmp</t>
  </si>
  <si>
    <t>01/19/2020 22:04:38</t>
  </si>
  <si>
    <t>01/20/2020 07:15:17</t>
  </si>
  <si>
    <t>01/20/2020 07:16:18</t>
  </si>
  <si>
    <t>01/20/2020 07:13:32</t>
  </si>
  <si>
    <t>a8b4dfcd-80d5-4984-8c29-c46f5c2cf58a.tmp</t>
  </si>
  <si>
    <t>\\acsfs\profiles$\websondsa\Downloads\a8b4dfcd-80d5-4984-8c29-c46f5c2cf58a.tmp</t>
  </si>
  <si>
    <t>1f4db758-011d-4f8f-90b9-240be020ad33.tmp</t>
  </si>
  <si>
    <t>\\acsfs\profiles$\websondsa\Downloads\1f4db758-011d-4f8f-90b9-240be020ad33.tmp</t>
  </si>
  <si>
    <t>01/20/2020 07:13:41</t>
  </si>
  <si>
    <t>6e98a4ad-7403-44e2-93fc-6f5316ca07dd.tmp</t>
  </si>
  <si>
    <t>\\acsfs\profiles$\websondsa\Downloads\6e98a4ad-7403-44e2-93fc-6f5316ca07dd.tmp</t>
  </si>
  <si>
    <t>119005b7-0a43-4186-a3bf-6afee4054101.tmp</t>
  </si>
  <si>
    <t>\\acsfs\profiles$\websondsa\Downloads\119005b7-0a43-4186-a3bf-6afee4054101.tmp</t>
  </si>
  <si>
    <t>01/20/2020 07:13:56</t>
  </si>
  <si>
    <t>2eab44da-f777-4594-b9ff-f8c88c551502.tmp</t>
  </si>
  <si>
    <t>\\acsfs\profiles$\websondsa\Downloads\2eab44da-f777-4594-b9ff-f8c88c551502.tmp</t>
  </si>
  <si>
    <t>01/20/2020 07:14:07</t>
  </si>
  <si>
    <t>1cf66ad1-c410-4c6d-a2b2-c7caf68475d8.tmp</t>
  </si>
  <si>
    <t>\\acsfs\profiles$\websondsa\Downloads\1cf66ad1-c410-4c6d-a2b2-c7caf68475d8.tmp</t>
  </si>
  <si>
    <t>01/20/2020 07:15:09</t>
  </si>
  <si>
    <t>a555c367-3c3c-4354-bec6-e6acb1f3d536.tmp</t>
  </si>
  <si>
    <t>\\acsfs\profiles$\websondsa\Downloads\a555c367-3c3c-4354-bec6-e6acb1f3d536.tmp</t>
  </si>
  <si>
    <t>01/20/2020 07:15:02</t>
  </si>
  <si>
    <t>01/20/2020 07:18:18</t>
  </si>
  <si>
    <t>ROZENCAM</t>
  </si>
  <si>
    <t>\\acsfs\profiles$\ROZENCAM\Contacts\</t>
  </si>
  <si>
    <t>ROZENCA MAIOLINO (5).contact</t>
  </si>
  <si>
    <t>\\acsfs\profiles$\ROZENCAM\Contacts\ROZENCA MAIOLINO (5).contact</t>
  </si>
  <si>
    <t>01/20/2020 07:15:10</t>
  </si>
  <si>
    <t>\\acsfs\profiles$\ROZENCAM\My Documents\My Videos\</t>
  </si>
  <si>
    <t>\\acsfs\profiles$\ROZENCAM\My Documents\My Videos\desktop.ini</t>
  </si>
  <si>
    <t>01/20/2020 07:15:11</t>
  </si>
  <si>
    <t>\\acsfs\profiles$\ROZENCAM\My Documents\My Pictures\</t>
  </si>
  <si>
    <t>\\acsfs\profiles$\ROZENCAM\My Documents\My Pictures\desktop.ini</t>
  </si>
  <si>
    <t>01/20/2020 07:15:12</t>
  </si>
  <si>
    <t>01/20/2020 07:15:13</t>
  </si>
  <si>
    <t>\\acsfs\profiles$\ROZENCAM\Contacts\desktop.ini</t>
  </si>
  <si>
    <t>01/20/2020 07:15:14</t>
  </si>
  <si>
    <t>01/20/2020 07:15:15</t>
  </si>
  <si>
    <t>\\acsfs\profiles$\ROZENCAM\Favorites\</t>
  </si>
  <si>
    <t>\\acsfs\profiles$\ROZENCAM\Favorites\desktop.ini</t>
  </si>
  <si>
    <t>01/20/2020 07:15:16</t>
  </si>
  <si>
    <t>\\acsfs\profiles$\ROZENCAM\My Documents\My Music\</t>
  </si>
  <si>
    <t>\\acsfs\profiles$\ROZENCAM\My Documents\My Music\desktop.ini</t>
  </si>
  <si>
    <t>01/20/2020 07:15:18</t>
  </si>
  <si>
    <t>01/20/2020 07:15:19</t>
  </si>
  <si>
    <t>01/20/2020 07:15:20</t>
  </si>
  <si>
    <t>\\acsfs\profiles$\ROZENCAM\Searches\</t>
  </si>
  <si>
    <t>\\acsfs\profiles$\ROZENCAM\Searches\desktop.ini</t>
  </si>
  <si>
    <t>01/20/2020 07:15:21</t>
  </si>
  <si>
    <t>\\acsfs\profiles$\ROZENCAM\Downloads\desktop.ini</t>
  </si>
  <si>
    <t>01/20/2020 07:15:22</t>
  </si>
  <si>
    <t>01/20/2020 07:15:23</t>
  </si>
  <si>
    <t>\\acsfs\profiles$\ROZENCAM\My Documents\</t>
  </si>
  <si>
    <t>\\acsfs\profiles$\ROZENCAM\My Documents\desktop.ini</t>
  </si>
  <si>
    <t>01/20/2020 07:15:24</t>
  </si>
  <si>
    <t>01/20/2020 07:15:25</t>
  </si>
  <si>
    <t>01/20/2020 07:15:26</t>
  </si>
  <si>
    <t>\\acsfs\profiles$\ROZENCAM\Saved Games\</t>
  </si>
  <si>
    <t>\\acsfs\profiles$\ROZENCAM\Saved Games\desktop.ini</t>
  </si>
  <si>
    <t>01/20/2020 07:15:27</t>
  </si>
  <si>
    <t>01/20/2020 07:16:05</t>
  </si>
  <si>
    <t>01/20/2020 07:16:06</t>
  </si>
  <si>
    <t>01/20/2020 07:16:07</t>
  </si>
  <si>
    <t>01/20/2020 07:16:08</t>
  </si>
  <si>
    <t>01/20/2020 07:16:09</t>
  </si>
  <si>
    <t>01/20/2020 07:16:10</t>
  </si>
  <si>
    <t>01/20/2020 07:16:11</t>
  </si>
  <si>
    <t>01/20/2020 07:16:12</t>
  </si>
  <si>
    <t>01/20/2020 07:16:13</t>
  </si>
  <si>
    <t>01/20/2020 07:16:14</t>
  </si>
  <si>
    <t>01/20/2020 07:16:15</t>
  </si>
  <si>
    <t>01/20/2020 07:16:16</t>
  </si>
  <si>
    <t>01/20/2020 07:16:19</t>
  </si>
  <si>
    <t>01/20/2020 07:16:21</t>
  </si>
  <si>
    <t>01/20/2020 07:16:22</t>
  </si>
  <si>
    <t>01/20/2020 07:16:23</t>
  </si>
  <si>
    <t>01/20/2020 07:16:24</t>
  </si>
  <si>
    <t>01/20/2020 07:16:26</t>
  </si>
  <si>
    <t>01/20/2020 07:16:28</t>
  </si>
  <si>
    <t>01/20/2020 07:16:29</t>
  </si>
  <si>
    <t>01/20/2020 07:16:31</t>
  </si>
  <si>
    <t>01/20/2020 07:16:33</t>
  </si>
  <si>
    <t>01/20/2020 07:16:34</t>
  </si>
  <si>
    <t>01/20/2020 07:16:35</t>
  </si>
  <si>
    <t>01/20/2020 07:16:36</t>
  </si>
  <si>
    <t>01/20/2020 07:16:39</t>
  </si>
  <si>
    <t>01/20/2020 07:16:41</t>
  </si>
  <si>
    <t>01/20/2020 07:16:54</t>
  </si>
  <si>
    <t>\\acsfs\profiles$\ROZENCAM\Favorites\Links for Brasil\</t>
  </si>
  <si>
    <t>\\acsfs\profiles$\ROZENCAM\Favorites\Links for Brasil\desktop.ini</t>
  </si>
  <si>
    <t>01/20/2020 07:16:57</t>
  </si>
  <si>
    <t>\\acsfs\profiles$\ROZENCAM\Favorites\Links for Brasil\Microsoft Brasil.url</t>
  </si>
  <si>
    <t>\\acsfs\profiles$\ROZENCAM\Favorites\Links for Brasil\Windows Brasil.url</t>
  </si>
  <si>
    <t>01/20/2020 07:16:58</t>
  </si>
  <si>
    <t>01/20/2020 07:16:59</t>
  </si>
  <si>
    <t>\\acsfs\profiles$\ROZENCAM\Favorites\Links for Brasil\MSN Brasil.url</t>
  </si>
  <si>
    <t>01/20/2020 07:19:17</t>
  </si>
  <si>
    <t>69897dd3-217b-42f8-8809-35ab7cff5b81.tmp</t>
  </si>
  <si>
    <t>\\acsfs\profiles$\inarajst\Downloads\69897dd3-217b-42f8-8809-35ab7cff5b81.tmp</t>
  </si>
  <si>
    <t>b202f2ee-f1d6-40a2-ad28-a5e7caf66bf1.tmp</t>
  </si>
  <si>
    <t>\\acsfs\profiles$\inarajst\Downloads\b202f2ee-f1d6-40a2-ad28-a5e7caf66bf1.tmp</t>
  </si>
  <si>
    <t>01/20/2020 07:16:44</t>
  </si>
  <si>
    <t>77a32523-29f1-44c6-9e41-c2126020a529.tmp</t>
  </si>
  <si>
    <t>\\acsfs\profiles$\inarajst\Downloads\77a32523-29f1-44c6-9e41-c2126020a529.tmp</t>
  </si>
  <si>
    <t>01/20/2020 07:16:48</t>
  </si>
  <si>
    <t>23cceb11-dea6-4234-93fc-cf84c07d59ff.tmp</t>
  </si>
  <si>
    <t>\\acsfs\profiles$\inarajst\Downloads\23cceb11-dea6-4234-93fc-cf84c07d59ff.tmp</t>
  </si>
  <si>
    <t>01/20/2020 07:17:03</t>
  </si>
  <si>
    <t>0ab0b7de-2f41-4a41-8c3a-d31837318555.tmp</t>
  </si>
  <si>
    <t>\\acsfs\profiles$\inarajst\Downloads\0ab0b7de-2f41-4a41-8c3a-d31837318555.tmp</t>
  </si>
  <si>
    <t>01/20/2020 07:17:40</t>
  </si>
  <si>
    <t>01/20/2020 07:20:18</t>
  </si>
  <si>
    <t>https://portalth.algarnet.com.br/webponto/just_user/incluirmarcacaoonline.asp</t>
  </si>
  <si>
    <t>01/20/2020 07:21:17</t>
  </si>
  <si>
    <t>01/20/2020 07:17:55</t>
  </si>
  <si>
    <t>01/20/2020 07:22:18</t>
  </si>
  <si>
    <t>https://udpmailboxap01.acs.com.br:8443/h/search?si=1&amp;so=0&amp;sc=78278&amp;st=conversation&amp;action=compose&amp;paction=paneview2</t>
  </si>
  <si>
    <t>01/20/2020 07:18:24</t>
  </si>
  <si>
    <t>01/20/2020 07:19:54</t>
  </si>
  <si>
    <t>01/20/2020 07:20:24</t>
  </si>
  <si>
    <t>01/20/2020 07:20:54</t>
  </si>
  <si>
    <t>01/20/2020 07:19:08</t>
  </si>
  <si>
    <t>01/20/2020 07:24:17</t>
  </si>
  <si>
    <t>f92554db-d227-4958-b3d6-9f817d380481.tmp</t>
  </si>
  <si>
    <t>\\acsfs\profiles$\inarajst\Downloads\f92554db-d227-4958-b3d6-9f817d380481.tmp</t>
  </si>
  <si>
    <t>01/20/2020 07:19:12</t>
  </si>
  <si>
    <t>f921611a-1e3f-4942-b31e-667863494321.tmp</t>
  </si>
  <si>
    <t>\\acsfs\profiles$\inarajst\Downloads\f921611a-1e3f-4942-b31e-667863494321.tmp</t>
  </si>
  <si>
    <t>46df3483-17aa-4f5e-9af1-b2cc04203bcc.tmp</t>
  </si>
  <si>
    <t>\\acsfs\profiles$\inarajst\Downloads\46df3483-17aa-4f5e-9af1-b2cc04203bcc.tmp</t>
  </si>
  <si>
    <t>01/20/2020 07:19:19</t>
  </si>
  <si>
    <t>fb8c99b5-05c0-4f87-8516-f19c172be121.tmp</t>
  </si>
  <si>
    <t>\\acsfs\profiles$\inarajst\Downloads\fb8c99b5-05c0-4f87-8516-f19c172be121.tmp</t>
  </si>
  <si>
    <t>01/20/2020 07:20:43</t>
  </si>
  <si>
    <t>01/20/2020 07:25:18</t>
  </si>
  <si>
    <t>lu216162ur7qk.tmp</t>
  </si>
  <si>
    <t>\\acsfs\profiles$\BRUNAAR\Numero\lu216162ur7qk.tmp</t>
  </si>
  <si>
    <t>01/20/2020 07:21:29</t>
  </si>
  <si>
    <t>lu216162ur7qo.tmp</t>
  </si>
  <si>
    <t>\\acsfs\profiles$\BRUNAAR\Numero\lu216162ur7qo.tmp</t>
  </si>
  <si>
    <t>01/20/2020 07:22:44</t>
  </si>
  <si>
    <t>01/20/2020 07:26:17</t>
  </si>
  <si>
    <t>21a82e35-d56d-443b-bb52-d7908c1d3e8b.tmp</t>
  </si>
  <si>
    <t>\\acsfs\profiles$\mariajra\Downloads\21a82e35-d56d-443b-bb52-d7908c1d3e8b.tmp</t>
  </si>
  <si>
    <t>01/20/2020 07:23:37</t>
  </si>
  <si>
    <t>01/20/2020 07:27:18</t>
  </si>
  <si>
    <t>01/20/2020 07:25:32</t>
  </si>
  <si>
    <t>01/20/2020 07:25:33</t>
  </si>
  <si>
    <t>01/20/2020 07:25:34</t>
  </si>
  <si>
    <t>01/20/2020 07:25:35</t>
  </si>
  <si>
    <t>01/20/2020 07:25:36</t>
  </si>
  <si>
    <t>01/20/2020 07:25:37</t>
  </si>
  <si>
    <t>01/20/2020 07:25:38</t>
  </si>
  <si>
    <t>01/20/2020 07:25:39</t>
  </si>
  <si>
    <t>01/20/2020 07:25:40</t>
  </si>
  <si>
    <t>01/20/2020 07:25:41</t>
  </si>
  <si>
    <t>01/20/2020 07:25:42</t>
  </si>
  <si>
    <t>01/20/2020 07:25:43</t>
  </si>
  <si>
    <t>01/20/2020 07:25:44</t>
  </si>
  <si>
    <t>01/20/2020 07:25:45</t>
  </si>
  <si>
    <t>01/20/2020 07:25:46</t>
  </si>
  <si>
    <t>01/20/2020 07:28:17</t>
  </si>
  <si>
    <t>01/20/2020 07:25:47</t>
  </si>
  <si>
    <t>01/20/2020 07:25:48</t>
  </si>
  <si>
    <t>01/20/2020 07:25:49</t>
  </si>
  <si>
    <t>01/20/2020 07:25:50</t>
  </si>
  <si>
    <t>01/20/2020 07:25:23</t>
  </si>
  <si>
    <t>01/20/2020 07:25:24</t>
  </si>
  <si>
    <t>01/20/2020 07:25:51</t>
  </si>
  <si>
    <t>01/20/2020 07:25:52</t>
  </si>
  <si>
    <t>01/20/2020 07:25:53</t>
  </si>
  <si>
    <t>01/20/2020 07:25:54</t>
  </si>
  <si>
    <t>01/20/2020 07:25:55</t>
  </si>
  <si>
    <t>01/20/2020 07:25:56</t>
  </si>
  <si>
    <t>01/20/2020 07:25:57</t>
  </si>
  <si>
    <t>01/20/2020 07:25:58</t>
  </si>
  <si>
    <t>01/20/2020 07:25:59</t>
  </si>
  <si>
    <t>0474dce6-f3c2-4a7c-b77c-e503b53172a4.tmp</t>
  </si>
  <si>
    <t>\\acsfs\profiles$\claudiajca\Downloads\0474dce6-f3c2-4a7c-b77c-e503b53172a4.tmp</t>
  </si>
  <si>
    <t>b524abe5-7a31-4e79-8e27-45b181fe3f28.tmp</t>
  </si>
  <si>
    <t>\\acsfs\profiles$\claudiajca\Downloads\b524abe5-7a31-4e79-8e27-45b181fe3f28.tmp</t>
  </si>
  <si>
    <t>01/20/2020 07:29:17</t>
  </si>
  <si>
    <t>01/20/2020 07:26:07</t>
  </si>
  <si>
    <t>01/20/2020 07:30:17</t>
  </si>
  <si>
    <t>3b215dd9-45b0-4811-8700-c086f8756491.tmp</t>
  </si>
  <si>
    <t>\\acsfs\profiles$\dhiulliananads\Downloads\3b215dd9-45b0-4811-8700-c086f8756491.tmp</t>
  </si>
  <si>
    <t>01/20/2020 07:27:07</t>
  </si>
  <si>
    <t>bf07989f-0c0e-4da3-afdb-4e2f0e3ae6f5.tmp</t>
  </si>
  <si>
    <t>\\acsfs\profiles$\dhiulliananads\Downloads\bf07989f-0c0e-4da3-afdb-4e2f0e3ae6f5.tmp</t>
  </si>
  <si>
    <t>01/20/2020 07:29:32</t>
  </si>
  <si>
    <t>01/20/2020 07:31:18</t>
  </si>
  <si>
    <t>484d15e0-b18b-445c-91bf-fb65d34db3f8.tmp</t>
  </si>
  <si>
    <t>\\acsfs\profiles$\sarahbal\Downloads\484d15e0-b18b-445c-91bf-fb65d34db3f8.tmp</t>
  </si>
  <si>
    <t>01/20/2020 07:28:29</t>
  </si>
  <si>
    <t>3f01df2c-3f42-488f-96ba-2f68ac5d5938.tmp</t>
  </si>
  <si>
    <t>\\acsfs\profiles$\sarahbal\Downloads\3f01df2c-3f42-488f-96ba-2f68ac5d5938.tmp</t>
  </si>
  <si>
    <t>51f74ec7-3337-4f55-bdc1-12f72678948c.tmp</t>
  </si>
  <si>
    <t>\\acsfs\profiles$\sarahbal\Downloads\51f74ec7-3337-4f55-bdc1-12f72678948c.tmp</t>
  </si>
  <si>
    <t>01/20/2020 07:30:00</t>
  </si>
  <si>
    <t>25b14571-fb62-4536-9ad5-000de05df111.tmp</t>
  </si>
  <si>
    <t>\\acsfs\profiles$\sarahbal\Downloads\25b14571-fb62-4536-9ad5-000de05df111.tmp</t>
  </si>
  <si>
    <t>01/20/2020 07:30:59</t>
  </si>
  <si>
    <t>01/20/2020 07:33:17</t>
  </si>
  <si>
    <t>01/20/2020 07:29:19</t>
  </si>
  <si>
    <t>9023cac7-e89a-4420-af7b-bb8fe40ac596.tmp</t>
  </si>
  <si>
    <t>\\acsfs\profiles$\rafaelamsv\Downloads\9023cac7-e89a-4420-af7b-bb8fe40ac596.tmp</t>
  </si>
  <si>
    <t>e90f7841-1d9d-460f-b9b5-3c20e9491062.tmp</t>
  </si>
  <si>
    <t>\\acsfs\profiles$\rafaelamsv\Downloads\e90f7841-1d9d-460f-b9b5-3c20e9491062.tmp</t>
  </si>
  <si>
    <t>01/20/2020 07:29:59</t>
  </si>
  <si>
    <t>01/20/2020 07:34:18</t>
  </si>
  <si>
    <t>01/20/2020 07:35:17</t>
  </si>
  <si>
    <t>01/20/2020 07:29:57</t>
  </si>
  <si>
    <t>01/20/2020 07:33:59</t>
  </si>
  <si>
    <t>eb876e88-7c3e-496d-a74a-fa9e9ba46a88.tmp</t>
  </si>
  <si>
    <t>\\acsfs\profiles$\marcosvnds\Downloads\eb876e88-7c3e-496d-a74a-fa9e9ba46a88.tmp</t>
  </si>
  <si>
    <t>a9861074-78a2-43a6-8c55-fc0273e2c062.tmp</t>
  </si>
  <si>
    <t>\\acsfs\profiles$\marcosvnds\Downloads\a9861074-78a2-43a6-8c55-fc0273e2c062.tmp</t>
  </si>
  <si>
    <t>01/20/2020 07:34:25</t>
  </si>
  <si>
    <t>b65dead3-0c30-4ed7-aa5d-e56e625f5334.tmp</t>
  </si>
  <si>
    <t>\\acsfs\profiles$\marcosvnds\Downloads\b65dead3-0c30-4ed7-aa5d-e56e625f5334.tmp</t>
  </si>
  <si>
    <t>01/20/2020 07:36:18</t>
  </si>
  <si>
    <t>01/20/2020 07:32:44</t>
  </si>
  <si>
    <t>01/20/2020 07:37:17</t>
  </si>
  <si>
    <t>10.200.67.9</t>
  </si>
  <si>
    <t>01/20/2020 07:32:45</t>
  </si>
  <si>
    <t>01/20/2020 07:32:46</t>
  </si>
  <si>
    <t>01/20/2020 07:32:47</t>
  </si>
  <si>
    <t>01/20/2020 07:32:48</t>
  </si>
  <si>
    <t>01/20/2020 07:32:49</t>
  </si>
  <si>
    <t>01/20/2020 07:32:50</t>
  </si>
  <si>
    <t>01/20/2020 07:32:51</t>
  </si>
  <si>
    <t>01/20/2020 07:32:52</t>
  </si>
  <si>
    <t>01/20/2020 07:32:53</t>
  </si>
  <si>
    <t>01/20/2020 07:32:54</t>
  </si>
  <si>
    <t>01/20/2020 07:32:55</t>
  </si>
  <si>
    <t>01/20/2020 07:32:56</t>
  </si>
  <si>
    <t>01/20/2020 07:32:57</t>
  </si>
  <si>
    <t>01/20/2020 07:32:58</t>
  </si>
  <si>
    <t>01/20/2020 07:32:59</t>
  </si>
  <si>
    <t>01/20/2020 07:33:00</t>
  </si>
  <si>
    <t>01/20/2020 07:33:01</t>
  </si>
  <si>
    <t>01/20/2020 07:33:02</t>
  </si>
  <si>
    <t>01/20/2020 07:33:03</t>
  </si>
  <si>
    <t>01/20/2020 07:33:04</t>
  </si>
  <si>
    <t>01/20/2020 07:33:05</t>
  </si>
  <si>
    <t>01/20/2020 07:33:06</t>
  </si>
  <si>
    <t>01/20/2020 07:33:07</t>
  </si>
  <si>
    <t>01/20/2020 07:33:08</t>
  </si>
  <si>
    <t>01/20/2020 07:33:09</t>
  </si>
  <si>
    <t>01/20/2020 07:33:10</t>
  </si>
  <si>
    <t>01/20/2020 07:33:11</t>
  </si>
  <si>
    <t>01/20/2020 07:33:24</t>
  </si>
  <si>
    <t>01/20/2020 07:33:54</t>
  </si>
  <si>
    <t>01/20/2020 07:36:28</t>
  </si>
  <si>
    <t>2798088f-1d1c-4cc3-8bee-36e2c92bb8ef.tmp</t>
  </si>
  <si>
    <t>\\acsfs\profiles$\vivianalds\Downloads\2798088f-1d1c-4cc3-8bee-36e2c92bb8ef.tmp</t>
  </si>
  <si>
    <t>01/20/2020 07:35:50</t>
  </si>
  <si>
    <t>01/20/2020 07:40:18</t>
  </si>
  <si>
    <t>d737c422-95c6-4460-b694-29bd9b7e894e.tmp</t>
  </si>
  <si>
    <t>\\acsfs\profiles$\marcosvnds\Downloads\d737c422-95c6-4460-b694-29bd9b7e894e.tmp</t>
  </si>
  <si>
    <t>01/20/2020 07:36:10</t>
  </si>
  <si>
    <t>eb3d405a-873a-4044-aca4-02854d6a3b49.tmp</t>
  </si>
  <si>
    <t>\\acsfs\profiles$\marcosvnds\Downloads\eb3d405a-873a-4044-aca4-02854d6a3b49.tmp</t>
  </si>
  <si>
    <t>01/20/2020 07:41:17</t>
  </si>
  <si>
    <t>01/20/2020 07:39:54</t>
  </si>
  <si>
    <t>01/20/2020 07:42:18</t>
  </si>
  <si>
    <t>01/20/2020 07:40:24</t>
  </si>
  <si>
    <t>01/20/2020 07:40:54</t>
  </si>
  <si>
    <t>01/20/2020 07:41:24</t>
  </si>
  <si>
    <t>01/20/2020 07:37:56</t>
  </si>
  <si>
    <t>dd4bc632-fdf7-449f-bdf4-fb6882bf6190.tmp</t>
  </si>
  <si>
    <t>\\acsfs\profiles$\vivianalds\Downloads\dd4bc632-fdf7-449f-bdf4-fb6882bf6190.tmp</t>
  </si>
  <si>
    <t>01/20/2020 07:40:06</t>
  </si>
  <si>
    <t>01/20/2020 07:40:08</t>
  </si>
  <si>
    <t>lu10556ftvj.tmp</t>
  </si>
  <si>
    <t>\\acsfs\profiles$\VIVIANALDS\My Documents\lu10556ftvj.tmp</t>
  </si>
  <si>
    <t>\\acsfs\profiles$\VIVIANALDS\My Documents\lu10556ftvj.tmp\</t>
  </si>
  <si>
    <t>\\acsfs\profiles$\VIVIANALDS\My Documents\lu10556ftvj.tmp\META-INF\</t>
  </si>
  <si>
    <t>\\acsfs\profiles$\VIVIANALDS\My Documents\lu10556ftvj.tmp\Thumbnails\</t>
  </si>
  <si>
    <t>01/20/2020 07:45:17</t>
  </si>
  <si>
    <t>01/20/2020 07:43:27</t>
  </si>
  <si>
    <t>01/20/2020 07:46:18</t>
  </si>
  <si>
    <t>01/20/2020 07:43:54</t>
  </si>
  <si>
    <t>01/20/2020 07:47:18</t>
  </si>
  <si>
    <t>01/20/2020 07:44:24</t>
  </si>
  <si>
    <t>01/20/2020 07:45:54</t>
  </si>
  <si>
    <t>01/20/2020 07:46:50</t>
  </si>
  <si>
    <t>c0f1accd-a006-40bd-85f1-4420dc411242.tmp</t>
  </si>
  <si>
    <t>\\acsfs\profiles$\wenderbnm\Downloads\c0f1accd-a006-40bd-85f1-4420dc411242.tmp</t>
  </si>
  <si>
    <t>01/20/2020 07:49:17</t>
  </si>
  <si>
    <t>01/20/2020 07:47:27</t>
  </si>
  <si>
    <t>255f5807-f512-4b17-b7c5-7f2f6637b57a.tmp</t>
  </si>
  <si>
    <t>\\acsfs\profiles$\anafsb\Downloads\255f5807-f512-4b17-b7c5-7f2f6637b57a.tmp</t>
  </si>
  <si>
    <t>01/20/2020 07:47:44</t>
  </si>
  <si>
    <t>01/20/2020 07:50:18</t>
  </si>
  <si>
    <t>01/20/2020 07:47:49</t>
  </si>
  <si>
    <t>01/20/2020 07:47:52</t>
  </si>
  <si>
    <t>01/20/2020 07:46:32</t>
  </si>
  <si>
    <t>01/20/2020 07:51:17</t>
  </si>
  <si>
    <t>01/20/2020 07:51:34</t>
  </si>
  <si>
    <t>01/20/2020 07:52:17</t>
  </si>
  <si>
    <t>45a0169b-60ea-40c3-9021-839407620928.tmp</t>
  </si>
  <si>
    <t>\\acsfs\profiles$\lorrainerdl\Downloads\45a0169b-60ea-40c3-9021-839407620928.tmp</t>
  </si>
  <si>
    <t>01/20/2020 07:48:02</t>
  </si>
  <si>
    <t>7d86c9a7-85e7-44ba-83ef-16796c7be382.tmp</t>
  </si>
  <si>
    <t>\\acsfs\profiles$\wenderbnm\Downloads\7d86c9a7-85e7-44ba-83ef-16796c7be382.tmp</t>
  </si>
  <si>
    <t>01/20/2020 07:49:11</t>
  </si>
  <si>
    <t>01/20/2020 07:54:17</t>
  </si>
  <si>
    <t>e1173df0-d51c-4124-946d-7b2b4b709274.tmp</t>
  </si>
  <si>
    <t>\\acsfs\profiles$\felipetds\Downloads\e1173df0-d51c-4124-946d-7b2b4b709274.tmp</t>
  </si>
  <si>
    <t>01/20/2020 07:50:07</t>
  </si>
  <si>
    <t>1025edeb-4892-4ee6-ab3b-17097919bd7f.tmp</t>
  </si>
  <si>
    <t>\\acsfs\profiles$\felipetds\Downloads\1025edeb-4892-4ee6-ab3b-17097919bd7f.tmp</t>
  </si>
  <si>
    <t>valeriasda</t>
  </si>
  <si>
    <t>\\acsfs\profiles$\valeriasda\My Documents\My Pictures\</t>
  </si>
  <si>
    <t>\\acsfs\profiles$\valeriasda\My Documents\My Videos\desktop.ini</t>
  </si>
  <si>
    <t>01/20/2020 07:49:20</t>
  </si>
  <si>
    <t>\\acsfs\profiles$\valeriasda\My Documents\My Videos\</t>
  </si>
  <si>
    <t>01/20/2020 07:49:21</t>
  </si>
  <si>
    <t>01/20/2020 07:49:22</t>
  </si>
  <si>
    <t>01/20/2020 07:49:23</t>
  </si>
  <si>
    <t>01/20/2020 07:49:24</t>
  </si>
  <si>
    <t>\\acsfs\profiles$\valeriasda\My Documents\My Music\</t>
  </si>
  <si>
    <t>\\acsfs\profiles$\valeriasda\My Documents\My Pictures\desktop.ini</t>
  </si>
  <si>
    <t>01/20/2020 07:49:25</t>
  </si>
  <si>
    <t>01/20/2020 07:49:26</t>
  </si>
  <si>
    <t>01/20/2020 07:49:27</t>
  </si>
  <si>
    <t>\\acsfs\profiles$\valeriasda\Contacts\</t>
  </si>
  <si>
    <t>\\acsfs\profiles$\valeriasda\Contacts\desktop.ini</t>
  </si>
  <si>
    <t>01/20/2020 07:49:28</t>
  </si>
  <si>
    <t>01/20/2020 07:49:30</t>
  </si>
  <si>
    <t>01/20/2020 07:49:31</t>
  </si>
  <si>
    <t>01/20/2020 07:49:32</t>
  </si>
  <si>
    <t>01/20/2020 07:49:33</t>
  </si>
  <si>
    <t>01/20/2020 07:49:34</t>
  </si>
  <si>
    <t>\\acsfs\profiles$\valeriasda\My Documents\</t>
  </si>
  <si>
    <t>\\acsfs\profiles$\valeriasda\Favorites\desktop.ini</t>
  </si>
  <si>
    <t>01/20/2020 07:49:35</t>
  </si>
  <si>
    <t>01/20/2020 07:49:37</t>
  </si>
  <si>
    <t>01/20/2020 07:49:39</t>
  </si>
  <si>
    <t>01/20/2020 07:49:42</t>
  </si>
  <si>
    <t>01/20/2020 07:49:43</t>
  </si>
  <si>
    <t>01/20/2020 07:49:44</t>
  </si>
  <si>
    <t>\\acsfs\profiles$\valeriasda\My Documents\My Music\desktop.ini</t>
  </si>
  <si>
    <t>01/20/2020 07:49:46</t>
  </si>
  <si>
    <t>01/20/2020 07:49:47</t>
  </si>
  <si>
    <t>01/20/2020 07:49:48</t>
  </si>
  <si>
    <t>01/20/2020 07:49:50</t>
  </si>
  <si>
    <t>\\acsfs\profiles$\valeriasda\Searches\</t>
  </si>
  <si>
    <t>\\acsfs\profiles$\valeriasda\Searches\desktop.ini</t>
  </si>
  <si>
    <t>01/20/2020 07:49:51</t>
  </si>
  <si>
    <t>01/20/2020 07:49:52</t>
  </si>
  <si>
    <t>01/20/2020 07:49:53</t>
  </si>
  <si>
    <t>01/20/2020 07:49:54</t>
  </si>
  <si>
    <t>\\acsfs\profiles$\valeriasda\Downloads\</t>
  </si>
  <si>
    <t>\\acsfs\profiles$\valeriasda\Downloads\desktop.ini</t>
  </si>
  <si>
    <t>01/20/2020 07:49:55</t>
  </si>
  <si>
    <t>01/20/2020 07:49:56</t>
  </si>
  <si>
    <t>\\acsfs\profiles$\valeriasda\Favorites\</t>
  </si>
  <si>
    <t>\\acsfs\profiles$\valeriasda\My Documents\desktop.ini</t>
  </si>
  <si>
    <t>01/20/2020 07:49:57</t>
  </si>
  <si>
    <t>01/20/2020 07:49:58</t>
  </si>
  <si>
    <t>01/20/2020 07:50:00</t>
  </si>
  <si>
    <t>01/20/2020 07:50:02</t>
  </si>
  <si>
    <t>01/20/2020 07:50:03</t>
  </si>
  <si>
    <t>\\acsfs\profiles$\valeriasda\Saved Games\desktop.ini</t>
  </si>
  <si>
    <t>01/20/2020 07:50:05</t>
  </si>
  <si>
    <t>01/20/2020 07:50:22</t>
  </si>
  <si>
    <t>winrt--{S-1-5-21-602162358-764733703-839522115-352947}-.searchconnector-ms</t>
  </si>
  <si>
    <t>\\acsfs\profiles$\valeriasda\Searches\winrt--{S-1-5-21-602162358-764733703-839522115-352947}-.searchconnector-ms</t>
  </si>
  <si>
    <t>01/20/2020 07:52:15</t>
  </si>
  <si>
    <t>01/20/2020 07:55:18</t>
  </si>
  <si>
    <t>1f54eb7b-8195-4f17-af94-fb30d2fa6b8f.tmp</t>
  </si>
  <si>
    <t>\\acsfs\profiles$\dhiulliananads\Downloads\1f54eb7b-8195-4f17-af94-fb30d2fa6b8f.tmp</t>
  </si>
  <si>
    <t>01/20/2020 07:50:24</t>
  </si>
  <si>
    <t>01/20/2020 07:50:41</t>
  </si>
  <si>
    <t>01/20/2020 07:51:27</t>
  </si>
  <si>
    <t>01/20/2020 07:53:10</t>
  </si>
  <si>
    <t>01/20/2020 07:53:12</t>
  </si>
  <si>
    <t>01/20/2020 07:53:26</t>
  </si>
  <si>
    <t>01/20/2020 07:54:43</t>
  </si>
  <si>
    <t>01/20/2020 07:50:13</t>
  </si>
  <si>
    <t>01/20/2020 07:50:28</t>
  </si>
  <si>
    <t>mail.google.com/sync/u/0/i/s?hl=pt-BR&amp;c=1346</t>
  </si>
  <si>
    <t>01/20/2020 07:50:38</t>
  </si>
  <si>
    <t>01/20/2020 07:53:09</t>
  </si>
  <si>
    <t>cceb97ea-2220-4f62-949c-fbac5f358414.tmp</t>
  </si>
  <si>
    <t>\\acsfs\profiles$\nayarasds\Downloads\cceb97ea-2220-4f62-949c-fbac5f358414.tmp</t>
  </si>
  <si>
    <t>01/20/2020 07:54:20</t>
  </si>
  <si>
    <t>efb1dfe6-dd97-4f92-9844-c6449b924e27.tmp</t>
  </si>
  <si>
    <t>\\acsfs\profiles$\nayarasds\Downloads\efb1dfe6-dd97-4f92-9844-c6449b924e27.tmp</t>
  </si>
  <si>
    <t>01/20/2020 07:54:26</t>
  </si>
  <si>
    <t>376465ff-9184-4b3a-bd1d-f2ce117a0374.tmp</t>
  </si>
  <si>
    <t>\\acsfs\profiles$\nayarasds\Downloads\376465ff-9184-4b3a-bd1d-f2ce117a0374.tmp</t>
  </si>
  <si>
    <t>01/20/2020 07:56:17</t>
  </si>
  <si>
    <t>01/20/2020 07:51:36</t>
  </si>
  <si>
    <t>01/20/2020 07:51:37</t>
  </si>
  <si>
    <t>01/20/2020 07:51:38</t>
  </si>
  <si>
    <t>01/20/2020 07:51:39</t>
  </si>
  <si>
    <t>01/20/2020 07:51:40</t>
  </si>
  <si>
    <t>01/20/2020 07:51:41</t>
  </si>
  <si>
    <t>01/20/2020 07:51:42</t>
  </si>
  <si>
    <t>01/20/2020 07:51:43</t>
  </si>
  <si>
    <t>01/20/2020 07:51:44</t>
  </si>
  <si>
    <t>01/20/2020 07:51:45</t>
  </si>
  <si>
    <t>01/20/2020 07:51:46</t>
  </si>
  <si>
    <t>01/20/2020 07:51:47</t>
  </si>
  <si>
    <t>01/20/2020 07:51:48</t>
  </si>
  <si>
    <t>01/20/2020 07:51:49</t>
  </si>
  <si>
    <t>01/20/2020 07:51:50</t>
  </si>
  <si>
    <t>01/20/2020 07:51:51</t>
  </si>
  <si>
    <t>01/20/2020 07:51:52</t>
  </si>
  <si>
    <t>01/20/2020 07:51:53</t>
  </si>
  <si>
    <t>01/20/2020 07:51:54</t>
  </si>
  <si>
    <t>01/20/2020 07:51:55</t>
  </si>
  <si>
    <t>01/20/2020 07:51:56</t>
  </si>
  <si>
    <t>01/20/2020 07:51:57</t>
  </si>
  <si>
    <t>01/20/2020 07:51:58</t>
  </si>
  <si>
    <t>ff78a31d-404f-45c9-a3fc-531f276c5911.tmp</t>
  </si>
  <si>
    <t>\\acsfs\profiles$\ERICALSR\Downloads\ff78a31d-404f-45c9-a3fc-531f276c5911.tmp</t>
  </si>
  <si>
    <t>01/20/2020 07:52:51</t>
  </si>
  <si>
    <t>37527893-d8ee-4f14-bcfd-13594c828575.tmp</t>
  </si>
  <si>
    <t>\\acsfs\profiles$\ERICALSR\Downloads\37527893-d8ee-4f14-bcfd-13594c828575.tmp</t>
  </si>
  <si>
    <t>01/20/2020 07:54:24</t>
  </si>
  <si>
    <t>01/20/2020 07:57:18</t>
  </si>
  <si>
    <t>01/20/2020 07:54:07</t>
  </si>
  <si>
    <t>01/20/2020 07:58:17</t>
  </si>
  <si>
    <t>01/20/2020 07:54:09</t>
  </si>
  <si>
    <t>01/20/2020 08:00:17</t>
  </si>
  <si>
    <t>01/20/2020 07:55:13</t>
  </si>
  <si>
    <t>01/20/2020 07:55:16</t>
  </si>
  <si>
    <t>01/20/2020 07:55:40</t>
  </si>
  <si>
    <t>01/20/2020 07:55:46</t>
  </si>
  <si>
    <t>01/20/2020 07:55:52</t>
  </si>
  <si>
    <t>01/20/2020 07:55:34</t>
  </si>
  <si>
    <t>a6dd7378-5c4d-4868-a388-fdaa95848d95.tmp</t>
  </si>
  <si>
    <t>\\acsfs\profiles$\marcosvnds\Downloads\a6dd7378-5c4d-4868-a388-fdaa95848d95.tmp</t>
  </si>
  <si>
    <t>01/20/2020 07:56:08</t>
  </si>
  <si>
    <t>cb965a43-5782-42c9-8f6f-bd6f0826e7c0.tmp</t>
  </si>
  <si>
    <t>\\acsfs\profiles$\nayarasds\Downloads\cb965a43-5782-42c9-8f6f-bd6f0826e7c0.tmp</t>
  </si>
  <si>
    <t>01/20/2020 08:01:18</t>
  </si>
  <si>
    <t>01/20/2020 07:57:57</t>
  </si>
  <si>
    <t>01/20/2020 08:02:17</t>
  </si>
  <si>
    <t>0f691ce9-69b6-4eb8-a734-3a1c0e64442d.tmp</t>
  </si>
  <si>
    <t>\\acsfs\profiles$\ANAPDSB\Downloads\0f691ce9-69b6-4eb8-a734-3a1c0e64442d.tmp</t>
  </si>
  <si>
    <t>01/20/2020 07:58:03</t>
  </si>
  <si>
    <t>01/20/2020 08:00:40</t>
  </si>
  <si>
    <t>01/20/2020 08:00:54</t>
  </si>
  <si>
    <t>c7d70825-084f-4f6e-9d77-828152a85438.tmp</t>
  </si>
  <si>
    <t>\\acsfs\profiles$\ANAPDSB\Downloads\c7d70825-084f-4f6e-9d77-828152a85438.tmp</t>
  </si>
  <si>
    <t>01/20/2020 08:01:05</t>
  </si>
  <si>
    <t>01/20/2020 08:00:29</t>
  </si>
  <si>
    <t>01/20/2020 08:03:17</t>
  </si>
  <si>
    <t>10.200.66.11</t>
  </si>
  <si>
    <t>ulog_AcroARM2_Reader_22bb18ef-a0cc-4985-b2f1-d8449a05e1d0_3c36c16b-1fdb-4ff7-9b00-fe6752ca3ac9_0.log</t>
  </si>
  <si>
    <t>C:\Users\Jordanarb\AppData\Roaming\Adobe\LogTransport2\Logs\ulog_AcroARM2_Reader_22bb18ef-a0cc-4985-b2f1-d8449a05e1d0_3c36c16b-1fdb-4ff7-9b00-fe6752ca3ac9_0.log\</t>
  </si>
  <si>
    <t>01/20/2020 07:59:34</t>
  </si>
  <si>
    <t>01/20/2020 08:01:48</t>
  </si>
  <si>
    <t>bc2b3584-2947-4a93-ae26-7e1c2443ecd1.tmp</t>
  </si>
  <si>
    <t>\\acsfs\profiles$\maxmillianosv\Downloads\bc2b3584-2947-4a93-ae26-7e1c2443ecd1.tmp</t>
  </si>
  <si>
    <t>01/20/2020 07:58:27</t>
  </si>
  <si>
    <t>82c73928-4fd4-4112-a1a4-f1d6a44627fe.tmp</t>
  </si>
  <si>
    <t>\\acsfs\profiles$\paulovadc\Downloads\82c73928-4fd4-4112-a1a4-f1d6a44627fe.tmp</t>
  </si>
  <si>
    <t>01/20/2020 08:00:06</t>
  </si>
  <si>
    <t>134de75a-ed4f-4840-b9ab-cc3d4638f8f7.tmp</t>
  </si>
  <si>
    <t>\\acsfs\profiles$\paulovadc\Downloads\134de75a-ed4f-4840-b9ab-cc3d4638f8f7.tmp</t>
  </si>
  <si>
    <t>01/20/2020 07:59:07</t>
  </si>
  <si>
    <t>01/20/2020 08:04:17</t>
  </si>
  <si>
    <t>dbc20727-8fee-4f39-bdb4-d8368584c2fd.tmp</t>
  </si>
  <si>
    <t>\\acsfs\profiles$\luanarda\Downloads\dbc20727-8fee-4f39-bdb4-d8368584c2fd.tmp</t>
  </si>
  <si>
    <t>01/20/2020 08:01:24</t>
  </si>
  <si>
    <t>e5386b28-7829-437e-825d-c51943b56c3f.tmp</t>
  </si>
  <si>
    <t>\\acsfs\profiles$\luanarda\Downloads\e5386b28-7829-437e-825d-c51943b56c3f.tmp</t>
  </si>
  <si>
    <t>01/20/2020 08:02:35</t>
  </si>
  <si>
    <t>7b5f63d4-ed1a-4355-bf3e-ce0f6922b585.tmp</t>
  </si>
  <si>
    <t>\\acsfs\profiles$\geovannasm\Downloads\7b5f63d4-ed1a-4355-bf3e-ce0f6922b585.tmp</t>
  </si>
  <si>
    <t>01/20/2020 07:59:14</t>
  </si>
  <si>
    <t>f1c4e12e-94a0-45ea-bc09-bf909ff79f05.tmp</t>
  </si>
  <si>
    <t>\\acsfs\profiles$\geovannasm\Downloads\f1c4e12e-94a0-45ea-bc09-bf909ff79f05.tmp</t>
  </si>
  <si>
    <t>8bac4cdf-1d22-4e65-8592-a0bf9651db06.tmp</t>
  </si>
  <si>
    <t>\\acsfs\profiles$\geovannasm\Downloads\8bac4cdf-1d22-4e65-8592-a0bf9651db06.tmp</t>
  </si>
  <si>
    <t>01/20/2020 07:59:39</t>
  </si>
  <si>
    <t>79bb7745-2ffe-485e-9d58-6fa69fd3239d.tmp</t>
  </si>
  <si>
    <t>\\acsfs\profiles$\geovannasm\Downloads\79bb7745-2ffe-485e-9d58-6fa69fd3239d.tmp</t>
  </si>
  <si>
    <t>01/20/2020 07:59:45</t>
  </si>
  <si>
    <t>f17b50d8-56cf-49b5-a596-741ee56af94c.tmp</t>
  </si>
  <si>
    <t>\\acsfs\profiles$\geovannasm\Downloads\f17b50d8-56cf-49b5-a596-741ee56af94c.tmp</t>
  </si>
  <si>
    <t>01/20/2020 07:59:51</t>
  </si>
  <si>
    <t>cbd1eb72-8417-4e25-9fb7-0c5b599e7742.tmp</t>
  </si>
  <si>
    <t>\\acsfs\profiles$\geovannasm\Downloads\cbd1eb72-8417-4e25-9fb7-0c5b599e7742.tmp</t>
  </si>
  <si>
    <t>01/20/2020 07:59:13</t>
  </si>
  <si>
    <t>c7125c44-21f6-4da6-a6f1-5085533a0ad2.tmp</t>
  </si>
  <si>
    <t>\\acsfs\profiles$\RAFAELRF\Downloads\c7125c44-21f6-4da6-a6f1-5085533a0ad2.tmp</t>
  </si>
  <si>
    <t>01/20/2020 08:00:03</t>
  </si>
  <si>
    <t>dc175817-aef3-4d1a-9ae5-56a0d60d7163.tmp</t>
  </si>
  <si>
    <t>\\acsfs\profiles$\RAFAELRF\Downloads\dc175817-aef3-4d1a-9ae5-56a0d60d7163.tmp</t>
  </si>
  <si>
    <t>01/20/2020 08:01:00</t>
  </si>
  <si>
    <t>fc8a01be-0408-4fe9-8dac-6d132653975b.tmp</t>
  </si>
  <si>
    <t>\\acsfs\profiles$\RAFAELRF\Downloads\fc8a01be-0408-4fe9-8dac-6d132653975b.tmp</t>
  </si>
  <si>
    <t>01/20/2020 08:03:15</t>
  </si>
  <si>
    <t>01/20/2020 08:05:17</t>
  </si>
  <si>
    <t>e9039a84-071a-4dd4-ad3b-e24f092bf422.tmp</t>
  </si>
  <si>
    <t>\\acsfs\profiles$\wedersonbadr\My Documents\My Music\e9039a84-071a-4dd4-ad3b-e24f092bf422.tmp</t>
  </si>
  <si>
    <t>01/20/2020 08:02:19</t>
  </si>
  <si>
    <t>01/20/2020 08:02:31</t>
  </si>
  <si>
    <t>joaogvc@algartech.com;katia.cardoso@bv.com.br;marianadjc@algartech.com;planejamentodeoperacoesetrafego@bv.com.br;rafaelggs@algartech.com;raphaelmco@algartech.com.br;ricardodfm@algartech.com.br;taysdss@algartech.com;viniciussg@algartech.com;</t>
  </si>
  <si>
    <t>joaogvc@algartech.com,katia.cardoso@bv.com.br,marianadjc@algartech.com,planejamentodeoperacoesetrafego@bv.com.br,rafaelggs@algartech.com,raphaelmco@algartech.com.br,ricardodfm@algartech.com.br,taysdss@algartech.com,viniciussg@algartech.com</t>
  </si>
  <si>
    <t>01/20/2020 08:02:37</t>
  </si>
  <si>
    <t>01/20/2020 08:03:06</t>
  </si>
  <si>
    <t>01/20/2020 08:03:08</t>
  </si>
  <si>
    <t>01/20/2020 08:03:13</t>
  </si>
  <si>
    <t>01/20/2020 08:03:58</t>
  </si>
  <si>
    <t>01/20/2020 08:01:31</t>
  </si>
  <si>
    <t>01/20/2020 08:06:18</t>
  </si>
  <si>
    <t>5f315c6c-a08b-4831-8783-597f3c70ff2b.tmp</t>
  </si>
  <si>
    <t>\\acsfs\profiles$\DALVADFB\Downloads\5f315c6c-a08b-4831-8783-597f3c70ff2b.tmp</t>
  </si>
  <si>
    <t>01/20/2020 08:02:51</t>
  </si>
  <si>
    <t>50e1044c-9a6b-4cca-80ae-5d6c77ad8f82.tmp</t>
  </si>
  <si>
    <t>\\acsfs\profiles$\DALVADFB\Downloads\50e1044c-9a6b-4cca-80ae-5d6c77ad8f82.tmp</t>
  </si>
  <si>
    <t>01/20/2020 08:05:24</t>
  </si>
  <si>
    <t>01/20/2020 08:07:17</t>
  </si>
  <si>
    <t>01/20/2020 08:05:54</t>
  </si>
  <si>
    <t>01/20/2020 08:03:22</t>
  </si>
  <si>
    <t>lu10556ftxe.tmp</t>
  </si>
  <si>
    <t>\\acsfs\profiles$\VIVIANALDS\My Documents\lu10556ftxe.tmp</t>
  </si>
  <si>
    <t>\\acsfs\profiles$\VIVIANALDS\My Documents\lu10556ftxe.tmp\</t>
  </si>
  <si>
    <t>\\acsfs\profiles$\VIVIANALDS\My Documents\lu10556ftxe.tmp\META-INF\</t>
  </si>
  <si>
    <t>\\acsfs\profiles$\VIVIANALDS\My Documents\lu10556ftxe.tmp\Thumbnails\</t>
  </si>
  <si>
    <t>01/20/2020 08:03:24</t>
  </si>
  <si>
    <t>01/20/2020 08:03:25</t>
  </si>
  <si>
    <t>lu10556ftxi.tmp</t>
  </si>
  <si>
    <t>\\acsfs\profiles$\VIVIANALDS\My Documents\lu10556ftxi.tmp</t>
  </si>
  <si>
    <t>\\acsfs\profiles$\VIVIANALDS\My Documents\lu10556ftxi.tmp\</t>
  </si>
  <si>
    <t>\\acsfs\profiles$\VIVIANALDS\My Documents\lu10556ftxi.tmp\META-INF\</t>
  </si>
  <si>
    <t>\\acsfs\profiles$\VIVIANALDS\My Documents\lu10556ftxi.tmp\Thumbnails\</t>
  </si>
  <si>
    <t>01/20/2020 08:06:53</t>
  </si>
  <si>
    <t>01/20/2020 08:08:18</t>
  </si>
  <si>
    <t>01/20/2020 08:07:24</t>
  </si>
  <si>
    <t>01/20/2020 08:10:18</t>
  </si>
  <si>
    <t>01/20/2020 08:07:45</t>
  </si>
  <si>
    <t>01/20/2020 08:07:50</t>
  </si>
  <si>
    <t>01/20/2020 08:07:51</t>
  </si>
  <si>
    <t>01/20/2020 08:09:04</t>
  </si>
  <si>
    <t>01/20/2020 08:08:17</t>
  </si>
  <si>
    <t>\\acsfs\DEPTOS\Operacao\Banco_Votorantim\Supervisao\SUPERS BV CARTÕES\ADILSON\Reneg\</t>
  </si>
  <si>
    <t>Modelo Funil - Consolidado Reneg Jan.xlsx</t>
  </si>
  <si>
    <t>\\acsfs\DEPTOS\Operacao\Banco_Votorantim\Supervisao\SUPERS BV CARTÕES\ADILSON\Reneg\Modelo Funil - Consolidado Reneg Jan.xlsx</t>
  </si>
  <si>
    <t>01/20/2020 08:06:24</t>
  </si>
  <si>
    <t>69b4e861-cf47-4b68-bfa1-991048da2af5.tmp</t>
  </si>
  <si>
    <t>\\acsfs\profiles$\gabrielaff\Downloads\69b4e861-cf47-4b68-bfa1-991048da2af5.tmp</t>
  </si>
  <si>
    <t>01/20/2020 08:06:33</t>
  </si>
  <si>
    <t>f029b425-6e34-4f42-9d26-f34f31a8c5da.tmp</t>
  </si>
  <si>
    <t>\\acsfs\profiles$\gabrielaff\Downloads\f029b425-6e34-4f42-9d26-f34f31a8c5da.tmp</t>
  </si>
  <si>
    <t>01/20/2020 08:09:28</t>
  </si>
  <si>
    <t>4e282c41-7eae-4dc4-af2e-eef4292519e3.tmp</t>
  </si>
  <si>
    <t>\\acsfs\profiles$\gabrielaff\Downloads\4e282c41-7eae-4dc4-af2e-eef4292519e3.tmp</t>
  </si>
  <si>
    <t>01/20/2020 08:11:18</t>
  </si>
  <si>
    <t>01/20/2020 08:06:54</t>
  </si>
  <si>
    <t>01/20/2020 08:12:18</t>
  </si>
  <si>
    <t>01/20/2020 08:07:54</t>
  </si>
  <si>
    <t>01/20/2020 08:10:24</t>
  </si>
  <si>
    <t>01/20/2020 08:10:54</t>
  </si>
  <si>
    <t>01/20/2020 08:11:24</t>
  </si>
  <si>
    <t>01/20/2020 08:10:35</t>
  </si>
  <si>
    <t>01/20/2020 08:11:45</t>
  </si>
  <si>
    <t>01/20/2020 08:14:18</t>
  </si>
  <si>
    <t>http:///batch/drive/v2internal?%24ct=multipart%2Fmixed%3B%20boundary%3D%22%3D%3D%3D%3D%3Dp5rcl031fo96%3D%3D%3D%3D%3D%22&amp;key=AIzaSyAy9VVXHSpS2IJpptzYtGbLP3-3_l0aBk4</t>
  </si>
  <si>
    <t>01/20/2020 08:11:50</t>
  </si>
  <si>
    <t>http:///batch/drive/v2internal?%24ct=multipart%2Fmixed%3B%20boundary%3D%22%3D%3D%3D%3D%3D9r06ky2anc4r%3D%3D%3D%3D%3D%22&amp;key=AIzaSyAy9VVXHSpS2IJpptzYtGbLP3-3_l0aBk4</t>
  </si>
  <si>
    <t>01/20/2020 08:11:51</t>
  </si>
  <si>
    <t>http:///batch/drive/v2internal?%24ct=multipart%2Fmixed%3B%20boundary%3D%22%3D%3D%3D%3D%3Di3txv2juvxa5%3D%3D%3D%3D%3D%22&amp;key=AIzaSyAy9VVXHSpS2IJpptzYtGbLP3-3_l0aBk4</t>
  </si>
  <si>
    <t>01/20/2020 08:12:00</t>
  </si>
  <si>
    <t>http:///batch/drive/v2internal?%24ct=multipart%2Fmixed%3B%20boundary%3D%22%3D%3D%3D%3D%3Dw68jqnf5xenw%3D%3D%3D%3D%3D%22&amp;key=AIzaSyAy9VVXHSpS2IJpptzYtGbLP3-3_l0aBk4</t>
  </si>
  <si>
    <t>01/20/2020 08:12:01</t>
  </si>
  <si>
    <t>http:///batch/drive/v2internal?%24ct=multipart%2Fmixed%3B%20boundary%3D%22%3D%3D%3D%3D%3Dpshft5j5h6xc%3D%3D%3D%3D%3D%22&amp;key=AIzaSyAy9VVXHSpS2IJpptzYtGbLP3-3_l0aBk4</t>
  </si>
  <si>
    <t>01/20/2020 08:12:49</t>
  </si>
  <si>
    <t>0;0.371;0.371];0.668;0];1119934;1119994;1133789;11c5m9ycfufsc7krihjn5d9wg8jcyqlqk;12.854];1311374;1344469;1349384;135.741;1388000;1458239;1490604;15.344;15.344];15.552;15.552];1566309;1579518707089000];1579518710252000;1585419;16.82499999878928;1600];1600]];1635744;1904154;1];1ipcp90zh3bnlq_lev_j3ygnaupez3lrz;1jbixp8hst49gqxoi4tlhbh6bjz3hip_e;2.7649999829009175;2.764999��_x0019_�;200];21.464;21.464];21.7;21.7];2152494;2303034;2570084;27.77777777777778];2];3;33.212;33.212];36.380000005010515;37.100000015925616;39.80099502487562;3992744;4;4.515000007813796;4.6950000105425715;4.843;5.179999978281558;5.180000007385388;5.380000016884878;5.9849999961443245;576.7249999917112;589.8999999917578;6.009];6.105000007664785;6.275000021560118;642.7899999835063;655.4199999955017;655.6999999738764;655.8999999833759;655.9649999835528;682.249999983469;683.5599999758415;684.1499999864027;684.5999999786727;685.5299999879207;7;7.195000012870878;7.559999998193234;700";7114769;7117869;717.4299999896903;744.829999981448;745.2399999892805;7</t>
  </si>
  <si>
    <t>http://0,0.371,0.371],0.668,0],1119934,1119994,1133789,11c5m9ycfufsc7krihjn5d9wg8jcyqlqk,12.854],1311374,1344469,1349384,135.741,1388000,1458239,1490604,15.344,15.344],15.552,15.552],1566309,1579518707089000],1579518710252000,1585419,16.82499999878928,1600],1600]],1635744,1904154,1],1ipcp90zh3bnlq_lev_j3ygnaupez3lrz,1jbixp8hst49gqxoi4tlhbh6bjz3hip_e,2.7649999829009175,2.764999��_x0019_�,200],21.464,21.464],21.7,21.7],2152494,2303034,2570084,27.77777777777778],2],3,33.212,33.212],36.380000005010515,37.100000015925616,39.80099502487562,3992744,4,4.515000007813796,4.6950000105425715,4.843,5.179999978281558,5.180000007385388,5.380000016884878,5.9849999961443245,576.7249999917112,589.8999999917578,6.009],6.105000007664785,6.275000021560118,642.7899999835063,655.4199999955017,655.6999999738764,655.8999999833759,655.9649999835528,682.249999983469,683.5599999758415,684.1499999864027,684.5999999786727,685.5299999879207,7,7.195000012870878,7.559999998193234,700",7114769,7117869,717.4299999896903,744.829999981448,745.23999998</t>
  </si>
  <si>
    <t>0;0.371;0.371];0.668;0];104.93000000133179;1044.724999985192;1101.7899999860674;1119934;1119994;1133789;1159.734999993816;11c5m9ycfufsc7krihjn5d9wg8jcyqlqk;12.854];13.568;1311374;1316.9699999853037;1344469;1349384;135.741;1388000;1427.624999982072;1458239;1490604;15.344;15.344];15.552;15.552];1566309;1579518707089000];1579518710252000;1582.777];1585419;16.82499999878928;1600];1600]];1635744;1904154;1];1ipcp90zh3bnlq_lev_j3ygnaupez3lrz;1jbixp8hst49gqxoi4tlhbh6bjz3hip_e;2.7649999829009175;2.764999��_x0019_�;200];21.464;21.464];21.7;21.7];2152494;2303034;248.23999998625368;2570084;27.77777777777778];297.42499999701977;2];3;33.212;33.212];34.940000012284145;36.380000005010515;37.100000015925616;38.459];39.80099502487562;3992744;4;4.515000007813796;4.6950000105425715;4.714999988209456;4.843;5;5.179999978281558;5.180000007385388;5.380000016884878;5.9849999961443245;505.241;576.7249999917112;589.8999999917578;6.009];6.105000007664785;6.275000021560118;642.7899999835063;655.4199999955017;655.6999999738764;655.8999999833759</t>
  </si>
  <si>
    <t>http://0,0.371,0.371],0.668,0],104.93000000133179,1044.724999985192,1101.7899999860674,1119934,1119994,1133789,1159.734999993816,11c5m9ycfufsc7krihjn5d9wg8jcyqlqk,12.854],13.568,1311374,1316.9699999853037,1344469,1349384,135.741,1388000,1427.624999982072,1458239,1490604,15.344,15.344],15.552,15.552],1566309,1579518707089000],1579518710252000,1582.777],1585419,16.82499999878928,1600],1600]],1635744,1904154,1],1ipcp90zh3bnlq_lev_j3ygnaupez3lrz,1jbixp8hst49gqxoi4tlhbh6bjz3hip_e,2.7649999829009175,2.764999��_x0019_�,200],21.464,21.464],21.7,21.7],2152494,2303034,248.23999998625368,2570084,27.77777777777778],297.42499999701977,2],3,33.212,33.212],34.940000012284145,36.380000005010515,37.100000015925616,38.459],39.80099502487562,3992744,4,4.515000007813796,4.6950000105425715,4.714999988209456,4.843,5,5.179999978281558,5.180000007385388,5.380000016884878,5.9849999961443245,505.241,576.7249999917112,589.8999999917578,6.009],6.105000007664785,6.275000021560118,642.7899999835063,655.4199999955017,655.6999999738764,655.899999</t>
  </si>
  <si>
    <t>01/20/2020 08:12:12</t>
  </si>
  <si>
    <t>b483a777-01fd-442d-894e-f99690812b46.tmp</t>
  </si>
  <si>
    <t>\\acsfs\profiles$\geovannasm\Downloads\b483a777-01fd-442d-894e-f99690812b46.tmp</t>
  </si>
  <si>
    <t>01/20/2020 08:15:17</t>
  </si>
  <si>
    <t>01/20/2020 08:10:16</t>
  </si>
  <si>
    <t>0f368d3b-78b0-4df4-8cdf-5d7ae60993c5.tmp</t>
  </si>
  <si>
    <t>\\acsfs\profiles$\quindaizaagds\Downloads\0f368d3b-78b0-4df4-8cdf-5d7ae60993c5.tmp</t>
  </si>
  <si>
    <t>01/20/2020 08:11:28</t>
  </si>
  <si>
    <t>b539a808-b4d6-4000-9736-9d85744c25e1.tmp</t>
  </si>
  <si>
    <t>\\acsfs\profiles$\quindaizaagds\Downloads\b539a808-b4d6-4000-9736-9d85744c25e1.tmp</t>
  </si>
  <si>
    <t>01/20/2020 08:14:42</t>
  </si>
  <si>
    <t>01/20/2020 08:14:44</t>
  </si>
  <si>
    <t>01/20/2020 08:10:15</t>
  </si>
  <si>
    <t>80e65cb9-cc47-4db7-a702-f408e4fcc9ba.tmp</t>
  </si>
  <si>
    <t>\\acsfs\profiles$\nayarasds\Downloads\80e65cb9-cc47-4db7-a702-f408e4fcc9ba.tmp</t>
  </si>
  <si>
    <t>01/20/2020 08:16:18</t>
  </si>
  <si>
    <t>01/20/2020 08:12:03</t>
  </si>
  <si>
    <t>b57541d0-4dfb-4172-803c-fcaee020e76e.tmp</t>
  </si>
  <si>
    <t>\\acsfs\profiles$\ERICALSR\Downloads\b57541d0-4dfb-4172-803c-fcaee020e76e.tmp</t>
  </si>
  <si>
    <t>01/20/2020 08:12:34</t>
  </si>
  <si>
    <t>67be4d21-43d7-49db-bc31-e36bf2fcbea8.tmp</t>
  </si>
  <si>
    <t>\\acsfs\profiles$\sarahbal\Downloads\67be4d21-43d7-49db-bc31-e36bf2fcbea8.tmp</t>
  </si>
  <si>
    <t>01/20/2020 08:11:54</t>
  </si>
  <si>
    <t>01/20/2020 08:17:18</t>
  </si>
  <si>
    <t>01/20/2020 08:12:24</t>
  </si>
  <si>
    <t>01/20/2020 08:15:24</t>
  </si>
  <si>
    <t>01/20/2020 08:15:54</t>
  </si>
  <si>
    <t>01/20/2020 08:16:24</t>
  </si>
  <si>
    <t>01/20/2020 08:12:06</t>
  </si>
  <si>
    <t>e53c7f2c-ef33-415e-8ae9-5fac75fc59dc.tmp</t>
  </si>
  <si>
    <t>\\acsfs\profiles$\Angelicacldr\Downloads\e53c7f2c-ef33-415e-8ae9-5fac75fc59dc.tmp</t>
  </si>
  <si>
    <t>01/20/2020 08:12:15</t>
  </si>
  <si>
    <t>16a20472-3737-4c65-92df-a13894b35901.tmp</t>
  </si>
  <si>
    <t>\\acsfs\profiles$\Angelicacldr\Downloads\16a20472-3737-4c65-92df-a13894b35901.tmp</t>
  </si>
  <si>
    <t>01/20/2020 08:14:56</t>
  </si>
  <si>
    <t>67060039-cd40-4caf-9992-5f40da3e8735.tmp</t>
  </si>
  <si>
    <t>\\acsfs\profiles$\Angelicacldr\Downloads\67060039-cd40-4caf-9992-5f40da3e8735.tmp</t>
  </si>
  <si>
    <t>01/20/2020 08:15:27</t>
  </si>
  <si>
    <t>579ccd62-872e-4a44-89dd-0a9f4cf6ef63.tmp</t>
  </si>
  <si>
    <t>\\acsfs\profiles$\Angelicacldr\Downloads\579ccd62-872e-4a44-89dd-0a9f4cf6ef63.tmp</t>
  </si>
  <si>
    <t>01/20/2020 08:13:43</t>
  </si>
  <si>
    <t>23cf49e2-6c9a-4dc6-84f3-f5244a542850.tmp</t>
  </si>
  <si>
    <t>\\acsfs\profiles$\antoniosva\Downloads\23cf49e2-6c9a-4dc6-84f3-f5244a542850.tmp</t>
  </si>
  <si>
    <t>01/20/2020 08:14:41</t>
  </si>
  <si>
    <t>1d5ba815-6446-40c5-9512-15327b661d4e.tmp</t>
  </si>
  <si>
    <t>\\acsfs\profiles$\antoniosva\Downloads\1d5ba815-6446-40c5-9512-15327b661d4e.tmp</t>
  </si>
  <si>
    <t>01/20/2020 08:15:12</t>
  </si>
  <si>
    <t>98da4335-e18f-4052-9b2f-030d5d75271c.tmp</t>
  </si>
  <si>
    <t>\\acsfs\profiles$\antoniosva\Downloads\98da4335-e18f-4052-9b2f-030d5d75271c.tmp</t>
  </si>
  <si>
    <t>01/20/2020 08:16:19</t>
  </si>
  <si>
    <t>d518cc6a-4a6d-4d8d-9836-2a386ee5c33a.tmp</t>
  </si>
  <si>
    <t>\\acsfs\profiles$\antoniosva\Downloads\d518cc6a-4a6d-4d8d-9836-2a386ee5c33a.tmp</t>
  </si>
  <si>
    <t>01/20/2020 08:14:12</t>
  </si>
  <si>
    <t>01/20/2020 08:18:19</t>
  </si>
  <si>
    <t>c86c0def-97d0-49d5-846f-a5a33a45bfc1.tmp</t>
  </si>
  <si>
    <t>\\acsfs\profiles$\nathaliarmr\Downloads\c86c0def-97d0-49d5-846f-a5a33a45bfc1.tmp</t>
  </si>
  <si>
    <t>01/20/2020 08:15:19</t>
  </si>
  <si>
    <t>e10517ae-1391-4cb3-a72c-9fc5661ed9c8.tmp</t>
  </si>
  <si>
    <t>\\acsfs\profiles$\nathaliarmr\Downloads\e10517ae-1391-4cb3-a72c-9fc5661ed9c8.tmp</t>
  </si>
  <si>
    <t>01/20/2020 08:15:40</t>
  </si>
  <si>
    <t>01/20/2020 08:19:18</t>
  </si>
  <si>
    <t>01/20/2020 08:16:03</t>
  </si>
  <si>
    <t>01/20/2020 08:16:07</t>
  </si>
  <si>
    <t>01/20/2020 08:16:10</t>
  </si>
  <si>
    <t>01/20/2020 08:16:45</t>
  </si>
  <si>
    <t>01/20/2020 08:17:05</t>
  </si>
  <si>
    <t>01/20/2020 08:17:10</t>
  </si>
  <si>
    <t>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01/20/2020 08:17:12</t>
  </si>
  <si>
    <t>01/20/2020 08:17:58</t>
  </si>
  <si>
    <t>01/20/2020 08:18:02</t>
  </si>
  <si>
    <t>01/20/2020 08:18:07</t>
  </si>
  <si>
    <t>01/20/2020 08:18:11</t>
  </si>
  <si>
    <t>01/20/2020 08:18:21</t>
  </si>
  <si>
    <t>http:///batch/drive/v2internal?%24ct=multipart%2Fmixed%3B%20boundary%3D%22%3D%3D%3D%3D%3Dk7tevn9lhtdo%3D%3D%3D%3D%3D%22&amp;key=AIzaSyAy9VVXHSpS2IJpptzYtGbLP3-3_l0aBk4</t>
  </si>
  <si>
    <t>01/20/2020 08:18:22</t>
  </si>
  <si>
    <t>http:///batch/drive/v2internal?%24ct=multipart%2Fmixed%3B%20boundary%3D%22%3D%3D%3D%3D%3Dd2xe7eu3gdvp%3D%3D%3D%3D%3D%22&amp;key=AIzaSyAy9VVXHSpS2IJpptzYtGbLP3-3_l0aBk4</t>
  </si>
  <si>
    <t>01/20/2020 08:18:23</t>
  </si>
  <si>
    <t>http:///batch/drive/v2internal?%24ct=multipart%2Fmixed%3B%20boundary%3D%22%3D%3D%3D%3D%3Dtdwd9ryj6qss%3D%3D%3D%3D%3D%22&amp;key=AIzaSyAy9VVXHSpS2IJpptzYtGbLP3-3_l0aBk4</t>
  </si>
  <si>
    <t>01/20/2020 08:18:29</t>
  </si>
  <si>
    <t>01/20/2020 08:15:35</t>
  </si>
  <si>
    <t>f0f63809-4b3d-4e96-9c46-bc2081019d00.tmp</t>
  </si>
  <si>
    <t>\\acsfs\profiles$\milenaas\Downloads\f0f63809-4b3d-4e96-9c46-bc2081019d00.tmp</t>
  </si>
  <si>
    <t>01/20/2020 08:17:06</t>
  </si>
  <si>
    <t>d099cd0f-dc35-4f1f-90c4-07c2c22380e5.tmp</t>
  </si>
  <si>
    <t>\\acsfs\profiles$\milenaas\Downloads\d099cd0f-dc35-4f1f-90c4-07c2c22380e5.tmp</t>
  </si>
  <si>
    <t>01/20/2020 08:17:28</t>
  </si>
  <si>
    <t>31f79dd1-e388-4d8d-a58b-2d5443f3afb4.tmp</t>
  </si>
  <si>
    <t>\\acsfs\profiles$\milenaas\Downloads\31f79dd1-e388-4d8d-a58b-2d5443f3afb4.tmp</t>
  </si>
  <si>
    <t>01/20/2020 08:17:42</t>
  </si>
  <si>
    <t>7fa3154d-2873-45e5-b88d-989509752dbf.tmp</t>
  </si>
  <si>
    <t>\\acsfs\profiles$\milenaas\Downloads\7fa3154d-2873-45e5-b88d-989509752dbf.tmp</t>
  </si>
  <si>
    <t>01/20/2020 08:16:00</t>
  </si>
  <si>
    <t>01/20/2020 08:20:19</t>
  </si>
  <si>
    <t>d651d501-3715-4172-ac37-48a78a5f9f61.tmp</t>
  </si>
  <si>
    <t>\\acsfs\profiles$\THYAGOSP\Downloads\d651d501-3715-4172-ac37-48a78a5f9f61.tmp</t>
  </si>
  <si>
    <t>f95be828-58cc-4379-9b21-54f5c80eb8fd.tmp</t>
  </si>
  <si>
    <t>\\acsfs\profiles$\THYAGOSP\Downloads\f95be828-58cc-4379-9b21-54f5c80eb8fd.tmp</t>
  </si>
  <si>
    <t>01/20/2020 08:14:51</t>
  </si>
  <si>
    <t>01/20/2020 08:15:03</t>
  </si>
  <si>
    <t>01/20/2020 08:15:11</t>
  </si>
  <si>
    <t>01/20/2020 08:15:23</t>
  </si>
  <si>
    <t>01/20/2020 08:15:31</t>
  </si>
  <si>
    <t>01/20/2020 08:15:37</t>
  </si>
  <si>
    <t>mail.google.com/_/upload?authuser=0&amp;dcp=asu-n&amp;upload_id=AEnB2Ur8O1hClvHkcfRrokDRENim8_hQAawkQ31gEGrH2OIF4Tp2vq93sjwb5rW9emXgVsg2IaxgT524JDbIpYr9p1VHQ_IamwqY0hh0lAYzY4RCHhUZj5w&amp;upload_protocol=resumable</t>
  </si>
  <si>
    <t>01/20/2020 08:15:44</t>
  </si>
  <si>
    <t>01/20/2020 08:17:45</t>
  </si>
  <si>
    <t>01/20/2020 08:17:30</t>
  </si>
  <si>
    <t>38761091-9345-4602-be35-a59a446a2b13.tmp</t>
  </si>
  <si>
    <t>\\acsfs\profiles$\marcosvnds\Downloads\38761091-9345-4602-be35-a59a446a2b13.tmp</t>
  </si>
  <si>
    <t>01/20/2020 08:18:28</t>
  </si>
  <si>
    <t>01/20/2020 08:18:33</t>
  </si>
  <si>
    <t>mail.google.com/sync/u/0/i/s?hl=pt-BR&amp;c=1445</t>
  </si>
  <si>
    <t>01/20/2020 08:18:46</t>
  </si>
  <si>
    <t>mail.google.com/sync/u/0/i/s?hl=pt-BR&amp;c=1447</t>
  </si>
  <si>
    <t>01/20/2020 08:18:50</t>
  </si>
  <si>
    <t>01/20/2020 08:19:09</t>
  </si>
  <si>
    <t>mail.google.com/sync/u/0/i/s?hl=pt-BR&amp;c=1451</t>
  </si>
  <si>
    <t>01/20/2020 08:19:23</t>
  </si>
  <si>
    <t>mail.google.com/sync/u/0/i/s?hl=pt-BR&amp;c=1453</t>
  </si>
  <si>
    <t>01/20/2020 08:19:26</t>
  </si>
  <si>
    <t>01/20/2020 08:19:30</t>
  </si>
  <si>
    <t>01/20/2020 08:19:36</t>
  </si>
  <si>
    <t>mail.google.com/sync/u/0/i/s?hl=pt-BR&amp;c=1460</t>
  </si>
  <si>
    <t>01/20/2020 08:19:42</t>
  </si>
  <si>
    <t>mail.google.com/sync/u/0/i/s?hl=pt-BR&amp;c=1462</t>
  </si>
  <si>
    <t>01/20/2020 08:21:19</t>
  </si>
  <si>
    <t>01/20/2020 08:19:24</t>
  </si>
  <si>
    <t>01/20/2020 08:22:19</t>
  </si>
  <si>
    <t>01/20/2020 08:19:54</t>
  </si>
  <si>
    <t>01/20/2020 08:20:24</t>
  </si>
  <si>
    <t>01/20/2020 08:20:54</t>
  </si>
  <si>
    <t>01/20/2020 08:21:24</t>
  </si>
  <si>
    <t>01/20/2020 08:17:11</t>
  </si>
  <si>
    <t>aa78905c-45b5-4a1f-9420-9c1fc3adee94.tmp</t>
  </si>
  <si>
    <t>\\acsfs\profiles$\Angelicacldr\Downloads\aa78905c-45b5-4a1f-9420-9c1fc3adee94.tmp</t>
  </si>
  <si>
    <t>01/20/2020 08:17:37</t>
  </si>
  <si>
    <t>36323316-383e-457d-98d0-19f4f4eca25d.tmp</t>
  </si>
  <si>
    <t>\\acsfs\profiles$\Angelicacldr\Downloads\36323316-383e-457d-98d0-19f4f4eca25d.tmp</t>
  </si>
  <si>
    <t>01/20/2020 08:18:15</t>
  </si>
  <si>
    <t>25b20a4b-01bf-4f29-a16e-c522d89d4ed2.tmp</t>
  </si>
  <si>
    <t>\\acsfs\profiles$\Angelicacldr\Downloads\25b20a4b-01bf-4f29-a16e-c522d89d4ed2.tmp</t>
  </si>
  <si>
    <t>01/20/2020 08:17:20</t>
  </si>
  <si>
    <t>6857a1dd-f3c2-4b67-bf48-63c8701177cd.tmp</t>
  </si>
  <si>
    <t>\\acsfs\profiles$\antoniosva\Downloads\6857a1dd-f3c2-4b67-bf48-63c8701177cd.tmp</t>
  </si>
  <si>
    <t>01/20/2020 08:17:21</t>
  </si>
  <si>
    <t>af907b57-a092-43a7-b2a7-1b1499bfc132.tmp</t>
  </si>
  <si>
    <t>\\acsfs\profiles$\antoniosva\Downloads\af907b57-a092-43a7-b2a7-1b1499bfc132.tmp</t>
  </si>
  <si>
    <t>01/20/2020 08:19:06</t>
  </si>
  <si>
    <t>c148316a-9c8c-4768-97ab-f69e31238079.tmp</t>
  </si>
  <si>
    <t>\\acsfs\profiles$\lorrainerdl\Downloads\c148316a-9c8c-4768-97ab-f69e31238079.tmp</t>
  </si>
  <si>
    <t>01/20/2020 08:22:17</t>
  </si>
  <si>
    <t>01/20/2020 08:23:18</t>
  </si>
  <si>
    <t>bd37e7c9-25c5-496c-8b89-900e1e6b3bf1.tmp</t>
  </si>
  <si>
    <t>\\acsfs\profiles$\maxmillianosv\Downloads\bd37e7c9-25c5-496c-8b89-900e1e6b3bf1.tmp</t>
  </si>
  <si>
    <t>01/20/2020 08:22:25</t>
  </si>
  <si>
    <t>56016da1-fd0b-4f4c-82e8-4d4d0cd5af6e.tmp</t>
  </si>
  <si>
    <t>\\acsfs\profiles$\maxmillianosv\Downloads\56016da1-fd0b-4f4c-82e8-4d4d0cd5af6e.tmp</t>
  </si>
  <si>
    <t>01/20/2020 08:22:30</t>
  </si>
  <si>
    <t>be801b80-ab70-486c-b8b1-6edf2571c583.tmp</t>
  </si>
  <si>
    <t>\\acsfs\profiles$\maxmillianosv\Downloads\be801b80-ab70-486c-b8b1-6edf2571c583.tmp</t>
  </si>
  <si>
    <t>01/20/2020 08:22:55</t>
  </si>
  <si>
    <t>a157adca-177e-430d-98ec-1accddcba156.tmp</t>
  </si>
  <si>
    <t>\\acsfs\profiles$\maxmillianosv\Downloads\a157adca-177e-430d-98ec-1accddcba156.tmp</t>
  </si>
  <si>
    <t>01/20/2020 08:19:16</t>
  </si>
  <si>
    <t>8eb60710-c922-4099-a13c-e13a3e8475d9.tmp</t>
  </si>
  <si>
    <t>\\acsfs\profiles$\LUCASNS\Downloads\8eb60710-c922-4099-a13c-e13a3e8475d9.tmp</t>
  </si>
  <si>
    <t>01/20/2020 08:19:39</t>
  </si>
  <si>
    <t>ca8d53cf-f45d-4951-9c39-f19106d1953a.tmp</t>
  </si>
  <si>
    <t>\\acsfs\profiles$\LUCASNS\Downloads\ca8d53cf-f45d-4951-9c39-f19106d1953a.tmp</t>
  </si>
  <si>
    <t>01/20/2020 08:18:44</t>
  </si>
  <si>
    <t>\\acsfs\DEPTOS\Operacao\Banco_Votorantim\Comum\</t>
  </si>
  <si>
    <t>\\acsfs\DEPTOS\Operacao\Banco_Votorantim\Comum\Thumbs.db</t>
  </si>
  <si>
    <t>01/20/2020 08:24:19</t>
  </si>
  <si>
    <t>01/20/2020 08:19:03</t>
  </si>
  <si>
    <t>341510534;[];false;null;r6d97aokybtwhdqacj3ip89znnffchmkcxnabppcfodygpskitaqhiszpzxxflftmoa1bfxaphld-brv3llasy0sc8iphsyew-em-pjq2_bpnlfv0jdga7h96gbi4ryjndxjpl_iet_es7dsdrieebavnuu7yr1z3j_yieo40yyfdn9dxq-vl4xtn3isbiistdfvc0vmv-sil9b4hdoe4-k0vgd_nippbnqhfbzq2w6b8iunw5viqvcnl-tb-sq4rmp0scidsm6-uhbwts5k7iuummkrkajh0ugpnir03z40g\";true]";</t>
  </si>
  <si>
    <t>341510534,[],false,null,r6d97aokybtwhdqacj3ip89znnffchmkcxnabppcfodygpskitaqhiszpzxxflftmoa1bfxaphld-brv3llasy0sc8iphsyew-em-pjq2_bpnlfv0jdga7h96gbi4ryjndxjpl_iet_es7dsdrieebavnuu7yr1z3j_yieo40yyfdn9dxq-vl4xtn3isbiistdfvc0vmv-sil9b4hdoe4-k0vgd_nippbnqhfbzq2w6b8iunw5viqvcnl-tb-sq4rmp0scidsm6-uhbwts5k7iuummkrkajh0ugpnir03z40g\",true]"</t>
  </si>
  <si>
    <t>01/20/2020 08:23:17</t>
  </si>
  <si>
    <t>756551bd-244b-4e78-924b-5ff12ebac9fe.tmp</t>
  </si>
  <si>
    <t>\\acsfs\profiles$\valeriasda\Downloads\756551bd-244b-4e78-924b-5ff12ebac9fe.tmp</t>
  </si>
  <si>
    <t>01/20/2020 08:23:26</t>
  </si>
  <si>
    <t>Unconfirmed 676266.crdownload</t>
  </si>
  <si>
    <t>\\acsfs\profiles$\valeriasda\Downloads\Unconfirmed 676266.crdownload</t>
  </si>
  <si>
    <t>01/20/2020 08:23:33</t>
  </si>
  <si>
    <t>6c94ef9b-3c99-4e89-a00b-4a2bcceeb2b1.tmp</t>
  </si>
  <si>
    <t>\\acsfs\profiles$\valeriasda\Downloads\6c94ef9b-3c99-4e89-a00b-4a2bcceeb2b1.tmp</t>
  </si>
  <si>
    <t>ef94854b-4192-41c5-a2e3-61689ca54b54.tmp</t>
  </si>
  <si>
    <t>\\acsfs\profiles$\larissaad\Downloads\ef94854b-4192-41c5-a2e3-61689ca54b54.tmp</t>
  </si>
  <si>
    <t>01/20/2020 08:23:23</t>
  </si>
  <si>
    <t>32e89c4e-c1ff-48f0-acd2-cbaa18c90594.tmp</t>
  </si>
  <si>
    <t>\\acsfs\profiles$\larissaad\Downloads\32e89c4e-c1ff-48f0-acd2-cbaa18c90594.tmp</t>
  </si>
  <si>
    <t>01/20/2020 08:23:44</t>
  </si>
  <si>
    <t>01/20/2020 08:25:19</t>
  </si>
  <si>
    <t>01/20/2020 08:23:45</t>
  </si>
  <si>
    <t>01/20/2020 08:20:26</t>
  </si>
  <si>
    <t>01/20/2020 08:20:51</t>
  </si>
  <si>
    <t>01/20/2020 08:20:53</t>
  </si>
  <si>
    <t>01/20/2020 08:23:03</t>
  </si>
  <si>
    <t>01/20/2020 08:23:09</t>
  </si>
  <si>
    <t>01/20/2020 08:23:54</t>
  </si>
  <si>
    <t>bvcartes-supervisores@algarnet.onmicrosoft.com;joaogvc@algartech.com;leonardoao@algartech.com;marianadjc@algartech.com;paulacn@algartech.com;planejamentodeoperacoesetrafego@bv.com.br;rafaelggs@algartech.com;raphaelmco@algartech.com.br;ricardodfm@algartech.com.br;taysdss@algartech.com;thiagordu@algartech.com;viniciussg@algartech.com;</t>
  </si>
  <si>
    <t>bvcartes-supervisores@algarnet.onmicrosoft.com,joaogvc@algartech.com,leonardoao@algartech.com,marianadjc@algartech.com,paulacn@algartech.com,planejamentodeoperacoesetrafego@bv.com.br,rafaelggs@algartech.com,raphaelmco@algartech.com.br,ricardodfm@algartech.com.br,taysdss@algartech.com,thiagordu@algartech.com,viniciussg@algartech.com</t>
  </si>
  <si>
    <t>01/20/2020 08:24:01</t>
  </si>
  <si>
    <t>01/20/2020 08:24:06</t>
  </si>
  <si>
    <t>01/20/2020 08:24:15</t>
  </si>
  <si>
    <t>01/20/2020 08:24:18</t>
  </si>
  <si>
    <t>01/20/2020 08:24:23</t>
  </si>
  <si>
    <t>01/20/2020 08:24:36</t>
  </si>
  <si>
    <t>01/20/2020 08:24:40</t>
  </si>
  <si>
    <t>01/20/2020 08:22:52</t>
  </si>
  <si>
    <t>01/20/2020 08:22:53</t>
  </si>
  <si>
    <t>01/20/2020 08:22:54</t>
  </si>
  <si>
    <t>01/20/2020 08:19:59</t>
  </si>
  <si>
    <t>01/20/2020 08:20:11</t>
  </si>
  <si>
    <t>01/20/2020 08:20:13</t>
  </si>
  <si>
    <t>01/20/2020 08:22:12</t>
  </si>
  <si>
    <t>01/20/2020 08:22:51</t>
  </si>
  <si>
    <t>mail.google.com/sync/u/0/i/s?hl=pt-BR&amp;c=1489</t>
  </si>
  <si>
    <t>mail.google.com/sync/u/0/i/s?hl=pt-BR&amp;c=1491</t>
  </si>
  <si>
    <t>01/20/2020 08:23:15</t>
  </si>
  <si>
    <t>mail.google.com/sync/u/0/i/s?hl=pt-BR&amp;c=1493</t>
  </si>
  <si>
    <t>mail.google.com/sync/u/0/i/s?hl=pt-BR&amp;c=1495</t>
  </si>
  <si>
    <t>01/20/2020 08:23:38</t>
  </si>
  <si>
    <t>mail.google.com/sync/u/0/i/s?hl=pt-BR&amp;c=1498</t>
  </si>
  <si>
    <t>01/20/2020 08:22:56</t>
  </si>
  <si>
    <t>01/20/2020 08:22:57</t>
  </si>
  <si>
    <t>01/20/2020 08:22:58</t>
  </si>
  <si>
    <t>01/20/2020 08:20:27</t>
  </si>
  <si>
    <t>vitoriadco</t>
  </si>
  <si>
    <t>https://udpwfmniceap02/pt_br/web/guest/home?p_auth=jyimxd7q&amp;p_p_id=58&amp;p_p_lifecycle=1&amp;p_p_state=maximized&amp;p_p_mode=view&amp;savelastpath=0&amp;_58_struts_action=/login/forgot_password</t>
  </si>
  <si>
    <t>01/20/2020 08:21:31</t>
  </si>
  <si>
    <t>01/20/2020 08:21:40</t>
  </si>
  <si>
    <t>01/20/2020 08:22:59</t>
  </si>
  <si>
    <t>01/20/2020 08:23:00</t>
  </si>
  <si>
    <t>01/20/2020 08:23:01</t>
  </si>
  <si>
    <t>01/20/2020 08:23:02</t>
  </si>
  <si>
    <t>01/20/2020 08:23:04</t>
  </si>
  <si>
    <t>01/20/2020 08:23:05</t>
  </si>
  <si>
    <t>01/20/2020 08:23:06</t>
  </si>
  <si>
    <t>01/20/2020 08:23:07</t>
  </si>
  <si>
    <t>01/20/2020 08:23:08</t>
  </si>
  <si>
    <t>01/20/2020 08:23:10</t>
  </si>
  <si>
    <t>01/20/2020 08:23:11</t>
  </si>
  <si>
    <t>01/20/2020 08:23:12</t>
  </si>
  <si>
    <t>01/20/2020 08:23:13</t>
  </si>
  <si>
    <t>01/20/2020 08:23:14</t>
  </si>
  <si>
    <t>01/20/2020 08:23:16</t>
  </si>
  <si>
    <t>01/20/2020 08:23:19</t>
  </si>
  <si>
    <t>01/20/2020 08:23:20</t>
  </si>
  <si>
    <t>01/20/2020 08:23:21</t>
  </si>
  <si>
    <t>01/20/2020 08:23:22</t>
  </si>
  <si>
    <t>01/20/2020 08:23:24</t>
  </si>
  <si>
    <t>01/20/2020 08:26:19</t>
  </si>
  <si>
    <t>01/20/2020 08:24:12</t>
  </si>
  <si>
    <t>01/20/2020 08:27:18</t>
  </si>
  <si>
    <t>01/20/2020 08:24:14</t>
  </si>
  <si>
    <t>01/20/2020 08:22:24</t>
  </si>
  <si>
    <t>01/20/2020 08:24:54</t>
  </si>
  <si>
    <t>01/20/2020 08:28:19</t>
  </si>
  <si>
    <t>35e78a6e-d699-4fd7-aa24-688b5883bc9f.tmp</t>
  </si>
  <si>
    <t>\\acsfs\profiles$\maxmillianosv\Downloads\35e78a6e-d699-4fd7-aa24-688b5883bc9f.tmp</t>
  </si>
  <si>
    <t>01/20/2020 08:29:18</t>
  </si>
  <si>
    <t>01/20/2020 08:24:33</t>
  </si>
  <si>
    <t>bf9edee0-2dde-4352-b4d1-24435a5470b3.tmp</t>
  </si>
  <si>
    <t>\\acsfs\profiles$\valeriasda\Downloads\bf9edee0-2dde-4352-b4d1-24435a5470b3.tmp</t>
  </si>
  <si>
    <t>01/20/2020 08:25:48</t>
  </si>
  <si>
    <t>01/20/2020 08:26:21</t>
  </si>
  <si>
    <t>01/20/2020 08:25:39</t>
  </si>
  <si>
    <t>ba6780de-d910-48a9-a074-b39c34d60642.tmp</t>
  </si>
  <si>
    <t>\\acsfs\profiles$\danielac\Downloads\ba6780de-d910-48a9-a074-b39c34d60642.tmp</t>
  </si>
  <si>
    <t>01/20/2020 08:26:36</t>
  </si>
  <si>
    <t>7970467b-5f90-4777-8010-3d3a838a5a8c.tmp</t>
  </si>
  <si>
    <t>\\acsfs\profiles$\danielac\Downloads\7970467b-5f90-4777-8010-3d3a838a5a8c.tmp</t>
  </si>
  <si>
    <t>01/20/2020 08:27:43</t>
  </si>
  <si>
    <t>87139f24-8329-46c9-a4d1-5ddf1e68aebb.tmp</t>
  </si>
  <si>
    <t>\\acsfs\profiles$\KARENDSR\Downloads\87139f24-8329-46c9-a4d1-5ddf1e68aebb.tmp</t>
  </si>
  <si>
    <t>01/20/2020 08:28:39</t>
  </si>
  <si>
    <t>dbecce41-2024-4e62-90bb-4b721b513ebf.tmp</t>
  </si>
  <si>
    <t>\\acsfs\profiles$\KARENDSR\Downloads\dbecce41-2024-4e62-90bb-4b721b513ebf.tmp</t>
  </si>
  <si>
    <t>01/20/2020 08:30:19</t>
  </si>
  <si>
    <t>01/20/2020 08:25:18</t>
  </si>
  <si>
    <t>01/20/2020 08:26:09</t>
  </si>
  <si>
    <t>01/20/2020 08:28:43</t>
  </si>
  <si>
    <t>01/20/2020 08:28:16</t>
  </si>
  <si>
    <t>7c2137aa-7ea8-4014-be96-88d524e1ca61.tmp</t>
  </si>
  <si>
    <t>\\acsfs\profiles$\nayarasds\Downloads\7c2137aa-7ea8-4014-be96-88d524e1ca61.tmp</t>
  </si>
  <si>
    <t>01/20/2020 08:25:59</t>
  </si>
  <si>
    <t>\\acsfs\Deptos\EDUCACAO EMPRESARIAL\FERNANDA MONIT\Fernanda\MONITORIA JANEIRO\CONTROLE DE RECEBIMENTO DE RECLAMAÇÕES.xlsx</t>
  </si>
  <si>
    <t>01/20/2020 08:29:38</t>
  </si>
  <si>
    <t>01/20/2020 08:31:18</t>
  </si>
  <si>
    <t>01/20/2020 08:27:29</t>
  </si>
  <si>
    <t>01/20/2020 08:32:19</t>
  </si>
  <si>
    <t>01/20/2020 08:27:30</t>
  </si>
  <si>
    <t>01/20/2020 08:27:24</t>
  </si>
  <si>
    <t>01/20/2020 08:27:54</t>
  </si>
  <si>
    <t>01/20/2020 08:30:54</t>
  </si>
  <si>
    <t>01/20/2020 08:31:24</t>
  </si>
  <si>
    <t>01/20/2020 08:31:23</t>
  </si>
  <si>
    <t>973a583e-58ec-417b-8a34-6af1e04f3c40.tmp</t>
  </si>
  <si>
    <t>\\acsfs\profiles$\lorrainerdl\Downloads\973a583e-58ec-417b-8a34-6af1e04f3c40.tmp</t>
  </si>
  <si>
    <t>01/20/2020 08:29:28</t>
  </si>
  <si>
    <t>lu10556ftxm.tmp</t>
  </si>
  <si>
    <t>\\acsfs\profiles$\VIVIANALDS\My Documents\lu10556ftxm.tmp</t>
  </si>
  <si>
    <t>\\acsfs\profiles$\VIVIANALDS\My Documents\lu10556ftxm.tmp\</t>
  </si>
  <si>
    <t>\\acsfs\profiles$\VIVIANALDS\My Documents\lu10556ftxm.tmp\META-INF\</t>
  </si>
  <si>
    <t>\\acsfs\profiles$\VIVIANALDS\My Documents\lu10556ftxm.tmp\Thumbnails\</t>
  </si>
  <si>
    <t>01/20/2020 08:29:31</t>
  </si>
  <si>
    <t>lu10556ftxq.tmp</t>
  </si>
  <si>
    <t>\\acsfs\profiles$\VIVIANALDS\My Documents\lu10556ftxq.tmp</t>
  </si>
  <si>
    <t>\\acsfs\profiles$\VIVIANALDS\My Documents\lu10556ftxq.tmp\</t>
  </si>
  <si>
    <t>\\acsfs\profiles$\VIVIANALDS\My Documents\lu10556ftxq.tmp\META-INF\</t>
  </si>
  <si>
    <t>\\acsfs\profiles$\VIVIANALDS\My Documents\lu10556ftxq.tmp\Thumbnails\</t>
  </si>
  <si>
    <t>01/20/2020 08:33:19</t>
  </si>
  <si>
    <t>01/20/2020 08:27:52</t>
  </si>
  <si>
    <t>Acompanhamento Filas.xlsx</t>
  </si>
  <si>
    <t>\\acsfs\Deptos\EDUCACAO EMPRESARIAL\KÉSIA\Acompanhamento Filas.xlsx</t>
  </si>
  <si>
    <t>01/20/2020 08:27:53</t>
  </si>
  <si>
    <t>\\acsfs\Deptos\EDUCACAO EMPRESARIAL\KÉSIA\Acompanhamento Filas.xlsx\</t>
  </si>
  <si>
    <t>\\acsfs\Deptos\EDUCACAO EMPRESARIAL\KÉSIA\Acompanhamento Filas.xlsx\:Zone.Identifier:$DATA</t>
  </si>
  <si>
    <t>01/20/2020 08:34:19</t>
  </si>
  <si>
    <t>01/20/2020 08:28:59</t>
  </si>
  <si>
    <t>bf6285fa-e215-43b3-9449-94f8301f1fb8.tmp</t>
  </si>
  <si>
    <t>\\acsfs\profiles$\larissaad\Downloads\bf6285fa-e215-43b3-9449-94f8301f1fb8.tmp</t>
  </si>
  <si>
    <t>01/20/2020 08:29:20</t>
  </si>
  <si>
    <t>86b91df8-41b7-4bb7-8b65-9642ce68e6ff.tmp</t>
  </si>
  <si>
    <t>\\acsfs\profiles$\larissaad\Downloads\86b91df8-41b7-4bb7-8b65-9642ce68e6ff.tmp</t>
  </si>
  <si>
    <t>a5e9f462-2991-4e04-b229-655c2aecde8b.tmp</t>
  </si>
  <si>
    <t>\\acsfs\profiles$\larissaad\Downloads\a5e9f462-2991-4e04-b229-655c2aecde8b.tmp</t>
  </si>
  <si>
    <t>01/20/2020 08:29:55</t>
  </si>
  <si>
    <t>af391f79-83b7-4daf-add6-3d06023d73f0.tmp</t>
  </si>
  <si>
    <t>\\acsfs\profiles$\KARENDSR\Downloads\af391f79-83b7-4daf-add6-3d06023d73f0.tmp</t>
  </si>
  <si>
    <t>01/20/2020 08:35:18</t>
  </si>
  <si>
    <t>01/20/2020 08:32:49</t>
  </si>
  <si>
    <t>3103943d-cf88-413c-a17a-1d906577919c.tmp</t>
  </si>
  <si>
    <t>\\acsfs\profiles$\wedersonbadr\My Documents\My Music\3103943d-cf88-413c-a17a-1d906577919c.tmp</t>
  </si>
  <si>
    <t>01/20/2020 08:34:03</t>
  </si>
  <si>
    <t>926693f2-6e17-459d-96e8-27f5a72c09ba.tmp</t>
  </si>
  <si>
    <t>\\acsfs\profiles$\wedersonbadr\My Documents\My Music\926693f2-6e17-459d-96e8-27f5a72c09ba.tmp</t>
  </si>
  <si>
    <t>01/20/2020 08:30:08</t>
  </si>
  <si>
    <t>01/20/2020 08:33:06</t>
  </si>
  <si>
    <t>01/20/2020 00:01:38</t>
  </si>
  <si>
    <t>01/20/2020 08:36:19</t>
  </si>
  <si>
    <t>01/20/2020 08:34:54</t>
  </si>
  <si>
    <t>49e16370-3445-4712-8f6e-c77f06a26c56.tmp</t>
  </si>
  <si>
    <t>\\acsfs\profiles$\nataliacsl\Downloads\49e16370-3445-4712-8f6e-c77f06a26c56.tmp</t>
  </si>
  <si>
    <t>01/20/2020 08:34:55</t>
  </si>
  <si>
    <t>cfceb284-4c14-4b29-aae0-81e4f05ef632.tmp</t>
  </si>
  <si>
    <t>\\acsfs\profiles$\nataliacsl\Downloads\cfceb284-4c14-4b29-aae0-81e4f05ef632.tmp</t>
  </si>
  <si>
    <t>01/20/2020 08:35:07</t>
  </si>
  <si>
    <t>01/20/2020 08:37:19</t>
  </si>
  <si>
    <t>01/20/2020 08:35:08</t>
  </si>
  <si>
    <t>01/20/2020 08:35:30</t>
  </si>
  <si>
    <t>01/20/2020 08:35:31</t>
  </si>
  <si>
    <t>01/20/2020 08:33:24</t>
  </si>
  <si>
    <t>01/20/2020 08:33:54</t>
  </si>
  <si>
    <t>01/20/2020 08:35:24</t>
  </si>
  <si>
    <t>01/20/2020 08:38:19</t>
  </si>
  <si>
    <t>01/20/2020 08:39:19</t>
  </si>
  <si>
    <t>01/20/2020 08:38:15</t>
  </si>
  <si>
    <t>f8759a2f-799f-427e-b1ce-d78d0e11c72b.tmp</t>
  </si>
  <si>
    <t>\\acsfs\profiles$\KARENDSR\Downloads\f8759a2f-799f-427e-b1ce-d78d0e11c72b.tmp</t>
  </si>
  <si>
    <t>01/20/2020 08:39:13</t>
  </si>
  <si>
    <t>01/20/2020 08:40:19</t>
  </si>
  <si>
    <t>LOG CHAMADAS DETALHADO - BV CARTÕES JAN.xlsx</t>
  </si>
  <si>
    <t>\\acsfs\Deptos\EDUCACAO EMPRESARIAL\FERNANDA MONIT\Fernanda\MONITORIA JANEIRO\LOG CHAMADAS DETALHADO - BV CARTÕES JAN.xlsx</t>
  </si>
  <si>
    <t>01/20/2020 08:35:25</t>
  </si>
  <si>
    <t>\\acsfs\Deptos\EDUCACAO EMPRESARIAL\FERNANDA MONIT\Fernanda\MONITORIA JANEIRO\LOG CHAMADAS DETALHADO - BV CARTÕES JAN.xlsx\</t>
  </si>
  <si>
    <t>\\acsfs\Deptos\EDUCACAO EMPRESARIAL\FERNANDA MONIT\Fernanda\MONITORIA JANEIRO\LOG CHAMADAS DETALHADO - BV CARTÕES JAN.xlsx\:Zone.Identifier:$DATA</t>
  </si>
  <si>
    <t>\\acsfs\Deptos\EDUCACAO EMPRESARIAL\Atalhos\</t>
  </si>
  <si>
    <t>\\acsfs\Deptos\EDUCACAO EMPRESARIAL\Atalhos\Thumbs.db</t>
  </si>
  <si>
    <t>01/20/2020 08:37:53</t>
  </si>
  <si>
    <t>01/20/2020 08:41:19</t>
  </si>
  <si>
    <t>bfd9a990-3f1f-4c4f-9b74-7a19ae77d46e.tmp</t>
  </si>
  <si>
    <t>\\acsfs\profiles$\mariajra\Downloads\bfd9a990-3f1f-4c4f-9b74-7a19ae77d46e.tmp</t>
  </si>
  <si>
    <t>01/20/2020 08:36:38</t>
  </si>
  <si>
    <t>be95d270-7382-4504-9b1c-229a20123061.tmp</t>
  </si>
  <si>
    <t>\\acsfs\profiles$\victoriaksr\Downloads\be95d270-7382-4504-9b1c-229a20123061.tmp</t>
  </si>
  <si>
    <t>01/20/2020 08:36:51</t>
  </si>
  <si>
    <t>.~lock.1.xlsx#</t>
  </si>
  <si>
    <t>\\acsfs\profiles$\victoriaksr\Downloads\.~lock.1.xlsx#</t>
  </si>
  <si>
    <t>01/20/2020 08:37:23</t>
  </si>
  <si>
    <t>51103eaf-54a1-42cd-a803-c903a661e5a6.tmp</t>
  </si>
  <si>
    <t>\\acsfs\profiles$\victoriaksr\Downloads\51103eaf-54a1-42cd-a803-c903a661e5a6.tmp</t>
  </si>
  <si>
    <t>01/20/2020 08:38:10</t>
  </si>
  <si>
    <t>01/20/2020 08:39:02</t>
  </si>
  <si>
    <t>4566fa6a-2471-4645-861d-426bc28f0f77.tmp</t>
  </si>
  <si>
    <t>\\acsfs\profiles$\victoriaksr\Downloads\4566fa6a-2471-4645-861d-426bc28f0f77.tmp</t>
  </si>
  <si>
    <t>01/20/2020 08:40:15</t>
  </si>
  <si>
    <t>41fb4305-ff54-484f-8553-0459ff4cff17.tmp</t>
  </si>
  <si>
    <t>\\acsfs\profiles$\websondsa\Downloads\41fb4305-ff54-484f-8553-0459ff4cff17.tmp</t>
  </si>
  <si>
    <t>01/20/2020 08:39:21</t>
  </si>
  <si>
    <t>01/20/2020 08:42:19</t>
  </si>
  <si>
    <t>01/20/2020 08:39:22</t>
  </si>
  <si>
    <t>01/20/2020 08:41:25</t>
  </si>
  <si>
    <t>01/20/2020 08:44:19</t>
  </si>
  <si>
    <t>01/20/2020 08:40:25</t>
  </si>
  <si>
    <t>01/20/2020 08:42:13</t>
  </si>
  <si>
    <t>01/20/2020 08:42:29</t>
  </si>
  <si>
    <t>\\acsfs\profiles$\larissaad\My Documents\$RECYCLE.BIN\</t>
  </si>
  <si>
    <t>$I7TA6R2.txt</t>
  </si>
  <si>
    <t>\\acsfs\profiles$\larissaad\My Documents\$RECYCLE.BIN\$I7TA6R2.txt</t>
  </si>
  <si>
    <t>01/20/2020 08:42:36</t>
  </si>
  <si>
    <t>$I020NDN.txt</t>
  </si>
  <si>
    <t>\\acsfs\profiles$\larissaad\My Documents\$RECYCLE.BIN\$I020NDN.txt</t>
  </si>
  <si>
    <t>01/20/2020 08:42:53</t>
  </si>
  <si>
    <t>$IAAZGFQ.txt</t>
  </si>
  <si>
    <t>\\acsfs\profiles$\larissaad\My Documents\$RECYCLE.BIN\$IAAZGFQ.txt</t>
  </si>
  <si>
    <t>01/20/2020 08:43:03</t>
  </si>
  <si>
    <t>ca9e75f7-1fd5-4d42-8ce2-e9b43eb23652.tmp</t>
  </si>
  <si>
    <t>\\acsfs\profiles$\geovannasm\Downloads\ca9e75f7-1fd5-4d42-8ce2-e9b43eb23652.tmp</t>
  </si>
  <si>
    <t>01/20/2020 08:45:19</t>
  </si>
  <si>
    <t>01/20/2020 08:42:04</t>
  </si>
  <si>
    <t>01/20/2020 08:44:20</t>
  </si>
  <si>
    <t>01/20/2020 08:44:51</t>
  </si>
  <si>
    <t>c62d4ee5-5ff4-4aed-9a51-d908e3593250.tmp</t>
  </si>
  <si>
    <t>\\acsfs\profiles$\ayalabfi\Downloads\c62d4ee5-5ff4-4aed-9a51-d908e3593250.tmp</t>
  </si>
  <si>
    <t>01/20/2020 08:45:02</t>
  </si>
  <si>
    <t>48b7bd61-ce42-4ba2-acaa-47c7d2ee16d7.tmp</t>
  </si>
  <si>
    <t>\\acsfs\profiles$\ayalabfi\Downloads\48b7bd61-ce42-4ba2-acaa-47c7d2ee16d7.tmp</t>
  </si>
  <si>
    <t>01/20/2020 08:43:52</t>
  </si>
  <si>
    <t>01/20/2020 08:46:19</t>
  </si>
  <si>
    <t>9d4c1247-6b42-429e-8b1f-a698eed7169e.tmp</t>
  </si>
  <si>
    <t>\\acsfs\profiles$\mariajra\Downloads\9d4c1247-6b42-429e-8b1f-a698eed7169e.tmp</t>
  </si>
  <si>
    <t>01/20/2020 08:42:15</t>
  </si>
  <si>
    <t>8b1841e8-5a07-48c5-a531-4b2409e04e57.tmp</t>
  </si>
  <si>
    <t>\\acsfs\profiles$\websondsa\Downloads\8b1841e8-5a07-48c5-a531-4b2409e04e57.tmp</t>
  </si>
  <si>
    <t>01/20/2020 08:46:33</t>
  </si>
  <si>
    <t>01/20/2020 08:47:20</t>
  </si>
  <si>
    <t>01/20/2020 08:41:55</t>
  </si>
  <si>
    <t>01/20/2020 08:43:25</t>
  </si>
  <si>
    <t>01/20/2020 08:43:55</t>
  </si>
  <si>
    <t>01/20/2020 08:45:08</t>
  </si>
  <si>
    <t>01/20/2020 08:48:19</t>
  </si>
  <si>
    <t>01/20/2020 08:43:48</t>
  </si>
  <si>
    <t>01/20/2020 08:43:49</t>
  </si>
  <si>
    <t>01/20/2020 08:43:53</t>
  </si>
  <si>
    <t>01/20/2020 08:43:58</t>
  </si>
  <si>
    <t>01/20/2020 08:44:34</t>
  </si>
  <si>
    <t>01/20/2020 08:44:50</t>
  </si>
  <si>
    <t>01/20/2020 08:45:09</t>
  </si>
  <si>
    <t>01/20/2020 08:45:39</t>
  </si>
  <si>
    <t>01/20/2020 08:45:44</t>
  </si>
  <si>
    <t>01/20/2020 08:45:51</t>
  </si>
  <si>
    <t>01/20/2020 08:45:55</t>
  </si>
  <si>
    <t>01/20/2020 08:46:02</t>
  </si>
  <si>
    <t>01/20/2020 08:46:05</t>
  </si>
  <si>
    <t>01/20/2020 08:46:09</t>
  </si>
  <si>
    <t>01/20/2020 08:46:26</t>
  </si>
  <si>
    <t>01/20/2020 08:46:39</t>
  </si>
  <si>
    <t>01/20/2020 08:46:54</t>
  </si>
  <si>
    <t>01/20/2020 08:47:31</t>
  </si>
  <si>
    <t>01/20/2020 08:43:23</t>
  </si>
  <si>
    <t>7ee928f8-6a22-45d7-87b6-0e19cb1225de.tmp</t>
  </si>
  <si>
    <t>\\acsfs\profiles$\lucasgpe\Downloads\7ee928f8-6a22-45d7-87b6-0e19cb1225de.tmp</t>
  </si>
  <si>
    <t>01/20/2020 08:47:33</t>
  </si>
  <si>
    <t>84664d56-0799-46f3-8ba7-9cb9841675a0.tmp</t>
  </si>
  <si>
    <t>\\acsfs\profiles$\lucasgpe\Downloads\84664d56-0799-46f3-8ba7-9cb9841675a0.tmp</t>
  </si>
  <si>
    <t>01/20/2020 08:46:36</t>
  </si>
  <si>
    <t>01/20/2020 08:49:20</t>
  </si>
  <si>
    <t>1a37b177-5e32-48dd-b74b-ee8138c88fee.tmp</t>
  </si>
  <si>
    <t>\\acsfs\profiles$\inarajst\Downloads\1a37b177-5e32-48dd-b74b-ee8138c88fee.tmp</t>
  </si>
  <si>
    <t>01/20/2020 08:48:27</t>
  </si>
  <si>
    <t>http:///batch/drive/v2internal?%24ct=multipart%2Fmixed%3B%20boundary%3D%22%3D%3D%3D%3D%3Ddailm54azgdp%3D%3D%3D%3D%3D%22&amp;key=AIzaSyAy9VVXHSpS2IJpptzYtGbLP3-3_l0aBk4</t>
  </si>
  <si>
    <t>01/20/2020 08:48:29</t>
  </si>
  <si>
    <t>http:///batch/drive/v2internal?%24ct=multipart%2Fmixed%3B%20boundary%3D%22%3D%3D%3D%3D%3Dk4wsybj51ej7%3D%3D%3D%3D%3D%22&amp;key=AIzaSyAy9VVXHSpS2IJpptzYtGbLP3-3_l0aBk4</t>
  </si>
  <si>
    <t>01/20/2020 08:48:30</t>
  </si>
  <si>
    <t>http:///batch/drive/v2internal?%24ct=multipart%2Fmixed%3B%20boundary%3D%22%3D%3D%3D%3D%3Dbao5rnv6lrof%3D%3D%3D%3D%3D%22&amp;key=AIzaSyAy9VVXHSpS2IJpptzYtGbLP3-3_l0aBk4</t>
  </si>
  <si>
    <t>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rpermissions;shared;sharedwithmedate;thumbnailversion;title;userpermission(role);workspaceids;</t>
  </si>
  <si>
    <t>http://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rpermissions,shared,sharedwithmedate,thumbnailversion,title,userpermission(role),workspaceids</t>
  </si>
  <si>
    <t>9576ab22-132a-4d13-be19-fbf9f40337cf.tmp</t>
  </si>
  <si>
    <t>\\acsfs\profiles$\larissaad\Downloads\9576ab22-132a-4d13-be19-fbf9f40337cf.tmp</t>
  </si>
  <si>
    <t>01/20/2020 08:49:15</t>
  </si>
  <si>
    <t>01/20/2020 08:50:19</t>
  </si>
  <si>
    <t>08e5c1f1-00b7-4951-8ab4-183098c3a88f.tmp</t>
  </si>
  <si>
    <t>\\acsfs\profiles$\yurics\Downloads\08e5c1f1-00b7-4951-8ab4-183098c3a88f.tmp</t>
  </si>
  <si>
    <t>01/20/2020 08:46:42</t>
  </si>
  <si>
    <t>01/20/2020 08:45:34</t>
  </si>
  <si>
    <t>f31b14ef-7f9d-4c14-8bef-ad52b5fc90df.tmp</t>
  </si>
  <si>
    <t>\\acsfs\profiles$\ayalabfi\Downloads\f31b14ef-7f9d-4c14-8bef-ad52b5fc90df.tmp</t>
  </si>
  <si>
    <t>01/20/2020 08:46:00</t>
  </si>
  <si>
    <t>92037930-875d-4f75-9526-970558c816ea.tmp</t>
  </si>
  <si>
    <t>\\acsfs\profiles$\ayalabfi\Downloads\92037930-875d-4f75-9526-970558c816ea.tmp</t>
  </si>
  <si>
    <t>01/20/2020 08:47:43</t>
  </si>
  <si>
    <t>c84ef19c-0c47-4ab2-bb04-3d7406e0a2f8.tmp</t>
  </si>
  <si>
    <t>\\acsfs\profiles$\ayalabfi\Downloads\c84ef19c-0c47-4ab2-bb04-3d7406e0a2f8.tmp</t>
  </si>
  <si>
    <t>01/20/2020 08:51:20</t>
  </si>
  <si>
    <t>01/20/2020 08:47:55</t>
  </si>
  <si>
    <t>01/20/2020 08:52:19</t>
  </si>
  <si>
    <t>01/20/2020 08:48:25</t>
  </si>
  <si>
    <t>01/20/2020 08:49:25</t>
  </si>
  <si>
    <t>01/20/2020 08:54:19</t>
  </si>
  <si>
    <t>8a03cf90-8694-461a-ba71-552c094b3b88.tmp</t>
  </si>
  <si>
    <t>\\acsfs\profiles$\isabellegtds\Downloads\8a03cf90-8694-461a-ba71-552c094b3b88.tmp</t>
  </si>
  <si>
    <t>01/20/2020 08:50:39</t>
  </si>
  <si>
    <t>f0b55534-c48e-4dc8-be38-7f465ec94a3b.tmp</t>
  </si>
  <si>
    <t>\\acsfs\profiles$\isabellegtds\Downloads\f0b55534-c48e-4dc8-be38-7f465ec94a3b.tmp</t>
  </si>
  <si>
    <t>01/20/2020 08:48:43</t>
  </si>
  <si>
    <t>http:///batch/drive/v2internal?%24ct=multipart%2Fmixed%3B%20boundary%3D%22%3D%3D%3D%3D%3Duch8zyizmfqj%3D%3D%3D%3D%3D%22&amp;key=AIzaSyAy9VVXHSpS2IJpptzYtGbLP3-3_l0aBk4</t>
  </si>
  <si>
    <t>01/20/2020 08:48:44</t>
  </si>
  <si>
    <t>http:///batch/drive/v2internal?%24ct=multipart%2Fmixed%3B%20boundary%3D%22%3D%3D%3D%3D%3Dnnwtc2j93r4i%3D%3D%3D%3D%3D%22&amp;key=AIzaSyAy9VVXHSpS2IJpptzYtGbLP3-3_l0aBk4</t>
  </si>
  <si>
    <t>01/20/2020 08:50:53</t>
  </si>
  <si>
    <t>01/20/2020 08:55:19</t>
  </si>
  <si>
    <t>01/20/2020 08:53:48</t>
  </si>
  <si>
    <t>andrelpsa@algartech.com;joaogvc@algartech.com;katia.cardoso@bv.com.br;leonardoao@algartech.com;marianadjc@algartech.com;maristelavodq@bv.algartech.com;paulacn@algartech.com;planejamentodeoperacoesetrafego@bv.com.br;rafaelggs@algartech.com;raphaelmco@algartech.com.br;ricardodfm@algartech.com.br;taysdss@algartech.com;viniciussg@algartech.com;</t>
  </si>
  <si>
    <t>andrelpsa@algartech.com,joaogvc@algartech.com,katia.cardoso@bv.com.br,leonardoao@algartech.com,marianadjc@algartech.com,maristelavodq@bv.algartech.com,paulacn@algartech.com,planejamentodeoperacoesetrafego@bv.com.br,rafaelggs@algartech.com,raphaelmco@algartech.com.br,ricardodfm@algartech.com.br,taysdss@algartech.com,viniciussg@algartech.com</t>
  </si>
  <si>
    <t>01/20/2020 08:53:54</t>
  </si>
  <si>
    <t>01/20/2020 08:54:04</t>
  </si>
  <si>
    <t>01/20/2020 08:54:10</t>
  </si>
  <si>
    <t>01/20/2020 08:54:16</t>
  </si>
  <si>
    <t>01/20/2020 08:54:23</t>
  </si>
  <si>
    <t>01/20/2020 08:54:31</t>
  </si>
  <si>
    <t>01/20/2020 08:54:39</t>
  </si>
  <si>
    <t>01/20/2020 08:52:27</t>
  </si>
  <si>
    <t>kesiadof@algartech.com;lilianls@algartech.com;mirianppb@algartech.com;talmaiardo@algartech.com;</t>
  </si>
  <si>
    <t>kesiadof@algartech.com,lilianls@algartech.com,mirianppb@algartech.com,talmaiardo@algartech.com</t>
  </si>
  <si>
    <t>01/20/2020 08:56:19</t>
  </si>
  <si>
    <t>01/20/2020 08:54:48</t>
  </si>
  <si>
    <t>01/20/2020 08:54:49</t>
  </si>
  <si>
    <t>01/20/2020 08:54:50</t>
  </si>
  <si>
    <t>01/20/2020 08:54:51</t>
  </si>
  <si>
    <t>01/20/2020 08:54:52</t>
  </si>
  <si>
    <t>01/20/2020 08:54:53</t>
  </si>
  <si>
    <t>01/20/2020 08:54:54</t>
  </si>
  <si>
    <t>01/20/2020 08:54:55</t>
  </si>
  <si>
    <t>01/20/2020 08:54:56</t>
  </si>
  <si>
    <t>01/20/2020 08:55:20</t>
  </si>
  <si>
    <t>87c79457-d044-4d98-bd30-123565e128b8.tmp</t>
  </si>
  <si>
    <t>\\acsfs\profiles$\PEDROHAB\Downloads\87c79457-d044-4d98-bd30-123565e128b8.tmp</t>
  </si>
  <si>
    <t>01/20/2020 08:55:23</t>
  </si>
  <si>
    <t>106b5c64-64d3-409c-ace0-69be206b1294.tmp</t>
  </si>
  <si>
    <t>\\acsfs\profiles$\PEDROHAB\Downloads\106b5c64-64d3-409c-ace0-69be206b1294.tmp</t>
  </si>
  <si>
    <t>01/20/2020 08:54:57</t>
  </si>
  <si>
    <t>01/20/2020 08:54:58</t>
  </si>
  <si>
    <t>01/20/2020 08:54:59</t>
  </si>
  <si>
    <t>01/20/2020 08:55:00</t>
  </si>
  <si>
    <t>01/20/2020 08:55:01</t>
  </si>
  <si>
    <t>01/20/2020 08:55:02</t>
  </si>
  <si>
    <t>01/20/2020 08:55:03</t>
  </si>
  <si>
    <t>01/20/2020 08:55:04</t>
  </si>
  <si>
    <t>01/20/2020 08:57:01</t>
  </si>
  <si>
    <t>01/20/2020 08:57:19</t>
  </si>
  <si>
    <t>29129cb5-4eda-4d2b-9a34-344924f91a7b.tmp</t>
  </si>
  <si>
    <t>\\acsfs\profiles$\gabriellalpr\Downloads\29129cb5-4eda-4d2b-9a34-344924f91a7b.tmp</t>
  </si>
  <si>
    <t>01/20/2020 08:56:31</t>
  </si>
  <si>
    <t>01/20/2020 08:58:19</t>
  </si>
  <si>
    <t>a512c3c0-f031-43c8-97a3-cabce314cdd8.tmp</t>
  </si>
  <si>
    <t>\\acsfs\profiles$\danielmlds\Downloads\a512c3c0-f031-43c8-97a3-cabce314cdd8.tmp</t>
  </si>
  <si>
    <t>a56a36a6-fc86-44e0-8622-accfaaf20521.tmp</t>
  </si>
  <si>
    <t>\\acsfs\profiles$\claudiajca\Downloads\a56a36a6-fc86-44e0-8622-accfaaf20521.tmp</t>
  </si>
  <si>
    <t>23e513af-7a25-4f6a-a273-6788bbd52478.tmp</t>
  </si>
  <si>
    <t>\\acsfs\profiles$\nathaliarmr\Downloads\23e513af-7a25-4f6a-a273-6788bbd52478.tmp</t>
  </si>
  <si>
    <t>01/20/2020 08:54:46</t>
  </si>
  <si>
    <t>94db161e-edb8-4dc3-ae7e-9c20ea2b3a33.tmp</t>
  </si>
  <si>
    <t>\\acsfs\profiles$\nathaliarmr\Downloads\94db161e-edb8-4dc3-ae7e-9c20ea2b3a33.tmp</t>
  </si>
  <si>
    <t>01/20/2020 08:55:48</t>
  </si>
  <si>
    <t>01/20/2020 08:59:19</t>
  </si>
  <si>
    <t>fcd5d924-f667-4f42-b1fb-d15f519397e1.tmp</t>
  </si>
  <si>
    <t>\\acsfs\profiles$\inarajst\Downloads\fcd5d924-f667-4f42-b1fb-d15f519397e1.tmp</t>
  </si>
  <si>
    <t>01/20/2020 08:54:20</t>
  </si>
  <si>
    <t>de46c4fe-bf95-4a3c-8938-f242df729a01.tmp</t>
  </si>
  <si>
    <t>\\acsfs\profiles$\valeriasda\Downloads\de46c4fe-bf95-4a3c-8938-f242df729a01.tmp</t>
  </si>
  <si>
    <t>01/20/2020 08:57:43</t>
  </si>
  <si>
    <t>01/20/2020 08:54:45</t>
  </si>
  <si>
    <t>01/20/2020 09:00:20</t>
  </si>
  <si>
    <t>bcbbc41a-0f12-45bc-b8aa-23a3330654b5.tmp</t>
  </si>
  <si>
    <t>\\acsfs\profiles$\THYAGOSP\Downloads\bcbbc41a-0f12-45bc-b8aa-23a3330654b5.tmp</t>
  </si>
  <si>
    <t>01/20/2020 08:59:31</t>
  </si>
  <si>
    <t>aeab673f-efd7-4543-8ca9-fed2cd74b881.tmp</t>
  </si>
  <si>
    <t>\\acsfs\profiles$\yurics\Downloads\aeab673f-efd7-4543-8ca9-fed2cd74b881.tmp</t>
  </si>
  <si>
    <t>01/20/2020 08:59:33</t>
  </si>
  <si>
    <t>adrielyas</t>
  </si>
  <si>
    <t>\\acsfs\profiles$\adrielyas\My Documents\My Pictures\</t>
  </si>
  <si>
    <t>\\acsfs\profiles$\adrielyas\My Documents\My Videos\desktop.ini</t>
  </si>
  <si>
    <t>01/20/2020 08:59:35</t>
  </si>
  <si>
    <t>\\acsfs\profiles$\adrielyas\My Documents\My Videos\</t>
  </si>
  <si>
    <t>01/20/2020 08:59:37</t>
  </si>
  <si>
    <t>01/20/2020 08:55:12</t>
  </si>
  <si>
    <t>mail.google.com/_/upload?authuser=0&amp;dcp=asu-n&amp;upload_id=AEnB2Up6UfhtbfLVppkl8OK4fIaS2jq47UgNpu-pkogqEhH-A0LiG9FUBJBpaFCXGUIA5C9_5398yyij5EJfcVy1Nsn4V0D93EixWBabE8G0v6tlLe8i3_w&amp;upload_protocol=resumable</t>
  </si>
  <si>
    <t>01/20/2020 08:55:36</t>
  </si>
  <si>
    <t>01/20/2020 08:55:38</t>
  </si>
  <si>
    <t>01/20/2020 08:55:43</t>
  </si>
  <si>
    <t>01/20/2020 08:55:58</t>
  </si>
  <si>
    <t>01/20/2020 08:56:02</t>
  </si>
  <si>
    <t>01/20/2020 08:56:30</t>
  </si>
  <si>
    <t>01/20/2020 08:56:36</t>
  </si>
  <si>
    <t>01/20/2020 08:56:44</t>
  </si>
  <si>
    <t>01/20/2020 08:57:03</t>
  </si>
  <si>
    <t>01/20/2020 08:57:11</t>
  </si>
  <si>
    <t>01/20/2020 08:57:14</t>
  </si>
  <si>
    <t>01/20/2020 08:57:28</t>
  </si>
  <si>
    <t>01/20/2020 08:57:35</t>
  </si>
  <si>
    <t>01/20/2020 08:57:39</t>
  </si>
  <si>
    <t>01/20/2020 08:57:44</t>
  </si>
  <si>
    <t>01/20/2020 08:57:55</t>
  </si>
  <si>
    <t>01/20/2020 08:58:01</t>
  </si>
  <si>
    <t>01/20/2020 08:58:04</t>
  </si>
  <si>
    <t>01/20/2020 08:58:06</t>
  </si>
  <si>
    <t>01/20/2020 08:58:30</t>
  </si>
  <si>
    <t>01/20/2020 08:58:38</t>
  </si>
  <si>
    <t>01/20/2020 08:58:47</t>
  </si>
  <si>
    <t>01/20/2020 08:58:54</t>
  </si>
  <si>
    <t>01/20/2020 08:59:02</t>
  </si>
  <si>
    <t>01/20/2020 08:59:11</t>
  </si>
  <si>
    <t>01/20/2020 08:59:23</t>
  </si>
  <si>
    <t>01/20/2020 08:59:42</t>
  </si>
  <si>
    <t>01/20/2020 08:59:48</t>
  </si>
  <si>
    <t>01/20/2020 09:00:19</t>
  </si>
  <si>
    <t>01/20/2020 09:01:19</t>
  </si>
  <si>
    <t>de4830c3-09ee-4535-a39c-29d6747bf3e0.tmp</t>
  </si>
  <si>
    <t>\\acsfs\profiles$\esterasg\Downloads\de4830c3-09ee-4535-a39c-29d6747bf3e0.tmp</t>
  </si>
  <si>
    <t>01/20/2020 09:00:21</t>
  </si>
  <si>
    <t>24f0de7b-911e-4f17-983f-7a0d417fdfc5.tmp</t>
  </si>
  <si>
    <t>\\acsfs\profiles$\esterasg\Downloads\24f0de7b-911e-4f17-983f-7a0d417fdfc5.tmp</t>
  </si>
  <si>
    <t>01/20/2020 09:00:29</t>
  </si>
  <si>
    <t>795cad38-afe3-4efe-a3d5-484c37031236.tmp</t>
  </si>
  <si>
    <t>\\acsfs\profiles$\esterasg\Downloads\795cad38-afe3-4efe-a3d5-484c37031236.tmp</t>
  </si>
  <si>
    <t>01/20/2020 08:59:41</t>
  </si>
  <si>
    <t>01/20/2020 08:57:33</t>
  </si>
  <si>
    <t>8137d8b4-9431-4dad-b074-00b4ed478953.tmp</t>
  </si>
  <si>
    <t>\\acsfs\profiles$\talitafdc\Downloads\8137d8b4-9431-4dad-b074-00b4ed478953.tmp</t>
  </si>
  <si>
    <t>01/20/2020 08:58:32</t>
  </si>
  <si>
    <t>bee04574-ca9f-411d-92d8-28880bcaa550.tmp</t>
  </si>
  <si>
    <t>\\acsfs\profiles$\talitafdc\Downloads\bee04574-ca9f-411d-92d8-28880bcaa550.tmp</t>
  </si>
  <si>
    <t>01/20/2020 08:59:04</t>
  </si>
  <si>
    <t>5bac5a08-c5de-415a-89d9-83ab185f7990.tmp</t>
  </si>
  <si>
    <t>\\acsfs\profiles$\talitafdc\Downloads\5bac5a08-c5de-415a-89d9-83ab185f7990.tmp</t>
  </si>
  <si>
    <t>01/20/2020 08:56:28</t>
  </si>
  <si>
    <t>ee3d16cc-c3ca-4278-bcfe-54c7b61295ce.tmp</t>
  </si>
  <si>
    <t>\\acsfs\profiles$\PEDROHAB\Downloads\ee3d16cc-c3ca-4278-bcfe-54c7b61295ce.tmp</t>
  </si>
  <si>
    <t>01/20/2020 08:59:09</t>
  </si>
  <si>
    <t>01/20/2020 08:58:55</t>
  </si>
  <si>
    <t>01/20/2020 09:02:19</t>
  </si>
  <si>
    <t>162a9e4f-356f-489c-a304-8f96d10137be.tmp</t>
  </si>
  <si>
    <t>\\acsfs\profiles$\gabriellalpr\Downloads\162a9e4f-356f-489c-a304-8f96d10137be.tmp</t>
  </si>
  <si>
    <t>01/20/2020 08:58:35</t>
  </si>
  <si>
    <t>0e415ece-7df3-4fd9-9be0-82471b126059.tmp</t>
  </si>
  <si>
    <t>\\acsfs\profiles$\gabriellalpr\Downloads\0e415ece-7df3-4fd9-9be0-82471b126059.tmp</t>
  </si>
  <si>
    <t>01/20/2020 09:01:39</t>
  </si>
  <si>
    <t>5f768ba8-c7a2-447a-bc96-c79b391e54a0.tmp</t>
  </si>
  <si>
    <t>\\acsfs\profiles$\gabriellalpr\Downloads\5f768ba8-c7a2-447a-bc96-c79b391e54a0.tmp</t>
  </si>
  <si>
    <t>01/20/2020 08:57:58</t>
  </si>
  <si>
    <t>01/20/2020 09:03:19</t>
  </si>
  <si>
    <t>a6556a7d-e82c-48ed-90b1-580f4c4ebaf4.tmp</t>
  </si>
  <si>
    <t>\\acsfs\profiles$\danielmlds\Downloads\a6556a7d-e82c-48ed-90b1-580f4c4ebaf4.tmp</t>
  </si>
  <si>
    <t>01/20/2020 09:00:48</t>
  </si>
  <si>
    <t>01/20/2020 08:58:23</t>
  </si>
  <si>
    <t>c7737f79-0627-4774-a1b6-5e8c6a584b76.tmp</t>
  </si>
  <si>
    <t>\\acsfs\profiles$\Flaviojmm\Downloads\c7737f79-0627-4774-a1b6-5e8c6a584b76.tmp</t>
  </si>
  <si>
    <t>01/20/2020 08:59:21</t>
  </si>
  <si>
    <t>4e795d49-ef22-4552-a4ae-a968586296bc.tmp</t>
  </si>
  <si>
    <t>\\acsfs\profiles$\Flaviojmm\Downloads\4e795d49-ef22-4552-a4ae-a968586296bc.tmp</t>
  </si>
  <si>
    <t>01/17/2020 09:25:57</t>
  </si>
  <si>
    <t>01/20/2020 09:04:19</t>
  </si>
  <si>
    <t>ba3c5fdd-a6ca-471e-9f36-cb2f09ceed2e.tmp</t>
  </si>
  <si>
    <t>\\acsfs\profiles$\geovannasm\Downloads\ba3c5fdd-a6ca-471e-9f36-cb2f09ceed2e.tmp</t>
  </si>
  <si>
    <t>01/17/2020 09:26:06</t>
  </si>
  <si>
    <t>aed36cd0-d492-4b3a-810e-6fdf9e3d2811.tmp</t>
  </si>
  <si>
    <t>\\acsfs\profiles$\geovannasm\Downloads\aed36cd0-d492-4b3a-810e-6fdf9e3d2811.tmp</t>
  </si>
  <si>
    <t>01/20/2020 08:59:36</t>
  </si>
  <si>
    <t>39853152-f37b-4dd0-a92c-ee615c706f47.tmp</t>
  </si>
  <si>
    <t>\\acsfs\profiles$\isabellegtds\Downloads\39853152-f37b-4dd0-a92c-ee615c706f47.tmp</t>
  </si>
  <si>
    <t>27383b2b-bb9c-44ea-9621-802ba61f9656.tmp</t>
  </si>
  <si>
    <t>\\acsfs\profiles$\LUCASBS\Downloads\27383b2b-bb9c-44ea-9621-802ba61f9656.tmp</t>
  </si>
  <si>
    <t>01/20/2020 08:59:43</t>
  </si>
  <si>
    <t>4454d65a-c53a-417c-ba98-a24d1691b3a7.tmp</t>
  </si>
  <si>
    <t>\\acsfs\profiles$\LUCASBS\Downloads\4454d65a-c53a-417c-ba98-a24d1691b3a7.tmp</t>
  </si>
  <si>
    <t>01/20/2020 09:00:22</t>
  </si>
  <si>
    <t>01/20/2020 08:59:05</t>
  </si>
  <si>
    <t>515c5758-c914-4702-a961-262949058cdb.tmp</t>
  </si>
  <si>
    <t>\\acsfs\profiles$\larissaad\Downloads\515c5758-c914-4702-a961-262949058cdb.tmp</t>
  </si>
  <si>
    <t>01/20/2020 09:01:56</t>
  </si>
  <si>
    <t>01/20/2020 09:05:18</t>
  </si>
  <si>
    <t>01/20/2020 09:01:57</t>
  </si>
  <si>
    <t>8f52afee-3d88-4eb5-aece-4c51200d2b53.tmp</t>
  </si>
  <si>
    <t>\\acsfs\profiles$\yurics\Downloads\8f52afee-3d88-4eb5-aece-4c51200d2b53.tmp</t>
  </si>
  <si>
    <t>01/20/2020 08:59:52</t>
  </si>
  <si>
    <t>85fa8058-1ea3-4419-9fe3-d0aa14052cdf.tmp</t>
  </si>
  <si>
    <t>\\acsfs\profiles$\yurics\Downloads\85fa8058-1ea3-4419-9fe3-d0aa14052cdf.tmp</t>
  </si>
  <si>
    <t>01/20/2020 09:00:06</t>
  </si>
  <si>
    <t>466f5e0a-1a5a-4703-93e9-d90d2940c1d6.tmp</t>
  </si>
  <si>
    <t>\\acsfs\profiles$\yurics\Downloads\466f5e0a-1a5a-4703-93e9-d90d2940c1d6.tmp</t>
  </si>
  <si>
    <t>01/20/2020 09:00:41</t>
  </si>
  <si>
    <t>01/20/2020 09:00:42</t>
  </si>
  <si>
    <t>01/20/2020 09:00:43</t>
  </si>
  <si>
    <t>01/20/2020 09:00:44</t>
  </si>
  <si>
    <t>01/20/2020 09:00:45</t>
  </si>
  <si>
    <t>01/20/2020 09:00:47</t>
  </si>
  <si>
    <t>01/20/2020 09:00:49</t>
  </si>
  <si>
    <t>01/20/2020 09:00:50</t>
  </si>
  <si>
    <t>01/20/2020 09:00:51</t>
  </si>
  <si>
    <t>01/20/2020 09:00:52</t>
  </si>
  <si>
    <t>01/20/2020 09:00:53</t>
  </si>
  <si>
    <t>01/20/2020 09:00:54</t>
  </si>
  <si>
    <t>01/20/2020 08:59:40</t>
  </si>
  <si>
    <t>01/20/2020 09:00:55</t>
  </si>
  <si>
    <t>01/20/2020 09:00:56</t>
  </si>
  <si>
    <t>\\acsfs\profiles$\adrielyas\My Documents\My Music\</t>
  </si>
  <si>
    <t>\\acsfs\profiles$\adrielyas\My Documents\My Pictures\desktop.ini</t>
  </si>
  <si>
    <t>01/20/2020 08:59:44</t>
  </si>
  <si>
    <t>01/20/2020 09:00:57</t>
  </si>
  <si>
    <t>01/20/2020 08:59:45</t>
  </si>
  <si>
    <t>01/20/2020 08:59:46</t>
  </si>
  <si>
    <t>\\acsfs\profiles$\adrielyas\Contacts\</t>
  </si>
  <si>
    <t>\\acsfs\profiles$\adrielyas\Contacts\desktop.ini</t>
  </si>
  <si>
    <t>01/20/2020 08:59:47</t>
  </si>
  <si>
    <t>01/20/2020 08:59:49</t>
  </si>
  <si>
    <t>01/20/2020 08:59:50</t>
  </si>
  <si>
    <t>\\acsfs\profiles$\adrielyas\My Documents\</t>
  </si>
  <si>
    <t>\\acsfs\profiles$\adrielyas\Favorites\desktop.ini</t>
  </si>
  <si>
    <t>01/20/2020 09:00:58</t>
  </si>
  <si>
    <t>01/20/2020 08:59:51</t>
  </si>
  <si>
    <t>01/20/2020 08:59:53</t>
  </si>
  <si>
    <t>01/20/2020 08:59:55</t>
  </si>
  <si>
    <t>01/20/2020 08:59:56</t>
  </si>
  <si>
    <t>01/20/2020 09:00:00</t>
  </si>
  <si>
    <t>\\acsfs\profiles$\adrielyas\My Documents\My Music\desktop.ini</t>
  </si>
  <si>
    <t>01/20/2020 09:00:01</t>
  </si>
  <si>
    <t>01/20/2020 09:00:03</t>
  </si>
  <si>
    <t>01/20/2020 09:00:59</t>
  </si>
  <si>
    <t>01/20/2020 09:00:04</t>
  </si>
  <si>
    <t>\\acsfs\profiles$\adrielyas\Searches\</t>
  </si>
  <si>
    <t>\\acsfs\profiles$\adrielyas\Searches\desktop.ini</t>
  </si>
  <si>
    <t>01/20/2020 09:00:08</t>
  </si>
  <si>
    <t>01/20/2020 09:01:00</t>
  </si>
  <si>
    <t>01/20/2020 09:00:09</t>
  </si>
  <si>
    <t>01/20/2020 09:00:10</t>
  </si>
  <si>
    <t>01/20/2020 09:00:11</t>
  </si>
  <si>
    <t>\\acsfs\profiles$\adrielyas\Downloads\</t>
  </si>
  <si>
    <t>\\acsfs\profiles$\adrielyas\Downloads\desktop.ini</t>
  </si>
  <si>
    <t>01/20/2020 09:00:13</t>
  </si>
  <si>
    <t>01/20/2020 09:00:16</t>
  </si>
  <si>
    <t>\\acsfs\profiles$\adrielyas\Favorites\</t>
  </si>
  <si>
    <t>\\acsfs\profiles$\adrielyas\My Documents\desktop.ini</t>
  </si>
  <si>
    <t>01/20/2020 09:00:18</t>
  </si>
  <si>
    <t>01/20/2020 09:01:01</t>
  </si>
  <si>
    <t>\\acsfs\profiles$\adrielyas\Saved Games\desktop.ini</t>
  </si>
  <si>
    <t>01/20/2020 09:00:23</t>
  </si>
  <si>
    <t>01/20/2020 09:01:02</t>
  </si>
  <si>
    <t>01/20/2020 09:01:03</t>
  </si>
  <si>
    <t>01/20/2020 09:01:04</t>
  </si>
  <si>
    <t>01/20/2020 09:01:05</t>
  </si>
  <si>
    <t>01/20/2020 09:01:06</t>
  </si>
  <si>
    <t>01/20/2020 09:01:07</t>
  </si>
  <si>
    <t>01/20/2020 09:01:08</t>
  </si>
  <si>
    <t>01/20/2020 09:01:09</t>
  </si>
  <si>
    <t>01/20/2020 09:01:10</t>
  </si>
  <si>
    <t>01/20/2020 09:01:11</t>
  </si>
  <si>
    <t>01/20/2020 08:59:57</t>
  </si>
  <si>
    <t>andrelpsa@algartech.com;joaogvc@algartech.com;katia.cardoso@bv.com.br;leonardoao@algartech.com;marianadjc@algartech.com;maristelavodq@bv.algartech.com;paulacn@algartech.com;rafaelggs@algartech.com;ricardodfm@algartech.com.br;taysdss@algartech.com;thiagordu@algartech.com;viniciussg@algartech.com;</t>
  </si>
  <si>
    <t>andrelpsa@algartech.com,joaogvc@algartech.com,katia.cardoso@bv.com.br,leonardoao@algartech.com,marianadjc@algartech.com,maristelavodq@bv.algartech.com,paulacn@algartech.com,rafaelggs@algartech.com,ricardodfm@algartech.com.br,taysdss@algartech.com,thiagordu@algartech.com,viniciussg@algartech.com</t>
  </si>
  <si>
    <t>01/20/2020 09:00:30</t>
  </si>
  <si>
    <t>01/20/2020 09:00:36</t>
  </si>
  <si>
    <t>01/20/2020 09:02:40</t>
  </si>
  <si>
    <t>01/20/2020 09:03:04</t>
  </si>
  <si>
    <t>01/20/2020 09:03:17</t>
  </si>
  <si>
    <t>andrelpsa@algartech.com;bvcartes-supervisores@algarnet.onmicrosoft.com;joaogvc@algartech.com;leonardoao@algartech.com;marianadjc@algartech.com;maristelavodq@bv.algartech.com;paulacn@algartech.com;planejamentodeoperacoesetrafego@bv.com.br;rafaelggs@algartech.com;raphaelmco@algartech.com.br;ricardodfm@algartech.com.br;taysdss@algartech.com;thiagordu@algartech.com;viniciussg@algartech.com;</t>
  </si>
  <si>
    <t>andrelpsa@algartech.com,bvcartes-supervisores@algarnet.onmicrosoft.com,joaogvc@algartech.com,leonardoao@algartech.com,marianadjc@algartech.com,maristelavodq@bv.algartech.com,paulacn@algartech.com,planejamentodeoperacoesetrafego@bv.com.br,rafaelggs@algartech.com,raphaelmco@algartech.com.br,ricardodfm@algartech.com.br,taysdss@algartech.com,thiagordu@algartech.com,viniciussg@algartech.com</t>
  </si>
  <si>
    <t>01/20/2020 09:03:20</t>
  </si>
  <si>
    <t>01/20/2020 09:03:30</t>
  </si>
  <si>
    <t>andrelpsa@algartech.com;bvcartes-supervisores@algarnet.onmicrosoft.com;joaogvc@algartech.com;leonardoao@algartech.com;marianadjc@algartech.com;maristelavodq@bv.algartech.com;paulacn@algartech.com;rafaelggs@algartech.com;ricardodfm@algartech.com.br;taysdss@algartech.com;thiagordu@algartech.com;viniciussg@algartech.com;</t>
  </si>
  <si>
    <t>andrelpsa@algartech.com,bvcartes-supervisores@algarnet.onmicrosoft.com,joaogvc@algartech.com,leonardoao@algartech.com,marianadjc@algartech.com,maristelavodq@bv.algartech.com,paulacn@algartech.com,rafaelggs@algartech.com,ricardodfm@algartech.com.br,taysdss@algartech.com,thiagordu@algartech.com,viniciussg@algartech.com</t>
  </si>
  <si>
    <t>01/20/2020 09:03:37</t>
  </si>
  <si>
    <t>01/20/2020 09:03:57</t>
  </si>
  <si>
    <t>01/20/2020 09:04:00</t>
  </si>
  <si>
    <t>01/20/2020 09:04:22</t>
  </si>
  <si>
    <t>01/20/2020 09:04:36</t>
  </si>
  <si>
    <t>01/20/2020 09:04:51</t>
  </si>
  <si>
    <t>01/20/2020 09:02:01</t>
  </si>
  <si>
    <t>01/20/2020 09:00:46</t>
  </si>
  <si>
    <t>01/20/2020 09:06:19</t>
  </si>
  <si>
    <t>892fb24c-6666-4677-959d-ad55fe97c9ac.tmp</t>
  </si>
  <si>
    <t>\\acsfs\profiles$\esterasg\Downloads\892fb24c-6666-4677-959d-ad55fe97c9ac.tmp</t>
  </si>
  <si>
    <t>01/20/2020 09:01:50</t>
  </si>
  <si>
    <t>e3c41698-f941-44bd-99ac-cd73268d208d.tmp</t>
  </si>
  <si>
    <t>\\acsfs\profiles$\esterasg\Downloads\e3c41698-f941-44bd-99ac-cd73268d208d.tmp</t>
  </si>
  <si>
    <t>01/20/2020 09:01:43</t>
  </si>
  <si>
    <t>0ad22b4f-531f-484d-93b2-a98c34eb8991.tmp</t>
  </si>
  <si>
    <t>\\acsfs\profiles$\gabrielhca\Downloads\0ad22b4f-531f-484d-93b2-a98c34eb8991.tmp</t>
  </si>
  <si>
    <t>01/20/2020 09:02:06</t>
  </si>
  <si>
    <t>bf5aca04-15d3-4337-83a0-54c0de3c6222.tmp</t>
  </si>
  <si>
    <t>\\acsfs\profiles$\gabrielhca\Downloads\bf5aca04-15d3-4337-83a0-54c0de3c6222.tmp</t>
  </si>
  <si>
    <t>5012a13d-79d0-4f41-bbe0-87cc6a339233.tmp</t>
  </si>
  <si>
    <t>\\acsfs\profiles$\gabrielhca\Downloads\5012a13d-79d0-4f41-bbe0-87cc6a339233.tmp</t>
  </si>
  <si>
    <t>01/20/2020 09:04:07</t>
  </si>
  <si>
    <t>e1c855d4-4f74-491d-934c-a53fd12a81fb.tmp</t>
  </si>
  <si>
    <t>\\acsfs\profiles$\gabrielhca\Downloads\e1c855d4-4f74-491d-934c-a53fd12a81fb.tmp</t>
  </si>
  <si>
    <t>01/20/2020 09:04:16</t>
  </si>
  <si>
    <t>9524701a-541d-47a3-833f-6b6d68626d9d.tmp</t>
  </si>
  <si>
    <t>\\acsfs\profiles$\gabrielhca\Downloads\9524701a-541d-47a3-833f-6b6d68626d9d.tmp</t>
  </si>
  <si>
    <t>01/20/2020 09:02:59</t>
  </si>
  <si>
    <t>01/20/2020 09:07:18</t>
  </si>
  <si>
    <t>10.200.67.161</t>
  </si>
  <si>
    <t>78-2B-CB-C1-07-1B</t>
  </si>
  <si>
    <t>VOTORANT-RB009</t>
  </si>
  <si>
    <t>ingridrd</t>
  </si>
  <si>
    <t>https://udpwfmniceap02/web/guest/home?p_auth=nypa09ks&amp;p_p_id=58&amp;p_p_lifecycle=1&amp;p_p_state=maximized&amp;p_p_mode=view&amp;savelastpath=0&amp;_58_struts_action=/login/forgot_password</t>
  </si>
  <si>
    <t>01/20/2020 09:03:05</t>
  </si>
  <si>
    <t>01/20/2020 09:03:41</t>
  </si>
  <si>
    <t>01/20/2020 09:05:50</t>
  </si>
  <si>
    <t>01/20/2020 09:06:25</t>
  </si>
  <si>
    <t>01/20/2020 09:06:26</t>
  </si>
  <si>
    <t>01/20/2020 09:02:56</t>
  </si>
  <si>
    <t>01/20/2020 09:03:26</t>
  </si>
  <si>
    <t>01/20/2020 09:05:56</t>
  </si>
  <si>
    <t>01/20/2020 09:06:24</t>
  </si>
  <si>
    <t>lu16924ga5w.tmp</t>
  </si>
  <si>
    <t>\\acsfs\profiles$\jonathanwap\lu16924ga5w.tmp</t>
  </si>
  <si>
    <t>\\acsfs\profiles$\jonathanwap\lu16924ga5w.tmp\</t>
  </si>
  <si>
    <t>\\acsfs\profiles$\jonathanwap\lu16924ga5w.tmp\META-INF\</t>
  </si>
  <si>
    <t>\\acsfs\profiles$\jonathanwap\lu16924ga5w.tmp\Thumbnails\</t>
  </si>
  <si>
    <t>01/20/2020 09:06:42</t>
  </si>
  <si>
    <t>1fe572fd-f72f-4596-8f42-4e89358b6470.tmp</t>
  </si>
  <si>
    <t>\\acsfs\profiles$\gabriellalpr\Downloads\1fe572fd-f72f-4596-8f42-4e89358b6470.tmp</t>
  </si>
  <si>
    <t>01/20/2020 09:05:15</t>
  </si>
  <si>
    <t>01/20/2020 09:08:19</t>
  </si>
  <si>
    <t>f738d15e-d21f-47b4-aada-ecbe132c7c36.tmp</t>
  </si>
  <si>
    <t>\\acsfs\profiles$\nathaliarmr\Downloads\f738d15e-d21f-47b4-aada-ecbe132c7c36.tmp</t>
  </si>
  <si>
    <t>01/20/2020 09:07:08</t>
  </si>
  <si>
    <t>01/20/2020 09:05:03</t>
  </si>
  <si>
    <t>Erro fatal KAMILA MARCELA ROCHA COSTA2.PNG</t>
  </si>
  <si>
    <t>\\acsfs\ACS\001 - Qualidade Lilian\PAULO\Pasta Tainara\Erro fatal KAMILA MARCELA ROCHA COSTA2.PNG</t>
  </si>
  <si>
    <t>01/20/2020 09:09:18</t>
  </si>
  <si>
    <t>01/20/2020 09:04:48</t>
  </si>
  <si>
    <t>1296e245-af45-431f-ba8b-dc7ab0d2dd01.tmp</t>
  </si>
  <si>
    <t>\\acsfs\profiles$\LUCASBS\Downloads\1296e245-af45-431f-ba8b-dc7ab0d2dd01.tmp</t>
  </si>
  <si>
    <t>01/20/2020 09:04:55</t>
  </si>
  <si>
    <t>01/20/2020 09:05:04</t>
  </si>
  <si>
    <t>01/20/2020 09:03:58</t>
  </si>
  <si>
    <t>01/20/2020 09:10:19</t>
  </si>
  <si>
    <t>01/20/2020 09:05:05</t>
  </si>
  <si>
    <t>01/20/2020 09:05:10</t>
  </si>
  <si>
    <t>01/20/2020 09:05:19</t>
  </si>
  <si>
    <t>andrelpsa@algartech.com;bvcartes-supervisores@algarnet.onmicrosoft.com;joaogvc@algartech.com;leonardoao@algartech.com;marianadjc@algartech.com;maristelavodq@bv.algartech.com;paulacn@algartech.com;ricardodfm@algartech.com.br;taysdss@algartech.com;viniciussg@algartech.com;</t>
  </si>
  <si>
    <t>andrelpsa@algartech.com,bvcartes-supervisores@algarnet.onmicrosoft.com,joaogvc@algartech.com,leonardoao@algartech.com,marianadjc@algartech.com,maristelavodq@bv.algartech.com,paulacn@algartech.com,ricardodfm@algartech.com.br,taysdss@algartech.com,viniciussg@algartech.com</t>
  </si>
  <si>
    <t>01/20/2020 09:05:24</t>
  </si>
  <si>
    <t>01/20/2020 09:05:42</t>
  </si>
  <si>
    <t>01/20/2020 09:05:44</t>
  </si>
  <si>
    <t>01/20/2020 09:05:48</t>
  </si>
  <si>
    <t>01/20/2020 09:06:09</t>
  </si>
  <si>
    <t>01/20/2020 09:06:17</t>
  </si>
  <si>
    <t>01/20/2020 09:06:23</t>
  </si>
  <si>
    <t>01/20/2020 09:06:49</t>
  </si>
  <si>
    <t>01/20/2020 09:06:56</t>
  </si>
  <si>
    <t>01/20/2020 09:07:01</t>
  </si>
  <si>
    <t>01/20/2020 09:07:28</t>
  </si>
  <si>
    <t>01/20/2020 09:07:39</t>
  </si>
  <si>
    <t>mail.google.com/sync/u/0/i/s?hl=pt-BR&amp;c=488</t>
  </si>
  <si>
    <t>01/20/2020 09:07:42</t>
  </si>
  <si>
    <t>01/20/2020 09:07:47</t>
  </si>
  <si>
    <t>01/20/2020 09:07:50</t>
  </si>
  <si>
    <t>01/20/2020 09:08:02</t>
  </si>
  <si>
    <t>01/20/2020 09:08:12</t>
  </si>
  <si>
    <t>01/20/2020 09:08:20</t>
  </si>
  <si>
    <t>01/20/2020 09:08:23</t>
  </si>
  <si>
    <t>01/20/2020 09:08:25</t>
  </si>
  <si>
    <t>01/20/2020 09:08:26</t>
  </si>
  <si>
    <t>01/20/2020 09:08:31</t>
  </si>
  <si>
    <t>01/20/2020 09:08:40</t>
  </si>
  <si>
    <t>01/20/2020 09:08:44</t>
  </si>
  <si>
    <t>01/20/2020 09:08:52</t>
  </si>
  <si>
    <t>01/20/2020 09:09:13</t>
  </si>
  <si>
    <t>01/20/2020 09:09:24</t>
  </si>
  <si>
    <t>01/20/2020 09:09:32</t>
  </si>
  <si>
    <t>01/20/2020 09:09:39</t>
  </si>
  <si>
    <t>01/20/2020 09:09:52</t>
  </si>
  <si>
    <t>andrelpsa@algartech.com;bvcartes-supervisores@algarnet.onmicrosoft.com;joaogvc@algartech.com;katia.cardoso@bv.com.br;leonardoao@algartech.com;marianadjc@algartech.com;maristelavodq@bv.algartech.com;paulacn@algartech.com;ricardodfm@algartech.com.br;taysdss@algartech.com;viniciussg@algartech.com;</t>
  </si>
  <si>
    <t>andrelpsa@algartech.com,bvcartes-supervisores@algarnet.onmicrosoft.com,joaogvc@algartech.com,katia.cardoso@bv.com.br,leonardoao@algartech.com,marianadjc@algartech.com,maristelavodq@bv.algartech.com,paulacn@algartech.com,ricardodfm@algartech.com.br,taysdss@algartech.com,viniciussg@algartech.com</t>
  </si>
  <si>
    <t>01/20/2020 09:11:19</t>
  </si>
  <si>
    <t>01/20/2020 09:07:37</t>
  </si>
  <si>
    <t>c4e08bc7-c3f1-464e-a086-a7a49a1e84c4.tmp</t>
  </si>
  <si>
    <t>\\acsfs\profiles$\esterasg\Downloads\c4e08bc7-c3f1-464e-a086-a7a49a1e84c4.tmp</t>
  </si>
  <si>
    <t>01/20/2020 09:06:04</t>
  </si>
  <si>
    <t>fb381d1f-a1dd-4419-a5f2-b8c15dc6a097.tmp</t>
  </si>
  <si>
    <t>\\acsfs\profiles$\gabrielhca\Downloads\fb381d1f-a1dd-4419-a5f2-b8c15dc6a097.tmp</t>
  </si>
  <si>
    <t>01/20/2020 09:12:19</t>
  </si>
  <si>
    <t>01/20/2020 09:08:11</t>
  </si>
  <si>
    <t>01/20/2020 09:13:18</t>
  </si>
  <si>
    <t>01/20/2020 09:08:27</t>
  </si>
  <si>
    <t>01/20/2020 09:08:38</t>
  </si>
  <si>
    <t>01/20/2020 09:09:16</t>
  </si>
  <si>
    <t>01/20/2020 09:09:46</t>
  </si>
  <si>
    <t>01/20/2020 09:09:56</t>
  </si>
  <si>
    <t>01/20/2020 09:10:15</t>
  </si>
  <si>
    <t>01/20/2020 09:10:39</t>
  </si>
  <si>
    <t>01/20/2020 09:10:44</t>
  </si>
  <si>
    <t>01/20/2020 09:11:01</t>
  </si>
  <si>
    <t>01/20/2020 09:11:23</t>
  </si>
  <si>
    <t>01/20/2020 09:11:33</t>
  </si>
  <si>
    <t>01/20/2020 09:11:38</t>
  </si>
  <si>
    <t>01/20/2020 09:12:27</t>
  </si>
  <si>
    <t>01/20/2020 09:12:33</t>
  </si>
  <si>
    <t>01/20/2020 09:14:19</t>
  </si>
  <si>
    <t>01/20/2020 09:09:36</t>
  </si>
  <si>
    <t>https://341510534,[],false,null,r6d97aokybtwhdqacj3ip89znnffchmkcxnabppcfodygpskitaqhiszpzxxflftmoa1bfxaphld-brv3llasy0sc8iphsyew-em-pjq2_bpnlfv0jdga7h96gbi4ryjndxjpl_iet_es7dsdrieebavnuu7yr1z3j_yieo40yyfdn9dxq-vl4xtn3isbiistdfvc0vmv-sil9b4hdoe4-k0vgd_nippbnqhfbzq2w6b8iunw5viqvcnl-tb-sq4rmp0scidsm6-uhbwts5k7iuummkrkajh0ugpnir03z40g\",true]"</t>
  </si>
  <si>
    <t>01/20/2020 09:10:30</t>
  </si>
  <si>
    <t>01/20/2020 09:10:32</t>
  </si>
  <si>
    <t>01/20/2020 09:10:40</t>
  </si>
  <si>
    <t>01/20/2020 09:10:01</t>
  </si>
  <si>
    <t>01/20/2020 09:15:19</t>
  </si>
  <si>
    <t>01/20/2020 09:10:04</t>
  </si>
  <si>
    <t>01/20/2020 09:10:08</t>
  </si>
  <si>
    <t>01/20/2020 09:10:17</t>
  </si>
  <si>
    <t>01/20/2020 09:10:20</t>
  </si>
  <si>
    <t>01/20/2020 09:10:24</t>
  </si>
  <si>
    <t>01/20/2020 09:11:30</t>
  </si>
  <si>
    <t>01/20/2020 09:11:32</t>
  </si>
  <si>
    <t>01/20/2020 09:11:42</t>
  </si>
  <si>
    <t>01/20/2020 09:11:48</t>
  </si>
  <si>
    <t>01/20/2020 09:11:55</t>
  </si>
  <si>
    <t>01/20/2020 09:12:04</t>
  </si>
  <si>
    <t>01/20/2020 09:12:11</t>
  </si>
  <si>
    <t>01/20/2020 09:12:17</t>
  </si>
  <si>
    <t>01/20/2020 09:12:45</t>
  </si>
  <si>
    <t>01/20/2020 09:12:55</t>
  </si>
  <si>
    <t>01/20/2020 09:13:00</t>
  </si>
  <si>
    <t>01/20/2020 09:13:04</t>
  </si>
  <si>
    <t>01/20/2020 09:13:17</t>
  </si>
  <si>
    <t>01/20/2020 09:13:26</t>
  </si>
  <si>
    <t>01/20/2020 09:13:38</t>
  </si>
  <si>
    <t>01/20/2020 09:13:53</t>
  </si>
  <si>
    <t>01/20/2020 09:14:12</t>
  </si>
  <si>
    <t>01/20/2020 09:14:23</t>
  </si>
  <si>
    <t>01/20/2020 09:14:28</t>
  </si>
  <si>
    <t>01/20/2020 09:14:32</t>
  </si>
  <si>
    <t>01/20/2020 09:15:17</t>
  </si>
  <si>
    <t>01/20/2020 09:16:19</t>
  </si>
  <si>
    <t>6e191b24-f85e-428c-938f-69745c13b760.tmp</t>
  </si>
  <si>
    <t>\\acsfs\profiles$\ALYNYA\Downloads\6e191b24-f85e-428c-938f-69745c13b760.tmp</t>
  </si>
  <si>
    <t>01/20/2020 09:15:34</t>
  </si>
  <si>
    <t>ec9b323a-8d4c-4371-9354-950f2b307a61.tmp</t>
  </si>
  <si>
    <t>\\acsfs\profiles$\sarahbal\Downloads\ec9b323a-8d4c-4371-9354-950f2b307a61.tmp</t>
  </si>
  <si>
    <t>01/20/2020 09:17:20</t>
  </si>
  <si>
    <t>01/20/2020 09:13:56</t>
  </si>
  <si>
    <t>01/20/2020 09:13:31</t>
  </si>
  <si>
    <t>01/20/2020 09:18:21</t>
  </si>
  <si>
    <t>01/20/2020 09:12:35</t>
  </si>
  <si>
    <t>01/20/2020 09:12:46</t>
  </si>
  <si>
    <t>01/20/2020 09:12:50</t>
  </si>
  <si>
    <t>01/20/2020 09:12:57</t>
  </si>
  <si>
    <t>01/20/2020 09:13:05</t>
  </si>
  <si>
    <t>01/20/2020 09:13:06</t>
  </si>
  <si>
    <t>01/20/2020 09:13:12</t>
  </si>
  <si>
    <t>2169ae17-3059-4868-a640-8f2b4080f446.tmp</t>
  </si>
  <si>
    <t>\\acsfs\profiles$\rafaelamsv\Downloads\2169ae17-3059-4868-a640-8f2b4080f446.tmp</t>
  </si>
  <si>
    <t>01/20/2020 09:14:25</t>
  </si>
  <si>
    <t>01/20/2020 09:16:23</t>
  </si>
  <si>
    <t>01/20/2020 09:17:33</t>
  </si>
  <si>
    <t>01/20/2020 09:19:21</t>
  </si>
  <si>
    <t>01/20/2020 09:17:05</t>
  </si>
  <si>
    <t>01/20/2020 09:14:45</t>
  </si>
  <si>
    <t>01/20/2020 09:15:44</t>
  </si>
  <si>
    <t>01/20/2020 09:18:18</t>
  </si>
  <si>
    <t>01/20/2020 09:20:21</t>
  </si>
  <si>
    <t>01/20/2020 09:18:19</t>
  </si>
  <si>
    <t>lu240763wrvi8.tmp</t>
  </si>
  <si>
    <t>\\acsfs\profiles$\dhiulliananads\My Documents\lu240763wrvi8.tmp</t>
  </si>
  <si>
    <t>\\acsfs\profiles$\dhiulliananads\My Documents\lu240763wrvi8.tmp\</t>
  </si>
  <si>
    <t>\\acsfs\profiles$\dhiulliananads\My Documents\lu240763wrvi8.tmp\META-INF\</t>
  </si>
  <si>
    <t>\\acsfs\profiles$\dhiulliananads\My Documents\lu240763wrvi8.tmp\Thumbnails\</t>
  </si>
  <si>
    <t>01/20/2020 09:18:26</t>
  </si>
  <si>
    <t>lu240763wrvid.tmp</t>
  </si>
  <si>
    <t>\\acsfs\profiles$\dhiulliananads\My Documents\lu240763wrvid.tmp</t>
  </si>
  <si>
    <t>\\acsfs\profiles$\dhiulliananads\My Documents\lu240763wrvid.tmp\</t>
  </si>
  <si>
    <t>\\acsfs\profiles$\dhiulliananads\My Documents\lu240763wrvid.tmp\META-INF\</t>
  </si>
  <si>
    <t>\\acsfs\profiles$\dhiulliananads\My Documents\lu240763wrvid.tmp\Thumbnails\</t>
  </si>
  <si>
    <t>01/20/2020 09:14:59</t>
  </si>
  <si>
    <t>01/20/2020 09:15:33</t>
  </si>
  <si>
    <t>01/20/2020 09:15:40</t>
  </si>
  <si>
    <t>Pausas - FINANCEIRA - Cópia.xlsb</t>
  </si>
  <si>
    <t>\\acsfs\DEPTOS\Operacao\PCP\5 - Comum\PLANEJAMENTO BV\14 - ACOMPANHAMENTO\1 - REPORT ACOMPANHAMENTO\2020\1 - JANEIRO\FINANCEIRA\Pausas - FINANCEIRA - Cópia.xlsb</t>
  </si>
  <si>
    <t>01/20/2020 09:16:29</t>
  </si>
  <si>
    <t>Pausas - FINANCEIRA -Enviar.xlsb</t>
  </si>
  <si>
    <t>\\acsfs\DEPTOS\Operacao\PCP\5 - Comum\PLANEJAMENTO BV\14 - ACOMPANHAMENTO\1 - REPORT ACOMPANHAMENTO\2020\1 - JANEIRO\FINANCEIRA\Pausas - FINANCEIRA -Enviar.xlsb</t>
  </si>
  <si>
    <t>01/20/2020 09:16:34</t>
  </si>
  <si>
    <t>01/20/2020 09:16:40</t>
  </si>
  <si>
    <t>mail.google.com/_/upload?authuser=0&amp;dcp=asu-n&amp;upload_id=AEnB2UpHIfjo1FuFPvuKJZqXUqx1TeHkxuIhSFNvindMeRWygfMcKw8ljfFDawTRKzvVKDmyK8rV5UvZyy3CaCZdNQw6Dt00Kw&amp;upload_protocol=resumable</t>
  </si>
  <si>
    <t>01/20/2020 09:17:38</t>
  </si>
  <si>
    <t>01/20/2020 09:21:22</t>
  </si>
  <si>
    <t>81820ae5-b5ca-48d6-9d84-7b79a4dbcf40.tmp</t>
  </si>
  <si>
    <t>\\acsfs\profiles$\esterasg\Downloads\81820ae5-b5ca-48d6-9d84-7b79a4dbcf40.tmp</t>
  </si>
  <si>
    <t>01/20/2020 09:19:43</t>
  </si>
  <si>
    <t>01/20/2020 09:18:00</t>
  </si>
  <si>
    <t>01/20/2020 09:18:29</t>
  </si>
  <si>
    <t>01/20/2020 09:16:56</t>
  </si>
  <si>
    <t>01/20/2020 09:22:22</t>
  </si>
  <si>
    <t>01/20/2020 09:17:26</t>
  </si>
  <si>
    <t>01/20/2020 09:18:56</t>
  </si>
  <si>
    <t>01/20/2020 09:19:27</t>
  </si>
  <si>
    <t>01/20/2020 09:19:57</t>
  </si>
  <si>
    <t>01/20/2020 09:19:55</t>
  </si>
  <si>
    <t>1fd5ebdb-5ed6-486c-9c23-3bcfdb61efb4.tmp</t>
  </si>
  <si>
    <t>\\acsfs\profiles$\wenderbnm\Downloads\1fd5ebdb-5ed6-486c-9c23-3bcfdb61efb4.tmp</t>
  </si>
  <si>
    <t>01/20/2020 09:18:08</t>
  </si>
  <si>
    <t>01/20/2020 09:18:09</t>
  </si>
  <si>
    <t>01/20/2020 09:18:38</t>
  </si>
  <si>
    <t>01/20/2020 09:19:01</t>
  </si>
  <si>
    <t>01/20/2020 09:19:02</t>
  </si>
  <si>
    <t>01/20/2020 09:19:03</t>
  </si>
  <si>
    <t>01/20/2020 09:19:04</t>
  </si>
  <si>
    <t>01/20/2020 09:19:05</t>
  </si>
  <si>
    <t>01/20/2020 09:23:22</t>
  </si>
  <si>
    <t>01/20/2020 09:17:54</t>
  </si>
  <si>
    <t>lu691285q20g4.tmp</t>
  </si>
  <si>
    <t>\\acsfs\profiles$\ALEXANDREMM\lu691285q20g4.tmp</t>
  </si>
  <si>
    <t>\\acsfs\profiles$\ALEXANDREMM\lu691285q20g4.tmp\</t>
  </si>
  <si>
    <t>\\acsfs\profiles$\ALEXANDREMM\lu691285q20g4.tmp\META-INF\</t>
  </si>
  <si>
    <t>\\acsfs\profiles$\ALEXANDREMM\lu691285q20g4.tmp\Thumbnails\</t>
  </si>
  <si>
    <t>01/20/2020 09:21:38</t>
  </si>
  <si>
    <t>01/20/2020 09:21:40</t>
  </si>
  <si>
    <t>01/20/2020 09:21:43</t>
  </si>
  <si>
    <t>01/20/2020 09:21:44</t>
  </si>
  <si>
    <t>01/20/2020 09:21:47</t>
  </si>
  <si>
    <t>01/20/2020 09:21:48</t>
  </si>
  <si>
    <t>01/20/2020 09:22:00</t>
  </si>
  <si>
    <t>01/20/2020 09:22:02</t>
  </si>
  <si>
    <t>01/20/2020 09:22:05</t>
  </si>
  <si>
    <t>01/20/2020 09:22:06</t>
  </si>
  <si>
    <t>01/20/2020 09:22:07</t>
  </si>
  <si>
    <t>01/20/2020 09:22:08</t>
  </si>
  <si>
    <t>01/20/2020 09:22:09</t>
  </si>
  <si>
    <t>01/20/2020 09:22:10</t>
  </si>
  <si>
    <t>01/20/2020 09:22:11</t>
  </si>
  <si>
    <t>01/20/2020 09:22:12</t>
  </si>
  <si>
    <t>01/20/2020 09:22:15</t>
  </si>
  <si>
    <t>01/20/2020 09:22:16</t>
  </si>
  <si>
    <t>01/20/2020 09:22:19</t>
  </si>
  <si>
    <t>01/20/2020 09:22:20</t>
  </si>
  <si>
    <t>01/20/2020 09:22:21</t>
  </si>
  <si>
    <t>01/20/2020 09:22:24</t>
  </si>
  <si>
    <t>01/20/2020 09:22:25</t>
  </si>
  <si>
    <t>01/20/2020 09:22:26</t>
  </si>
  <si>
    <t>01/20/2020 09:22:28</t>
  </si>
  <si>
    <t>01/20/2020 09:22:29</t>
  </si>
  <si>
    <t>01/20/2020 09:22:30</t>
  </si>
  <si>
    <t>01/20/2020 09:22:31</t>
  </si>
  <si>
    <t>01/20/2020 09:22:32</t>
  </si>
  <si>
    <t>01/20/2020 09:22:33</t>
  </si>
  <si>
    <t>01/20/2020 09:22:35</t>
  </si>
  <si>
    <t>01/20/2020 09:22:37</t>
  </si>
  <si>
    <t>01/20/2020 09:22:39</t>
  </si>
  <si>
    <t>01/20/2020 09:22:40</t>
  </si>
  <si>
    <t>01/20/2020 09:22:42</t>
  </si>
  <si>
    <t>01/20/2020 09:22:44</t>
  </si>
  <si>
    <t>01/20/2020 09:22:45</t>
  </si>
  <si>
    <t>01/20/2020 09:22:48</t>
  </si>
  <si>
    <t>01/20/2020 09:22:49</t>
  </si>
  <si>
    <t>cca9d00f-3193-495a-ac83-579ced1850de.tmp</t>
  </si>
  <si>
    <t>\\acsfs\profiles$\felipetds\Downloads\cca9d00f-3193-495a-ac83-579ced1850de.tmp</t>
  </si>
  <si>
    <t>01/20/2020 09:24:22</t>
  </si>
  <si>
    <t>01/20/2020 09:20:50</t>
  </si>
  <si>
    <t>1 advertencia - baixa produtividade.doc</t>
  </si>
  <si>
    <t>01/20/2020 09:22:18</t>
  </si>
  <si>
    <t>01/20/2020 09:23:30</t>
  </si>
  <si>
    <t>http:///batch/drive/v2internal?%24ct=multipart%2Fmixed%3B%20boundary%3D%22%3D%3D%3D%3D%3Dv2tni8gaxbao%3D%3D%3D%3D%3D%22&amp;key=AIzaSyAy9VVXHSpS2IJpptzYtGbLP3-3_l0aBk4</t>
  </si>
  <si>
    <t>01/20/2020 09:23:31</t>
  </si>
  <si>
    <t>http:///batch/drive/v2internal?%24ct=multipart%2Fmixed%3B%20boundary%3D%22%3D%3D%3D%3D%3Dim8f8gch97k8%3D%3D%3D%3D%3D%22&amp;key=AIzaSyAy9VVXHSpS2IJpptzYtGbLP3-3_l0aBk4</t>
  </si>
  <si>
    <t>http:///batch/drive/v2internal?%24ct=multipart%2Fmixed%3B%20boundary%3D%22%3D%3D%3D%3D%3D4ezj5mivnml%3D%3D%3D%3D%3D%22&amp;key=AIzaSyAy9VVXHSpS2IJpptzYtGbLP3-3_l0aBk4</t>
  </si>
  <si>
    <t>01/20/2020 09:21:39</t>
  </si>
  <si>
    <t>Link De Acesso.txt</t>
  </si>
  <si>
    <t>\\acsfs\profiles$\jessicanes\My Documents\Link De Acesso.txt</t>
  </si>
  <si>
    <t>01/20/2020 09:25:22</t>
  </si>
  <si>
    <t>01/20/2020 09:22:55</t>
  </si>
  <si>
    <t>01/20/2020 09:23:00</t>
  </si>
  <si>
    <t>01/20/2020 09:26:22</t>
  </si>
  <si>
    <t>01/20/2020 09:25:50</t>
  </si>
  <si>
    <t>01/20/2020 09:21:57</t>
  </si>
  <si>
    <t>01/20/2020 09:27:22</t>
  </si>
  <si>
    <t>01/20/2020 09:22:57</t>
  </si>
  <si>
    <t>01/20/2020 09:24:27</t>
  </si>
  <si>
    <t>01/20/2020 09:24:57</t>
  </si>
  <si>
    <t>01/20/2020 09:25:27</t>
  </si>
  <si>
    <t>01/20/2020 09:24:40</t>
  </si>
  <si>
    <t>1e7b3f24-339b-45c4-80fc-5ebcbdcc6e2e.tmp</t>
  </si>
  <si>
    <t>\\acsfs\profiles$\LAISLG\Downloads\1e7b3f24-339b-45c4-80fc-5ebcbdcc6e2e.tmp</t>
  </si>
  <si>
    <t>01/20/2020 09:26:09</t>
  </si>
  <si>
    <t>1cc824b1-d5d1-4aa8-a071-72a09d7a3ddb.tmp</t>
  </si>
  <si>
    <t>\\acsfs\profiles$\LAISLG\Downloads\1cc824b1-d5d1-4aa8-a071-72a09d7a3ddb.tmp</t>
  </si>
  <si>
    <t>01/20/2020 09:28:22</t>
  </si>
  <si>
    <t>01/20/2020 09:22:59</t>
  </si>
  <si>
    <t>01/20/2020 09:26:55</t>
  </si>
  <si>
    <t>0ed07ffc-35e4-4847-aebf-080d4c61a163.tmp</t>
  </si>
  <si>
    <t>\\acsfs\profiles$\gabrielsma\Downloads\0ed07ffc-35e4-4847-aebf-080d4c61a163.tmp</t>
  </si>
  <si>
    <t>01/20/2020 09:27:00</t>
  </si>
  <si>
    <t>Não confirmado 75903.crdownload</t>
  </si>
  <si>
    <t>\\acsfs\ACS\Gabriel da Silva\Contemporânea\Acessos\Não confirmado 75903.crdownload</t>
  </si>
  <si>
    <t>01/20/2020 09:27:31</t>
  </si>
  <si>
    <t>988fc41c-5ee5-477a-8d50-58df7ee71e3d.tmp</t>
  </si>
  <si>
    <t>\\acsfs\profiles$\gabrielsma\Downloads\988fc41c-5ee5-477a-8d50-58df7ee71e3d.tmp</t>
  </si>
  <si>
    <t>01/20/2020 09:23:13</t>
  </si>
  <si>
    <t>01/20/2020 09:25:03</t>
  </si>
  <si>
    <t>35f833f1-b339-4ffb-bb19-207bc991c824.tmp</t>
  </si>
  <si>
    <t>\\acsfs\profiles$\kellzylenneasr\Downloads\35f833f1-b339-4ffb-bb19-207bc991c824.tmp</t>
  </si>
  <si>
    <t>01/20/2020 09:26:00</t>
  </si>
  <si>
    <t>2e5316bf-9c04-4e9b-8bd1-533f5c39eab7.tmp</t>
  </si>
  <si>
    <t>\\acsfs\profiles$\kellzylenneasr\Downloads\2e5316bf-9c04-4e9b-8bd1-533f5c39eab7.tmp</t>
  </si>
  <si>
    <t>01/20/2020 09:24:46</t>
  </si>
  <si>
    <t>01/20/2020 09:29:21</t>
  </si>
  <si>
    <t>f1d3cac7-a91a-4da5-8245-231e07b9882d.tmp</t>
  </si>
  <si>
    <t>\\acsfs\profiles$\valeriasda\Downloads\f1d3cac7-a91a-4da5-8245-231e07b9882d.tmp</t>
  </si>
  <si>
    <t>01/20/2020 09:24:52</t>
  </si>
  <si>
    <t>75b5e63f-2c1e-4d99-83af-ddb5e068b945.tmp</t>
  </si>
  <si>
    <t>\\acsfs\profiles$\valeriasda\Downloads\75b5e63f-2c1e-4d99-83af-ddb5e068b945.tmp</t>
  </si>
  <si>
    <t>01/20/2020 09:25:09</t>
  </si>
  <si>
    <t>71cfb4d0-6296-43bc-ba57-d9e075378fa8.tmp</t>
  </si>
  <si>
    <t>\\acsfs\profiles$\valeriasda\Downloads\71cfb4d0-6296-43bc-ba57-d9e075378fa8.tmp</t>
  </si>
  <si>
    <t>01/20/2020 09:25:16</t>
  </si>
  <si>
    <t>dd9bde48-0178-4ccc-8e0f-0cf13e503c82.tmp</t>
  </si>
  <si>
    <t>\\acsfs\profiles$\valeriasda\Downloads\dd9bde48-0178-4ccc-8e0f-0cf13e503c82.tmp</t>
  </si>
  <si>
    <t>01/20/2020 09:26:56</t>
  </si>
  <si>
    <t>kit_pre_deslig_pedido_demissao_trabalhado_104692_estella lilian azevedo rosa.pdf</t>
  </si>
  <si>
    <t>01/20/2020 09:30:22</t>
  </si>
  <si>
    <t>01/20/2020 09:27:51</t>
  </si>
  <si>
    <t>01/20/2020 09:27:55</t>
  </si>
  <si>
    <t>01/20/2020 09:28:14</t>
  </si>
  <si>
    <t>01/20/2020 09:28:58</t>
  </si>
  <si>
    <t>01/20/2020 09:31:21</t>
  </si>
  <si>
    <t>f995b38d-f607-4d2e-be79-136fd05a4cf5.tmp</t>
  </si>
  <si>
    <t>\\acsfs\profiles$\jhonatadss\Downloads\f995b38d-f607-4d2e-be79-136fd05a4cf5.tmp</t>
  </si>
  <si>
    <t>01/20/2020 09:29:00</t>
  </si>
  <si>
    <t>88d466ed-86a5-448d-bd56-6497c0e028a3.tmp</t>
  </si>
  <si>
    <t>\\acsfs\profiles$\jhonatadss\Downloads\88d466ed-86a5-448d-bd56-6497c0e028a3.tmp</t>
  </si>
  <si>
    <t>01/20/2020 09:30:12</t>
  </si>
  <si>
    <t>9c560474-ff7a-4679-8768-ca37173dae84.tmp</t>
  </si>
  <si>
    <t>\\acsfs\profiles$\jhonatadss\Downloads\9c560474-ff7a-4679-8768-ca37173dae84.tmp</t>
  </si>
  <si>
    <t>01/20/2020 09:30:14</t>
  </si>
  <si>
    <t>21cb7c0a-0cb4-4997-b1bc-a0a463a7d2e7.tmp</t>
  </si>
  <si>
    <t>\\acsfs\profiles$\jhonatadss\Downloads\21cb7c0a-0cb4-4997-b1bc-a0a463a7d2e7.tmp</t>
  </si>
  <si>
    <t>01/20/2020 09:26:21</t>
  </si>
  <si>
    <t>01/20/2020 09:26:30</t>
  </si>
  <si>
    <t>01/20/2020 09:26:45</t>
  </si>
  <si>
    <t>01/20/2020 09:26:54</t>
  </si>
  <si>
    <t>01/20/2020 09:27:35</t>
  </si>
  <si>
    <t>01/20/2020 09:27:38</t>
  </si>
  <si>
    <t>01/20/2020 09:27:42</t>
  </si>
  <si>
    <t>01/20/2020 09:27:43</t>
  </si>
  <si>
    <t>01/20/2020 09:27:50</t>
  </si>
  <si>
    <t>01/20/2020 09:28:13</t>
  </si>
  <si>
    <t>01/20/2020 09:28:23</t>
  </si>
  <si>
    <t>01/20/2020 09:28:57</t>
  </si>
  <si>
    <t>01/20/2020 09:29:15</t>
  </si>
  <si>
    <t>01/20/2020 09:29:32</t>
  </si>
  <si>
    <t>01/20/2020 09:29:54</t>
  </si>
  <si>
    <t>01/20/2020 09:30:02</t>
  </si>
  <si>
    <t>01/20/2020 09:30:04</t>
  </si>
  <si>
    <t>01/20/2020 09:30:07</t>
  </si>
  <si>
    <t>01/20/2020 09:30:25</t>
  </si>
  <si>
    <t>01/20/2020 09:30:28</t>
  </si>
  <si>
    <t>01/20/2020 09:30:31</t>
  </si>
  <si>
    <t>01/20/2020 09:30:43</t>
  </si>
  <si>
    <t>01/20/2020 09:30:52</t>
  </si>
  <si>
    <t>01/20/2020 09:32:22</t>
  </si>
  <si>
    <t>01/20/2020 09:27:56</t>
  </si>
  <si>
    <t>01/20/2020 09:27:16</t>
  </si>
  <si>
    <t>d2c4ae06-b402-49ca-8235-20ee0402e2fd.tmp</t>
  </si>
  <si>
    <t>\\acsfs\profiles$\lorrainerdl\Downloads\d2c4ae06-b402-49ca-8235-20ee0402e2fd.tmp</t>
  </si>
  <si>
    <t>01/20/2020 09:32:20</t>
  </si>
  <si>
    <t>01/20/2020 09:33:21</t>
  </si>
  <si>
    <t>100016016412308;andrelpsa@algartech.com;joaogvc@algartech.com;josiascdsj@algartech.com;leonardoao@algartech.com;marianadjc@algartech.com;maristelavodq@bv.algartech.com;paulacn@algartech.com;qualidadealgarbv@algartech.com;supervisaobancovotorantim@algartech.com;taysdss@algartech.com;thiagolrc@bv.algartech.com;</t>
  </si>
  <si>
    <t>100016016412308,andrelpsa@algartech.com,joaogvc@algartech.com,josiascdsj@algartech.com,leonardoao@algartech.com,marianadjc@algartech.com,maristelavodq@bv.algartech.com,paulacn@algartech.com,qualidadealgarbv@algartech.com,supervisaobancovotorantim@algartech.com,taysdss@algartech.com,thiagolrc@bv.algartech.com</t>
  </si>
  <si>
    <t>01/20/2020 09:27:53</t>
  </si>
  <si>
    <t>01/20/2020 09:30:06</t>
  </si>
  <si>
    <t>01/20/2020 09:34:22</t>
  </si>
  <si>
    <t>01/20/2020 09:33:27</t>
  </si>
  <si>
    <t>3933217e-85f8-447c-b56f-80abc76bd7f8.tmp</t>
  </si>
  <si>
    <t>\\acsfs\profiles$\larissaad\Downloads\3933217e-85f8-447c-b56f-80abc76bd7f8.tmp</t>
  </si>
  <si>
    <t>01/20/2020 09:35:21</t>
  </si>
  <si>
    <t>01/20/2020 09:30:11</t>
  </si>
  <si>
    <t>01/20/2020 09:34:00</t>
  </si>
  <si>
    <t>andrelpsa@algartech.com;joaogvc@algartech.com;leonardoao@algartech.com;marianadjc@algartech.com;maristelavodq@bv.algartech.com;paulacn@algartech.com;ricardodfm@algartech.com.br;sofiamses@algartech.com;taysdss@algartech.com;viniciussg@algartech.com;</t>
  </si>
  <si>
    <t>andrelpsa@algartech.com,joaogvc@algartech.com,leonardoao@algartech.com,marianadjc@algartech.com,maristelavodq@bv.algartech.com,paulacn@algartech.com,ricardodfm@algartech.com.br,sofiamses@algartech.com,taysdss@algartech.com,viniciussg@algartech.com</t>
  </si>
  <si>
    <t>01/20/2020 09:36:22</t>
  </si>
  <si>
    <t>01/20/2020 09:31:40</t>
  </si>
  <si>
    <t>01/20/2020 09:31:47</t>
  </si>
  <si>
    <t>01/20/2020 09:31:57</t>
  </si>
  <si>
    <t>01/20/2020 09:32:08</t>
  </si>
  <si>
    <t>01/20/2020 09:34:58</t>
  </si>
  <si>
    <t>01/20/2020 09:37:21</t>
  </si>
  <si>
    <t>01/20/2020 09:35:28</t>
  </si>
  <si>
    <t>01/20/2020 09:35:58</t>
  </si>
  <si>
    <t>01/20/2020 09:36:01</t>
  </si>
  <si>
    <t>01/20/2020 09:38:22</t>
  </si>
  <si>
    <t>284f1a93-cb88-47ea-b319-76db039c27d3.tmp</t>
  </si>
  <si>
    <t>\\acsfs\profiles$\jessicafc\Downloads\284f1a93-cb88-47ea-b319-76db039c27d3.tmp</t>
  </si>
  <si>
    <t>01/20/2020 09:32:47</t>
  </si>
  <si>
    <t>01/20/2020 09:32:51</t>
  </si>
  <si>
    <t>01/20/2020 09:33:14</t>
  </si>
  <si>
    <t>01/20/2020 09:33:33</t>
  </si>
  <si>
    <t>01/20/2020 09:33:54</t>
  </si>
  <si>
    <t>01/20/2020 09:34:01</t>
  </si>
  <si>
    <t>01/20/2020 09:34:05</t>
  </si>
  <si>
    <t>01/20/2020 09:34:08</t>
  </si>
  <si>
    <t>01/20/2020 09:34:11</t>
  </si>
  <si>
    <t>01/20/2020 09:34:13</t>
  </si>
  <si>
    <t>01/20/2020 09:34:19</t>
  </si>
  <si>
    <t>01/20/2020 09:34:23</t>
  </si>
  <si>
    <t>01/20/2020 09:34:46</t>
  </si>
  <si>
    <t>01/20/2020 09:35:16</t>
  </si>
  <si>
    <t>71d1198a-4f78-42a3-95a7-ab03ae498abb.tmp</t>
  </si>
  <si>
    <t>\\acsfs\profiles$\claudiajca\Downloads\71d1198a-4f78-42a3-95a7-ab03ae498abb.tmp</t>
  </si>
  <si>
    <t>01/20/2020 09:35:34</t>
  </si>
  <si>
    <t>0907817f-f9f1-4f89-b014-51bd3a276ef3.tmp</t>
  </si>
  <si>
    <t>\\acsfs\profiles$\nathaliarmr\Downloads\0907817f-f9f1-4f89-b014-51bd3a276ef3.tmp</t>
  </si>
  <si>
    <t>01/20/2020 09:39:21</t>
  </si>
  <si>
    <t>01/20/2020 09:34:36</t>
  </si>
  <si>
    <t>01/20/2020 09:34:51</t>
  </si>
  <si>
    <t>01/20/2020 09:34:56</t>
  </si>
  <si>
    <t>01/20/2020 09:34:59</t>
  </si>
  <si>
    <t>01/20/2020 09:35:25</t>
  </si>
  <si>
    <t>01/20/2020 09:35:35</t>
  </si>
  <si>
    <t>01/20/2020 09:35:47</t>
  </si>
  <si>
    <t>01/20/2020 09:36:56</t>
  </si>
  <si>
    <t>01/20/2020 09:37:00</t>
  </si>
  <si>
    <t>01/20/2020 09:37:20</t>
  </si>
  <si>
    <t>01/20/2020 09:37:24</t>
  </si>
  <si>
    <t>01/20/2020 09:37:26</t>
  </si>
  <si>
    <t>01/20/2020 09:37:32</t>
  </si>
  <si>
    <t>01/20/2020 09:37:44</t>
  </si>
  <si>
    <t>01/20/2020 09:38:06</t>
  </si>
  <si>
    <t>01/20/2020 09:38:13</t>
  </si>
  <si>
    <t>01/20/2020 09:38:36</t>
  </si>
  <si>
    <t>01/20/2020 09:38:40</t>
  </si>
  <si>
    <t>http:///batch/drive/v2internal?%24ct=multipart%2Fmixed%3B%20boundary%3D%22%3D%3D%3D%3D%3D3cwzt47tgrcm%3D%3D%3D%3D%3D%22&amp;key=AIzaSyAy9VVXHSpS2IJpptzYtGbLP3-3_l0aBk4</t>
  </si>
  <si>
    <t>http:///batch/drive/v2internal?%24ct=multipart%2Fmixed%3B%20boundary%3D%22%3D%3D%3D%3D%3Dflqfcatth9oq%3D%3D%3D%3D%3D%22&amp;key=AIzaSyAy9VVXHSpS2IJpptzYtGbLP3-3_l0aBk4</t>
  </si>
  <si>
    <t>01/20/2020 09:38:41</t>
  </si>
  <si>
    <t>01/20/2020 09:38:42</t>
  </si>
  <si>
    <t>http:///batch/drive/v2internal?%24ct=multipart%2Fmixed%3B%20boundary%3D%22%3D%3D%3D%3D%3Dlu76f5nc82z8%3D%3D%3D%3D%3D%22&amp;key=AIzaSyAy9VVXHSpS2IJpptzYtGbLP3-3_l0aBk4</t>
  </si>
  <si>
    <t>01/20/2020 09:37:38</t>
  </si>
  <si>
    <t>01/20/2020 09:40:22</t>
  </si>
  <si>
    <t>298cd0b2-6ed0-431d-a0d6-3a5a7911f599.tmp</t>
  </si>
  <si>
    <t>\\acsfs\profiles$\gabrielaff\Downloads\298cd0b2-6ed0-431d-a0d6-3a5a7911f599.tmp</t>
  </si>
  <si>
    <t>01/20/2020 09:35:36</t>
  </si>
  <si>
    <t>\\acsfs\Deptos\EDUCACAO EMPRESARIAL\FERNANDA MONIT\Acompanhamento Filas.xlsx</t>
  </si>
  <si>
    <t>01/20/2020 09:35:37</t>
  </si>
  <si>
    <t>\\acsfs\Deptos\EDUCACAO EMPRESARIAL\FERNANDA MONIT\Acompanhamento Filas.xlsx\</t>
  </si>
  <si>
    <t>\\acsfs\Deptos\EDUCACAO EMPRESARIAL\FERNANDA MONIT\Acompanhamento Filas.xlsx\:Zone.Identifier:$DATA</t>
  </si>
  <si>
    <t>01/20/2020 09:39:17</t>
  </si>
  <si>
    <t>01/20/2020 09:41:21</t>
  </si>
  <si>
    <t>01/20/2020 09:36:58</t>
  </si>
  <si>
    <t>01/20/2020 09:42:21</t>
  </si>
  <si>
    <t>01/20/2020 09:39:58</t>
  </si>
  <si>
    <t>01/20/2020 09:40:28</t>
  </si>
  <si>
    <t>01/20/2020 09:41:28</t>
  </si>
  <si>
    <t>01/20/2020 09:38:19</t>
  </si>
  <si>
    <t>855d4e54-5c33-40b3-948e-f061e2deb711.tmp</t>
  </si>
  <si>
    <t>\\acsfs\profiles$\rafaelacdoc\Downloads\855d4e54-5c33-40b3-948e-f061e2deb711.tmp</t>
  </si>
  <si>
    <t>01/20/2020 09:40:32</t>
  </si>
  <si>
    <t>db86bd6c-b96a-453f-800e-99f4a3bdbe9b.tmp</t>
  </si>
  <si>
    <t>\\acsfs\profiles$\rafaelacdoc\Downloads\db86bd6c-b96a-453f-800e-99f4a3bdbe9b.tmp</t>
  </si>
  <si>
    <t>01/20/2020 09:38:09</t>
  </si>
  <si>
    <t>01/20/2020 09:43:21</t>
  </si>
  <si>
    <t>62c05abf-2d79-497b-9641-c9925f40114a.tmp</t>
  </si>
  <si>
    <t>\\acsfs\profiles$\jessicafc\Downloads\62c05abf-2d79-497b-9641-c9925f40114a.tmp</t>
  </si>
  <si>
    <t>01/20/2020 09:38:30</t>
  </si>
  <si>
    <t>https://andrelpsa@algartech.com,joaogvc@algartech.com,josiascdsj@algartech.com,leonardoao@algartech.com,marianadjc@algartech.com,maristelavodq@bv.algartech.com,paulacn@algartech.com,qualidadealgarbv@algartech.com,supervisaobancovotorantim@algartech.com,taysdss@algartech.com,thiagolrc@bv.algartech.com</t>
  </si>
  <si>
    <t>01/20/2020 09:41:08</t>
  </si>
  <si>
    <t>f9e1bdf4-c0ef-426e-a33b-ab0836d716cc.tmp</t>
  </si>
  <si>
    <t>\\acsfs\profiles$\adelvinsonle\Downloads\f9e1bdf4-c0ef-426e-a33b-ab0836d716cc.tmp</t>
  </si>
  <si>
    <t>01/20/2020 09:41:13</t>
  </si>
  <si>
    <t>01/20/2020 09:41:43</t>
  </si>
  <si>
    <t>01/20/2020 09:42:19</t>
  </si>
  <si>
    <t>c26f4853-3e32-4088-87f1-f02c1bba3f18.tmp</t>
  </si>
  <si>
    <t>\\acsfs\profiles$\adelvinsonle\Downloads\c26f4853-3e32-4088-87f1-f02c1bba3f18.tmp</t>
  </si>
  <si>
    <t>01/20/2020 09:41:48</t>
  </si>
  <si>
    <t>01/20/2020 09:44:21</t>
  </si>
  <si>
    <t>10.200.67.18</t>
  </si>
  <si>
    <t>74-86-7A-FB-17-21</t>
  </si>
  <si>
    <t>VOTORANT-PB006</t>
  </si>
  <si>
    <t>luanaldsi</t>
  </si>
  <si>
    <t>\\acsfs\profiles$\luanaldsi\Contacts\</t>
  </si>
  <si>
    <t>LUANA LOPES DA SILVA (8320).contact</t>
  </si>
  <si>
    <t>\\acsfs\profiles$\luanaldsi\Contacts\LUANA LOPES DA SILVA (8320).contact</t>
  </si>
  <si>
    <t>01/20/2020 09:42:09</t>
  </si>
  <si>
    <t>\\acsfs\profiles$\luanaldsi\My Documents\My Videos\</t>
  </si>
  <si>
    <t>\\acsfs\profiles$\luanaldsi\My Documents\My Videos\desktop.ini</t>
  </si>
  <si>
    <t>01/20/2020 09:42:47</t>
  </si>
  <si>
    <t>f0ada983-cd30-421b-b150-fe1ef1c76ddd.tmp</t>
  </si>
  <si>
    <t>\\acsfs\profiles$\isabellegtds\Downloads\f0ada983-cd30-421b-b150-fe1ef1c76ddd.tmp</t>
  </si>
  <si>
    <t>01/20/2020 09:42:10</t>
  </si>
  <si>
    <t>\\acsfs\profiles$\luanaldsi\My Documents\My Pictures\</t>
  </si>
  <si>
    <t>\\acsfs\profiles$\luanaldsi\My Documents\My Pictures\desktop.ini</t>
  </si>
  <si>
    <t>\\acsfs\profiles$\luanaldsi\Contacts\desktop.ini</t>
  </si>
  <si>
    <t>\\acsfs\profiles$\luanaldsi\Favorites\</t>
  </si>
  <si>
    <t>\\acsfs\profiles$\luanaldsi\Favorites\desktop.ini</t>
  </si>
  <si>
    <t>01/20/2020 09:42:11</t>
  </si>
  <si>
    <t>\\acsfs\profiles$\luanaldsi\My Documents\My Music\</t>
  </si>
  <si>
    <t>\\acsfs\profiles$\luanaldsi\My Documents\My Music\desktop.ini</t>
  </si>
  <si>
    <t>01/20/2020 09:42:12</t>
  </si>
  <si>
    <t>01/20/2020 09:42:13</t>
  </si>
  <si>
    <t>\\acsfs\profiles$\luanaldsi\Searches\</t>
  </si>
  <si>
    <t>\\acsfs\profiles$\luanaldsi\Searches\desktop.ini</t>
  </si>
  <si>
    <t>\\acsfs\profiles$\luanaldsi\Downloads\</t>
  </si>
  <si>
    <t>\\acsfs\profiles$\luanaldsi\Downloads\desktop.ini</t>
  </si>
  <si>
    <t>01/20/2020 09:42:14</t>
  </si>
  <si>
    <t>\\acsfs\profiles$\luanaldsi\My Documents\</t>
  </si>
  <si>
    <t>\\acsfs\profiles$\luanaldsi\My Documents\desktop.ini</t>
  </si>
  <si>
    <t>\\acsfs\profiles$\luanaldsi\Saved Games\</t>
  </si>
  <si>
    <t>\\acsfs\profiles$\luanaldsi\Saved Games\desktop.ini</t>
  </si>
  <si>
    <t>01/20/2020 09:42:15</t>
  </si>
  <si>
    <t>01/20/2020 09:42:38</t>
  </si>
  <si>
    <t>\\acsfs\profiles$\luanaldsi\Favorites\Links for Brasil\</t>
  </si>
  <si>
    <t>\\acsfs\profiles$\luanaldsi\Favorites\Links for Brasil\desktop.ini</t>
  </si>
  <si>
    <t>01/20/2020 09:42:41</t>
  </si>
  <si>
    <t>\\acsfs\profiles$\luanaldsi\Favorites\Links for Brasil\Microsoft Brasil.url</t>
  </si>
  <si>
    <t>\\acsfs\profiles$\luanaldsi\Favorites\Links for Brasil\Windows Brasil.url</t>
  </si>
  <si>
    <t>\\acsfs\profiles$\luanaldsi\Favorites\Links for Brasil\MSN Brasil.url</t>
  </si>
  <si>
    <t>01/20/2020 09:38:54</t>
  </si>
  <si>
    <t>01/20/2020 09:38:58</t>
  </si>
  <si>
    <t>01/20/2020 09:39:08</t>
  </si>
  <si>
    <t>01/20/2020 09:39:22</t>
  </si>
  <si>
    <t>01/20/2020 09:40:36</t>
  </si>
  <si>
    <t>f689516e-ac4f-488e-9bb6-63fd1c59a477.tmp</t>
  </si>
  <si>
    <t>\\acsfs\profiles$\larissaad\Downloads\f689516e-ac4f-488e-9bb6-63fd1c59a477.tmp</t>
  </si>
  <si>
    <t>01/20/2020 09:42:03</t>
  </si>
  <si>
    <t>01/20/2020 09:45:22</t>
  </si>
  <si>
    <t>0588f19f-825e-4644-bca2-6f45a1be397a.tmp</t>
  </si>
  <si>
    <t>\\acsfs\profiles$\dhiulliananads\Downloads\0588f19f-825e-4644-bca2-6f45a1be397a.tmp</t>
  </si>
  <si>
    <t>01/20/2020 09:42:25</t>
  </si>
  <si>
    <t>2dd596d8-7924-4c1e-84f2-639f352b23fa.tmp</t>
  </si>
  <si>
    <t>\\acsfs\profiles$\adrielyas\Downloads\2dd596d8-7924-4c1e-84f2-639f352b23fa.tmp</t>
  </si>
  <si>
    <t>01/20/2020 09:42:57</t>
  </si>
  <si>
    <t>fa3f65ae-0e22-482a-a5f9-66b41152bfe0.tmp</t>
  </si>
  <si>
    <t>\\acsfs\profiles$\adrielyas\Downloads\fa3f65ae-0e22-482a-a5f9-66b41152bfe0.tmp</t>
  </si>
  <si>
    <t>01/20/2020 09:40:51</t>
  </si>
  <si>
    <t>01/20/2020 09:40:54</t>
  </si>
  <si>
    <t>01/20/2020 09:41:00</t>
  </si>
  <si>
    <t>01/20/2020 09:41:01</t>
  </si>
  <si>
    <t>01/20/2020 09:40:40</t>
  </si>
  <si>
    <t>01/20/2020 09:44:57</t>
  </si>
  <si>
    <t>RELATORIO DE LOGIN - FINANCEIRA - 16-01 - Cópia.xlsm</t>
  </si>
  <si>
    <t>\\acsfs\DEPTOS\Operacao\PCP\5 - Comum\PLANEJAMENTO BV\14 - ACOMPANHAMENTO\1 - REPORT ACOMPANHAMENTO\2020\1 - JANEIRO\FINANCEIRA\Login Logout Financeira\RELATORIO DE LOGIN - FINANCEIRA - 16-01 - Cópia.xlsm</t>
  </si>
  <si>
    <t>01/20/2020 09:41:25</t>
  </si>
  <si>
    <t>01/20/2020 09:42:17</t>
  </si>
  <si>
    <t>c40e3cdd-6347-47be-b380-428f24b99ff5.tmp</t>
  </si>
  <si>
    <t>\\acsfs\profiles$\marcosvnds\Downloads\c40e3cdd-6347-47be-b380-428f24b99ff5.tmp</t>
  </si>
  <si>
    <t>01/20/2020 09:42:51</t>
  </si>
  <si>
    <t>01/20/2020 09:46:21</t>
  </si>
  <si>
    <t>9daa7321-842b-4e35-b827-3f3ce68c8f17.tmp</t>
  </si>
  <si>
    <t>\\acsfs\profiles$\henriquehmdo\Downloads\9daa7321-842b-4e35-b827-3f3ce68c8f17.tmp</t>
  </si>
  <si>
    <t>01/20/2020 09:42:53</t>
  </si>
  <si>
    <t>91202db6-3c75-455b-b2e6-356f3076cb2b.tmp</t>
  </si>
  <si>
    <t>\\acsfs\profiles$\henriquehmdo\Downloads\91202db6-3c75-455b-b2e6-356f3076cb2b.tmp</t>
  </si>
  <si>
    <t>01/20/2020 09:43:08</t>
  </si>
  <si>
    <t>01/20/2020 09:44:05</t>
  </si>
  <si>
    <t>adc3ec50-77e6-4f21-9486-e5f5f166d666.tmp</t>
  </si>
  <si>
    <t>\\acsfs\profiles$\henriquehmdo\Downloads\adc3ec50-77e6-4f21-9486-e5f5f166d666.tmp</t>
  </si>
  <si>
    <t>01/20/2020 09:45:16</t>
  </si>
  <si>
    <t>01/20/2020 09:41:58</t>
  </si>
  <si>
    <t>01/20/2020 09:47:21</t>
  </si>
  <si>
    <t>01/20/2020 09:42:58</t>
  </si>
  <si>
    <t>01/20/2020 09:43:58</t>
  </si>
  <si>
    <t>01/20/2020 09:44:58</t>
  </si>
  <si>
    <t>01/20/2020 09:45:28</t>
  </si>
  <si>
    <t>01/20/2020 09:45:59</t>
  </si>
  <si>
    <t>01/20/2020 09:43:22</t>
  </si>
  <si>
    <t>01/20/2020 09:48:21</t>
  </si>
  <si>
    <t>01/20/2020 09:45:49</t>
  </si>
  <si>
    <t>outlook.office.com/owa/service.svc?action=CreateItem&amp;app=Mail&amp;n=140</t>
  </si>
  <si>
    <t>01/20/2020 09:45:52</t>
  </si>
  <si>
    <t>outlook.office.com/owa/service.svc?action=UpdateItem&amp;app=Mail&amp;n=144</t>
  </si>
  <si>
    <t>01/20/2020 09:49:22</t>
  </si>
  <si>
    <t>01/20/2020 09:44:14</t>
  </si>
  <si>
    <t>01/20/2020 09:48:52</t>
  </si>
  <si>
    <t>Campanha chamadas atendidas.pptx</t>
  </si>
  <si>
    <t>\\acsfs\Deptos\Operacao\Banco_Votorantim\Comum\Campanha chamadas atendidas.pptx</t>
  </si>
  <si>
    <t>01/20/2020 09:48:01</t>
  </si>
  <si>
    <t>01/20/2020 09:50:21</t>
  </si>
  <si>
    <t>01/20/2020 09:46:35</t>
  </si>
  <si>
    <t>https://andrelpsa@algartech.com,bvcartes-supervisores@algarnet.onmicrosoft.com,joaogvc@algartech.com,leonardoao@algartech.com,marianadjc@algartech.com,maristelavodq@bv.algartech.com,paulacn@algartech.com,rafaelggs@algartech.com,ricardodfm@algartech.com.br,taysdss@algartech.com,thiagordu@algartech.com,viniciussg@algartech.com</t>
  </si>
  <si>
    <t>01/20/2020 09:46:39</t>
  </si>
  <si>
    <t>https://andrelpsa@algartech.com,bvcartes-supervisores@algarnet.onmicrosoft.com,joaogvc@algartech.com,leonardoao@algartech.com,marianadjc@algartech.com,maristelavodq@bv.algartech.com,paulacn@algartech.com,planejamentodeoperacoesetrafego@bv.com.br,rafaelggs@algartech.com,raphaelmco@algartech.com.br,ricardodfm@algartech.com.br,taysdss@algartech.com,thiagordu@algartech.com,viniciussg@algartech.com</t>
  </si>
  <si>
    <t>01/20/2020 09:48:35</t>
  </si>
  <si>
    <t>01/20/2020 09:47:17</t>
  </si>
  <si>
    <t>01/20/2020 09:51:21</t>
  </si>
  <si>
    <t>01/20/2020 09:46:57</t>
  </si>
  <si>
    <t>011380ff-7251-43b5-8ff0-ff6dfd82d53b.tmp</t>
  </si>
  <si>
    <t>\\acsfs\profiles$\talitafdc\Downloads\011380ff-7251-43b5-8ff0-ff6dfd82d53b.tmp</t>
  </si>
  <si>
    <t>01/20/2020 09:47:56</t>
  </si>
  <si>
    <t>01/20/2020 09:48:03</t>
  </si>
  <si>
    <t>01/20/2020 09:47:59</t>
  </si>
  <si>
    <t>01/20/2020 09:52:21</t>
  </si>
  <si>
    <t>01/20/2020 09:48:29</t>
  </si>
  <si>
    <t>01/20/2020 09:49:29</t>
  </si>
  <si>
    <t>01/20/2020 09:50:29</t>
  </si>
  <si>
    <t>01/20/2020 09:50:59</t>
  </si>
  <si>
    <t>01/20/2020 09:51:29</t>
  </si>
  <si>
    <t>01/20/2020 09:52:08</t>
  </si>
  <si>
    <t>01/20/2020 09:53:21</t>
  </si>
  <si>
    <t>01/20/2020 09:49:30</t>
  </si>
  <si>
    <t>Não confirmado 974441.crdownload</t>
  </si>
  <si>
    <t>\\acsfs\ACS\Gabriel da Silva\Contemporânea\NPS\NPS_Voz\Janeiro.20\Não confirmado 974441.crdownload</t>
  </si>
  <si>
    <t>01/20/2020 09:50:19</t>
  </si>
  <si>
    <t>41ae4042-48e1-4dfc-9a1e-b8cea6d324c9.tmp</t>
  </si>
  <si>
    <t>\\acsfs\profiles$\felipetds\Downloads\41ae4042-48e1-4dfc-9a1e-b8cea6d324c9.tmp</t>
  </si>
  <si>
    <t>01/20/2020 09:55:21</t>
  </si>
  <si>
    <t>01/20/2020 09:51:34</t>
  </si>
  <si>
    <t>01/20/2020 09:52:52</t>
  </si>
  <si>
    <t>01/20/2020 09:54:56</t>
  </si>
  <si>
    <t>01/20/2020 09:54:10</t>
  </si>
  <si>
    <t>01/20/2020 09:56:21</t>
  </si>
  <si>
    <t>5994966c-c857-41ea-b1f1-033e5d39c62f.tmp</t>
  </si>
  <si>
    <t>\\acsfs\profiles$\mariagsg\Downloads\5994966c-c857-41ea-b1f1-033e5d39c62f.tmp</t>
  </si>
  <si>
    <t>01/20/2020 09:54:11</t>
  </si>
  <si>
    <t>01/20/2020 09:56:22</t>
  </si>
  <si>
    <t>db91c109-6cb0-497f-8427-0c19beb2c461.tmp</t>
  </si>
  <si>
    <t>\\acsfs\profiles$\mariagsg\Downloads\db91c109-6cb0-497f-8427-0c19beb2c461.tmp</t>
  </si>
  <si>
    <t>01/20/2020 09:54:18</t>
  </si>
  <si>
    <t>01/20/2020 09:54:44</t>
  </si>
  <si>
    <t>01/20/2020 09:56:18</t>
  </si>
  <si>
    <t>01/20/2020 09:57:21</t>
  </si>
  <si>
    <t>2d2b5f78-e76d-4997-89c2-9c04ab77351d.tmp</t>
  </si>
  <si>
    <t>\\acsfs\profiles$\matheushds\Downloads\2d2b5f78-e76d-4997-89c2-9c04ab77351d.tmp</t>
  </si>
  <si>
    <t>01/20/2020 09:56:00</t>
  </si>
  <si>
    <t>01/20/2020 09:56:30</t>
  </si>
  <si>
    <t>01/20/2020 09:54:00</t>
  </si>
  <si>
    <t>13d38d9c-53e3-4959-a15b-6eb7349a9597.tmp</t>
  </si>
  <si>
    <t>\\acsfs\profiles$\lorenabmc\Downloads\13d38d9c-53e3-4959-a15b-6eb7349a9597.tmp</t>
  </si>
  <si>
    <t>222feec8-3fc9-4947-b3a2-7b16908424cd.tmp</t>
  </si>
  <si>
    <t>\\acsfs\profiles$\lorenabmc\Downloads\222feec8-3fc9-4947-b3a2-7b16908424cd.tmp</t>
  </si>
  <si>
    <t>01/20/2020 09:53:45</t>
  </si>
  <si>
    <t>01/20/2020 09:58:22</t>
  </si>
  <si>
    <t>01/20/2020 09:53:46</t>
  </si>
  <si>
    <t>01/20/2020 09:53:47</t>
  </si>
  <si>
    <t>01/20/2020 09:55:54</t>
  </si>
  <si>
    <t>01/20/2020 09:55:42</t>
  </si>
  <si>
    <t>01/20/2020 09:53:39</t>
  </si>
  <si>
    <t>01/20/2020 09:59:21</t>
  </si>
  <si>
    <t>d73a7c17-4b05-410a-bb4c-d97c95175e74.tmp</t>
  </si>
  <si>
    <t>\\acsfs\profiles$\LUCASBS\Downloads\d73a7c17-4b05-410a-bb4c-d97c95175e74.tmp</t>
  </si>
  <si>
    <t>01/20/2020 09:57:31</t>
  </si>
  <si>
    <t>01/20/2020 10:00:22</t>
  </si>
  <si>
    <t>01/20/2020 09:55:29</t>
  </si>
  <si>
    <t>https://andrelpsa@algartech.com,joaogvc@algartech.com,leonardoao@algartech.com,marianadjc@algartech.com,maristelavodq@bv.algartech.com,paulacn@algartech.com,planejamentodeoperacoesetrafego@bv.com.br,raphaelmco@algartech.com.br,ricardodfm@algartech.com.br,taysdss@algartech.com,viniciussg@algartech.com</t>
  </si>
  <si>
    <t>01/20/2020 09:57:53</t>
  </si>
  <si>
    <t>01/20/2020 10:01:22</t>
  </si>
  <si>
    <t>01/20/2020 09:58:33</t>
  </si>
  <si>
    <t>01/20/2020 09:56:52</t>
  </si>
  <si>
    <t>01/20/2020 10:02:21</t>
  </si>
  <si>
    <t>0a3950bd-8b0a-4936-ac51-ea185ab29a70.tmp</t>
  </si>
  <si>
    <t>\\acsfs\profiles$\matheushds\Downloads\0a3950bd-8b0a-4936-ac51-ea185ab29a70.tmp</t>
  </si>
  <si>
    <t>01/20/2020 09:57:29</t>
  </si>
  <si>
    <t>a5fd0847-2a0d-4b17-b770-bdeb2caae53c.tmp</t>
  </si>
  <si>
    <t>\\acsfs\profiles$\matheushds\Downloads\a5fd0847-2a0d-4b17-b770-bdeb2caae53c.tmp</t>
  </si>
  <si>
    <t>a03de97e-467e-4a48-ab1a-14ca8b765732.tmp</t>
  </si>
  <si>
    <t>\\acsfs\profiles$\matheushds\Downloads\a03de97e-467e-4a48-ab1a-14ca8b765732.tmp</t>
  </si>
  <si>
    <t>01/20/2020 10:00:37</t>
  </si>
  <si>
    <t>01/20/2020 10:00:38</t>
  </si>
  <si>
    <t>01/20/2020 09:59:00</t>
  </si>
  <si>
    <t>01/20/2020 09:59:30</t>
  </si>
  <si>
    <t>01/20/2020 10:01:30</t>
  </si>
  <si>
    <t>01/20/2020 09:59:56</t>
  </si>
  <si>
    <t>9e71bf13-3ed7-4400-adc9-da5192536811.tmp</t>
  </si>
  <si>
    <t>\\acsfs\profiles$\gabrielafs\Downloads\9e71bf13-3ed7-4400-adc9-da5192536811.tmp</t>
  </si>
  <si>
    <t>721bed8f-700c-48b6-93ad-576c22de6adb.tmp</t>
  </si>
  <si>
    <t>\\acsfs\profiles$\gabrielafs\Downloads\721bed8f-700c-48b6-93ad-576c22de6adb.tmp</t>
  </si>
  <si>
    <t>7ef205d5-ba40-4d44-a576-04c924b36094.tmp</t>
  </si>
  <si>
    <t>\\acsfs\profiles$\gabrielafs\Downloads\7ef205d5-ba40-4d44-a576-04c924b36094.tmp</t>
  </si>
  <si>
    <t>01/20/2020 09:59:59</t>
  </si>
  <si>
    <t>03f4f352-7472-4028-bc28-5f06e3a02a34.tmp</t>
  </si>
  <si>
    <t>\\acsfs\profiles$\gabrielafs\Downloads\03f4f352-7472-4028-bc28-5f06e3a02a34.tmp</t>
  </si>
  <si>
    <t>01/20/2020 10:01:15</t>
  </si>
  <si>
    <t>3d44a878-5371-4568-a3c1-cfc37889924a.tmp</t>
  </si>
  <si>
    <t>\\acsfs\profiles$\gabrielafs\Downloads\3d44a878-5371-4568-a3c1-cfc37889924a.tmp</t>
  </si>
  <si>
    <t>01/20/2020 09:59:23</t>
  </si>
  <si>
    <t>01/20/2020 10:03:22</t>
  </si>
  <si>
    <t>01/20/2020 10:04:21</t>
  </si>
  <si>
    <t>01/20/2020 10:04:03</t>
  </si>
  <si>
    <t>d035b7ba-bd31-412d-bf87-7f6d19378338.tmp</t>
  </si>
  <si>
    <t>\\acsfs\profiles$\danielac\Downloads\d035b7ba-bd31-412d-bf87-7f6d19378338.tmp</t>
  </si>
  <si>
    <t>01/20/2020 10:00:53</t>
  </si>
  <si>
    <t>01/20/2020 10:05:22</t>
  </si>
  <si>
    <t>5fb28e2a-23ff-429b-bfae-5412dd8a5820.tmp</t>
  </si>
  <si>
    <t>\\acsfs\profiles$\wedersonbadr\My Documents\My Music\5fb28e2a-23ff-429b-bfae-5412dd8a5820.tmp</t>
  </si>
  <si>
    <t>01/20/2020 10:00:59</t>
  </si>
  <si>
    <t>ccb70088-631a-46d8-8db2-a5cc6a970b8d.tmp</t>
  </si>
  <si>
    <t>\\acsfs\profiles$\wedersonbadr\My Documents\My Music\ccb70088-631a-46d8-8db2-a5cc6a970b8d.tmp</t>
  </si>
  <si>
    <t>01/20/2020 10:01:00</t>
  </si>
  <si>
    <t>Não confirmado 436610.crdownload</t>
  </si>
  <si>
    <t>\\acsfs\profiles$\wedersonbadr\My Documents\My Music\Não confirmado 436610.crdownload</t>
  </si>
  <si>
    <t>Não confirmado 873324.crdownload</t>
  </si>
  <si>
    <t>\\acsfs\profiles$\wedersonbadr\My Documents\My Music\Não confirmado 873324.crdownload</t>
  </si>
  <si>
    <t>01/20/2020 10:01:24</t>
  </si>
  <si>
    <t>mail.google.com/mail/u/0/jserror?script=https://mail.google.com/mail/u/0/#inbox/fmfcgxwgctdlkmfdfgfdzmrmkbthlgct&amp;error=class$obf_1010: [/sync/u/0/el2] qg: unsupported http status: 503&amp;line=not available&amp;txz=p</t>
  </si>
  <si>
    <t>01/20/2020 10:06:22</t>
  </si>
  <si>
    <t>01/20/2020 10:01:12</t>
  </si>
  <si>
    <t>10.200.61.160</t>
  </si>
  <si>
    <t>74-86-7A-FB-18-F4</t>
  </si>
  <si>
    <t>VOTORANT-SB023</t>
  </si>
  <si>
    <t>01/20/2020 10:02:00</t>
  </si>
  <si>
    <t>01/20/2020 10:07:22</t>
  </si>
  <si>
    <t>01/20/2020 10:02:31</t>
  </si>
  <si>
    <t>01/20/2020 10:03:01</t>
  </si>
  <si>
    <t>01/20/2020 10:04:01</t>
  </si>
  <si>
    <t>01/20/2020 10:04:31</t>
  </si>
  <si>
    <t>01/20/2020 10:05:31</t>
  </si>
  <si>
    <t>01/20/2020 10:06:01</t>
  </si>
  <si>
    <t>01/20/2020 10:06:31</t>
  </si>
  <si>
    <t>01/20/2020 10:04:30</t>
  </si>
  <si>
    <t>01/20/2020 10:05:45</t>
  </si>
  <si>
    <t>eacf349c-03fc-4be7-a764-6225820d8fe7.tmp</t>
  </si>
  <si>
    <t>\\acsfs\profiles$\lorenabmc\Downloads\eacf349c-03fc-4be7-a764-6225820d8fe7.tmp</t>
  </si>
  <si>
    <t>01/20/2020 10:08:22</t>
  </si>
  <si>
    <t>01/20/2020 10:05:24</t>
  </si>
  <si>
    <t>01/20/2020 10:04:25</t>
  </si>
  <si>
    <t>\\acsfs\ACS\Gabriel da Silva\Contemporânea\NPS\FC3920B2.tmp\</t>
  </si>
  <si>
    <t>\\acsfs\ACS\Gabriel da Silva\Contemporânea\NPS\FC3920B2.tmp\:Zone.Identifier:$DATA</t>
  </si>
  <si>
    <t>01/20/2020 10:04:32</t>
  </si>
  <si>
    <t>\\acsfs\ACS\Gabriel da Silva\Contemporânea\NPS\209ABE51.tmp\</t>
  </si>
  <si>
    <t>\\acsfs\ACS\Gabriel da Silva\Contemporânea\NPS\209ABE51.tmp\:Zone.Identifier:$DATA</t>
  </si>
  <si>
    <t>01/20/2020 10:04:28</t>
  </si>
  <si>
    <t>01/20/2020 10:04:37</t>
  </si>
  <si>
    <t>01/20/2020 10:04:29</t>
  </si>
  <si>
    <t>lu691285q20g8.tmp</t>
  </si>
  <si>
    <t>\\acsfs\profiles$\ALEXANDREMM\lu691285q20g8.tmp</t>
  </si>
  <si>
    <t>\\acsfs\profiles$\ALEXANDREMM\lu691285q20g8.tmp\</t>
  </si>
  <si>
    <t>\\acsfs\profiles$\ALEXANDREMM\lu691285q20g8.tmp\META-INF\</t>
  </si>
  <si>
    <t>\\acsfs\profiles$\ALEXANDREMM\lu691285q20g8.tmp\Thumbnails\</t>
  </si>
  <si>
    <t>01/20/2020 10:07:27</t>
  </si>
  <si>
    <t>01/20/2020 10:07:28</t>
  </si>
  <si>
    <t>01/20/2020 10:09:22</t>
  </si>
  <si>
    <t>01/20/2020 10:07:13</t>
  </si>
  <si>
    <t>f2bbd622-e65c-4658-972c-5e3447c2720a.tmp</t>
  </si>
  <si>
    <t>\\acsfs\profiles$\luanaldsi\Downloads\f2bbd622-e65c-4658-972c-5e3447c2720a.tmp</t>
  </si>
  <si>
    <t>01/20/2020 10:07:14</t>
  </si>
  <si>
    <t>0a5a52ee-33d4-4b11-bed1-22e50b8a3ef7.tmp</t>
  </si>
  <si>
    <t>\\acsfs\profiles$\luanaldsi\Downloads\0a5a52ee-33d4-4b11-bed1-22e50b8a3ef7.tmp</t>
  </si>
  <si>
    <t>01/20/2020 10:07:18</t>
  </si>
  <si>
    <t>abae0b68-890d-47e8-9220-d73ff01bd4a9.tmp</t>
  </si>
  <si>
    <t>\\acsfs\profiles$\luanaldsi\Downloads\abae0b68-890d-47e8-9220-d73ff01bd4a9.tmp</t>
  </si>
  <si>
    <t>01/20/2020 10:08:02</t>
  </si>
  <si>
    <t>2ba8c1ee-3536-4d5a-92a7-c1a12ebb34e4.tmp</t>
  </si>
  <si>
    <t>\\acsfs\profiles$\luanaldsi\Downloads\2ba8c1ee-3536-4d5a-92a7-c1a12ebb34e4.tmp</t>
  </si>
  <si>
    <t>01/20/2020 10:04:11</t>
  </si>
  <si>
    <t>4d3ecc93-3875-4568-ab81-6ed1a226bc7b.tmp</t>
  </si>
  <si>
    <t>\\acsfs\profiles$\danielac\Downloads\4d3ecc93-3875-4568-ab81-6ed1a226bc7b.tmp</t>
  </si>
  <si>
    <t>01/20/2020 10:10:22</t>
  </si>
  <si>
    <t>01/20/2020 10:07:40</t>
  </si>
  <si>
    <t>01/20/2020 10:11:22</t>
  </si>
  <si>
    <t>01/20/2020 10:07:36</t>
  </si>
  <si>
    <t>01/20/2020 10:07:01</t>
  </si>
  <si>
    <t>01/20/2020 10:12:22</t>
  </si>
  <si>
    <t>01/20/2020 10:07:31</t>
  </si>
  <si>
    <t>01/20/2020 10:08:01</t>
  </si>
  <si>
    <t>01/20/2020 10:08:31</t>
  </si>
  <si>
    <t>01/20/2020 10:10:02</t>
  </si>
  <si>
    <t>01/20/2020 10:10:32</t>
  </si>
  <si>
    <t>01/20/2020 10:10:05</t>
  </si>
  <si>
    <t>d2552459-05a2-4f42-b285-19562ac58e5c.tmp</t>
  </si>
  <si>
    <t>\\acsfs\profiles$\ROZENCAM\Downloads\d2552459-05a2-4f42-b285-19562ac58e5c.tmp</t>
  </si>
  <si>
    <t>01/20/2020 10:09:53</t>
  </si>
  <si>
    <t>01/20/2020 10:13:22</t>
  </si>
  <si>
    <t>01/20/2020 10:11:47</t>
  </si>
  <si>
    <t>100044252113717;andrelpsa@algartech.com;joaogvc@algartech.com;josiascdsj@algartech.com;leonardoao@algartech.com;marianadjc@algartech.com;maristelavodq@bv.algartech.com;paulacn@algartech.com;qualidadealgarbv@algartech.com;supervisaobancovotorantim@algartech.com;taysdss@algartech.com;thiagolrc@bv.algartech.com;</t>
  </si>
  <si>
    <t>100044252113717,andrelpsa@algartech.com,joaogvc@algartech.com,josiascdsj@algartech.com,leonardoao@algartech.com,marianadjc@algartech.com,maristelavodq@bv.algartech.com,paulacn@algartech.com,qualidadealgarbv@algartech.com,supervisaobancovotorantim@algartech.com,taysdss@algartech.com,thiagolrc@bv.algartech.com</t>
  </si>
  <si>
    <t>01/20/2020 10:12:11</t>
  </si>
  <si>
    <t>01/20/2020 10:12:30</t>
  </si>
  <si>
    <t>andrelpsa@algartech.com;fernandaab@algartech.com;joaogvc@algartech.com;josiascdsj@algartech.com;kesiadof@algartech.com;leonardoao@algartech.com;lilianls@algartech.com;marianadjc@algartech.com;maristelavodq@bv.algartech.com;paulacn@algartech.com;qualidadealgarbv@algartech.com;supervisaobancovotorantim@algartech.com;talmaiardo@algartech.com;taysdss@algartech.com;thiagolrc@bv.algartech.com;</t>
  </si>
  <si>
    <t>andrelpsa@algartech.com,fernandaab@algartech.com,joaogvc@algartech.com,josiascdsj@algartech.com,kesiadof@algartech.com,leonardoao@algartech.com,lilianls@algartech.com,marianadjc@algartech.com,maristelavodq@bv.algartech.com,paulacn@algartech.com,qualidadealgarbv@algartech.com,supervisaobancovotorantim@algartech.com,talmaiardo@algartech.com,taysdss@algartech.com,thiagolrc@bv.algartech.com</t>
  </si>
  <si>
    <t>01/20/2020 10:12:37</t>
  </si>
  <si>
    <t>01/20/2020 10:07:43</t>
  </si>
  <si>
    <t>\\acsfs\ACS\Gabriel da Silva\Contemporânea\NPS\9AD67FBF.tmp\</t>
  </si>
  <si>
    <t>\\acsfs\ACS\Gabriel da Silva\Contemporânea\NPS\9AD67FBF.tmp\:Zone.Identifier:$DATA</t>
  </si>
  <si>
    <t>01/20/2020 10:07:47</t>
  </si>
  <si>
    <t>01/20/2020 10:07:50</t>
  </si>
  <si>
    <t>\\acsfs\ACS\Gabriel da Silva\Contemporânea\NPS\959E92E2.tmp\</t>
  </si>
  <si>
    <t>\\acsfs\ACS\Gabriel da Silva\Contemporânea\NPS\959E92E2.tmp\:Zone.Identifier:$DATA</t>
  </si>
  <si>
    <t>01/20/2020 10:07:54</t>
  </si>
  <si>
    <t>01/20/2020 10:12:10</t>
  </si>
  <si>
    <t>01/20/2020 10:10:52</t>
  </si>
  <si>
    <t>01/20/2020 10:14:22</t>
  </si>
  <si>
    <t>81db4f69-9dd1-4b3a-8e2f-1fa9a3b462bb.tmp</t>
  </si>
  <si>
    <t>\\acsfs\profiles$\inarajst\Downloads\81db4f69-9dd1-4b3a-8e2f-1fa9a3b462bb.tmp</t>
  </si>
  <si>
    <t>01/20/2020 10:10:44</t>
  </si>
  <si>
    <t>37faca6c-12c3-49c4-8915-21f44c1c6f86.tmp</t>
  </si>
  <si>
    <t>\\acsfs\profiles$\luanaldsi\Downloads\37faca6c-12c3-49c4-8915-21f44c1c6f86.tmp</t>
  </si>
  <si>
    <t>01/20/2020 10:10:25</t>
  </si>
  <si>
    <t>01/20/2020 10:10:29</t>
  </si>
  <si>
    <t>01/20/2020 10:10:51</t>
  </si>
  <si>
    <t>01/20/2020 10:11:28</t>
  </si>
  <si>
    <t>01/20/2020 10:11:36</t>
  </si>
  <si>
    <t>01/20/2020 10:12:55</t>
  </si>
  <si>
    <t>01/20/2020 10:13:02</t>
  </si>
  <si>
    <t>01/20/2020 10:13:07</t>
  </si>
  <si>
    <t>01/20/2020 10:15:21</t>
  </si>
  <si>
    <t>01/20/2020 10:13:18</t>
  </si>
  <si>
    <t>01/20/2020 10:14:46</t>
  </si>
  <si>
    <t>01/20/2020 10:14:55</t>
  </si>
  <si>
    <t>100014123564284;joaogvc@algartech.com;leonardoao@algartech.com;paulacn@algartech.com;ricardodfm@algartech.com.br;robsonams@algartech.com;taysdss@algartech.com;viniciussg@algartech.com;</t>
  </si>
  <si>
    <t>100014123564284,joaogvc@algartech.com,leonardoao@algartech.com,paulacn@algartech.com,ricardodfm@algartech.com.br,robsonams@algartech.com,taysdss@algartech.com,viniciussg@algartech.com</t>
  </si>
  <si>
    <t>01/20/2020 10:16:22</t>
  </si>
  <si>
    <t>01/20/2020 10:11:08</t>
  </si>
  <si>
    <t>bdd285ff-7b2c-4fd6-9e71-23f8f0aefb25.tmp</t>
  </si>
  <si>
    <t>\\acsfs\profiles$\mariagsg\Downloads\bdd285ff-7b2c-4fd6-9e71-23f8f0aefb25.tmp</t>
  </si>
  <si>
    <t>01/20/2020 10:11:10</t>
  </si>
  <si>
    <t>6f67cb61-4236-49c2-8cc3-e3c89da56490.tmp</t>
  </si>
  <si>
    <t>\\acsfs\profiles$\mariagsg\Downloads\6f67cb61-4236-49c2-8cc3-e3c89da56490.tmp</t>
  </si>
  <si>
    <t>fba764de-e21e-4c31-9ac9-cb314fd9e3db.tmp</t>
  </si>
  <si>
    <t>\\acsfs\profiles$\sarahbal\Downloads\fba764de-e21e-4c31-9ac9-cb314fd9e3db.tmp</t>
  </si>
  <si>
    <t>01/20/2020 10:17:22</t>
  </si>
  <si>
    <t>01/20/2020 10:13:32</t>
  </si>
  <si>
    <t>01/20/2020 10:14:02</t>
  </si>
  <si>
    <t>01/20/2020 10:15:33</t>
  </si>
  <si>
    <t>01/20/2020 10:16:33</t>
  </si>
  <si>
    <t>01/20/2020 10:12:43</t>
  </si>
  <si>
    <t>01/20/2020 10:18:22</t>
  </si>
  <si>
    <t>01/20/2020 10:14:07</t>
  </si>
  <si>
    <t>01/20/2020 10:14:08</t>
  </si>
  <si>
    <t>01/20/2020 10:14:40</t>
  </si>
  <si>
    <t>01/20/2020 10:15:03</t>
  </si>
  <si>
    <t>01/20/2020 10:17:04</t>
  </si>
  <si>
    <t>Não confirmado 782836.crdownload</t>
  </si>
  <si>
    <t>\\acsfs\ACS\Gabriel da Silva\Contemporânea\Gen\Não confirmado 782836.crdownload</t>
  </si>
  <si>
    <t>XLOG_vanessacgs_20012020_085426.log</t>
  </si>
  <si>
    <t>\\acsfs\profiles$\vanessacgs\My Documents\xworkcenter\logs\XLOG_vanessacgs_20012020_085426.log</t>
  </si>
  <si>
    <t>01/20/2020 10:19:22</t>
  </si>
  <si>
    <t>fbdcccb8-5b59-4e70-bf33-1253c97908dc.tmp</t>
  </si>
  <si>
    <t>\\acsfs\profiles$\luanaldsi\Downloads\fbdcccb8-5b59-4e70-bf33-1253c97908dc.tmp</t>
  </si>
  <si>
    <t>01/20/2020 10:16:51</t>
  </si>
  <si>
    <t>12;1579521807978;1579524214946;4;621969351;[];[]]];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slntaw8yjfsj3irhbwglxld5n00pvjlw9mg0fi11mso\";mrw0ftovchx76kgoyskqvpqzuqo0mrsk-nevtbmaqaleloorbdq4mjvgtmunagardgcvqomsjf2dfmbefzskm2b2sgehmip1t4cvexbtpssk2sdjt6951wlkaev-qbpxn2strgesn6t0wc7ahptj_e6akbt7rpykdguoorotjjojr2vprr4zefrh7i8ekftw_f_-u1emtiy6u1k09ydghmcnooax7ywi6zi1ulntaw9pal1qy_hizdiakeijpjsuk1xxhkqrdstbhpe\";null;true]";vchx76kgoyskqvpqzuqo0mrsk-nevtbmaqaleloorbdq4mjvgtmunagardgcvqomsjf2dfmbefzskm2b2sgehmip1t4cvexbtpssk2sdjt6951wlkaev-qbpxn2strgesn6t0wc7ahptj_e6akbt7rpykd</t>
  </si>
  <si>
    <t>12,1579521807978,1579524214946,4,621969351,[],[]]],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slntaw8yjfsj3irhbwglxld5n00pvjlw9mg0fi11mso\",mrw0ftovchx76kgoyskqvpqzuqo0mrsk-nevtbmaqaleloorbdq4mjvgtmunagardgcvqomsjf2dfmbefzskm2b2sgehmip1t4cvexbtpssk2sdjt6951wlkaev-qbpxn2strgesn6t0wc7ahptj_e6akbt7rpykdguoorotjjojr2vprr4zefrh7i8ekftw_f_-u1emtiy6u1k09ydghmcnooax7ywi6zi1ulntaw9pal1qy_hizdiakeijpjsuk1xxhkqrdstbhpe\",null,true]",vchx76kgoyskqvpqzuqo0mrsk-nevtbmaqaleloorbdq4mjvgtmunagardgcvqomsjf2dfmbefzskm2b2sgehmip1t4cvexbtpssk2sdjt6951wlkaev-qbpxn2strgesn6t0wc7ahptj_e6akbt7rpykd</t>
  </si>
  <si>
    <t>01/20/2020 10:16:57</t>
  </si>
  <si>
    <t>01/20/2020 10:17:00</t>
  </si>
  <si>
    <t>01/20/2020 10:17:01</t>
  </si>
  <si>
    <t>01/20/2020 10:17:08</t>
  </si>
  <si>
    <t>10;1579523612956;621969351;[];[]]];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vrntaw8jxjwoftxs5wueusjeeb1nzqopr7eenerevxi\";null;true]";vchx76kgoyskqvpqzuqo0mrsk-nevtbmaqaleloorbdq4mjvgtmunagardgcvqomsjf2dfmbefzskm2b2sgehmip1t4cvexbtpssk2sdjt6951wlkaev-qbpxn2strgesn6t0wc7ahptj_e6akbt7rpykdguoorotjjojr2vprr4zefrh7i8ekftw_f_-u1emtiy6u1k09ydghmcnooax7ywi6zi1vrntaw8jxjwoftxs5wueusjeeb1nzqopr7eenerevxi\";</t>
  </si>
  <si>
    <t>10,1579523612956,621969351,[],[]]],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vrntaw8jxjwoftxs5wueusjeeb1nzqopr7eenerevxi\",null,true]",vchx76kgoyskqvpqzuqo0mrsk-nevtbmaqaleloorbdq4mjvgtmunagardgcvqomsjf2dfmbefzskm2b2sgehmip1t4cvexbtpssk2sdjt6951wlkaev-qbpxn2strgesn6t0wc7ahptj_e6akbt7rpykdguoorotjjojr2vprr4zefrh7i8ekftw_f_-u1emtiy6u1k09ydghmcnooax7ywi6zi1vrntaw8jxjwoftxs5wueusjeeb1nzqopr7eenerevxi\"</t>
  </si>
  <si>
    <t>01/20/2020 10:15:35</t>
  </si>
  <si>
    <t>01/20/2020 10:18:11</t>
  </si>
  <si>
    <t>01/20/2020 10:20:22</t>
  </si>
  <si>
    <t>6040786b-3021-4983-b13a-5e725aca0181.tmp</t>
  </si>
  <si>
    <t>\\acsfs\profiles$\adrielyas\Downloads\6040786b-3021-4983-b13a-5e725aca0181.tmp</t>
  </si>
  <si>
    <t>01/20/2020 10:17:32</t>
  </si>
  <si>
    <t>mail.google.com/mail/u/0/jserror?script=https://mail.google.com/mail/u/0/#inbox/fmfcgxwgctdlkmfdfgfdzmrmkbthlgct&amp;error=class$obf_1010: [/sync/u/0/i/bv] qg: unsupported http status: 503&amp;line=not available&amp;txz=p</t>
  </si>
  <si>
    <t>01/20/2020 10:18:27</t>
  </si>
  <si>
    <t>mail.google.com/mail/u/0/jserror?script=https://mail.google.com/mail/u/0/#inbox/fmfcgxwgctdlkmfdfgfdzmrmkbthlgct&amp;error=vba&amp;line=not available&amp;txz=p</t>
  </si>
  <si>
    <t>01/20/2020 10:18:28</t>
  </si>
  <si>
    <t>01/20/2020 10:18:35</t>
  </si>
  <si>
    <t>1861&amp;i=10&amp;mn=cs:1&amp;ai=mail:f.91ac.2.0</t>
  </si>
  <si>
    <t>01/20/2020 10:18:37</t>
  </si>
  <si>
    <t>b6547d61-efb0-4a53-8a2f-87f0145c23d7; __requestverificationtoken=a0blutric3c2ftjitq1hp6poqcb_no7n0hy2gqnqlg310kb8ypjwhjwxm6zwm-ypne7uq5b3jwirk2hnadnoo_qrgjmdzftjbbarezto8ki1; tp_stylesheet=light_blue; tp_layout_mode=wide; footer_bg=dark; _gid=ga1.3.1908422</t>
  </si>
  <si>
    <t>01/20/2020 10:18:40</t>
  </si>
  <si>
    <t>mail.google.com/sync/u/0/i/s?hl=pt-br&amp;c=16</t>
  </si>
  <si>
    <t>01/20/2020 10:18:52</t>
  </si>
  <si>
    <t>mail.google.com/sync/u/0/i/s?hl=pt-br&amp;c=17</t>
  </si>
  <si>
    <t>01/20/2020 10:19:10</t>
  </si>
  <si>
    <t>01/20/2020 10:19:12</t>
  </si>
  <si>
    <t>01/20/2020 10:19:26</t>
  </si>
  <si>
    <t>01/20/2020 10:19:28</t>
  </si>
  <si>
    <t>01/20/2020 10:15:09</t>
  </si>
  <si>
    <t>01/20/2020 10:16:00</t>
  </si>
  <si>
    <t>01/20/2020 10:16:14</t>
  </si>
  <si>
    <t>01/20/2020 10:16:30</t>
  </si>
  <si>
    <t>01/20/2020 10:16:32</t>
  </si>
  <si>
    <t>01/20/2020 10:16:41</t>
  </si>
  <si>
    <t>01/20/2020 10:16:47</t>
  </si>
  <si>
    <t>01/20/2020 10:16:52</t>
  </si>
  <si>
    <t>01/20/2020 10:17:02</t>
  </si>
  <si>
    <t>01/20/2020 10:17:03</t>
  </si>
  <si>
    <t>01/20/2020 10:17:16</t>
  </si>
  <si>
    <t>01/20/2020 10:17:26</t>
  </si>
  <si>
    <t>01/20/2020 10:17:35</t>
  </si>
  <si>
    <t>01/20/2020 10:17:45</t>
  </si>
  <si>
    <t>RELATORIO DE LOGIN - FINANCEIRA - 17-01 -.xlsm</t>
  </si>
  <si>
    <t>\\acsfs\DEPTOS\Operacao\PCP\5 - Comum\PLANEJAMENTO BV\14 - ACOMPANHAMENTO\1 - REPORT ACOMPANHAMENTO\2020\1 - JANEIRO\FINANCEIRA\Login Logout Financeira\RELATORIO DE LOGIN - FINANCEIRA - 17-01 -.xlsm</t>
  </si>
  <si>
    <t>01/20/2020 10:17:57</t>
  </si>
  <si>
    <t>mail.google.com/_/upload?authuser=0&amp;dcp=asu-n&amp;upload_id=AEnB2UqzD8zSHlCtf6crwQXXcqWc26NN6qoLDCO4kHVGKacYmDbSGYjvbv_RqPgu0Th8h-FYOaGHCsK1B5NMO2caO6bfXF7U4A&amp;upload_protocol=resumable</t>
  </si>
  <si>
    <t>01/20/2020 10:19:47</t>
  </si>
  <si>
    <t>01/20/2020 10:21:22</t>
  </si>
  <si>
    <t>01/20/2020 10:20:29</t>
  </si>
  <si>
    <t>01/20/2020 10:17:33</t>
  </si>
  <si>
    <t>01/20/2020 10:22:22</t>
  </si>
  <si>
    <t>01/20/2020 10:18:03</t>
  </si>
  <si>
    <t>01/20/2020 10:18:33</t>
  </si>
  <si>
    <t>01/20/2020 10:19:34</t>
  </si>
  <si>
    <t>01/20/2020 10:20:04</t>
  </si>
  <si>
    <t>01/20/2020 10:21:34</t>
  </si>
  <si>
    <t>01/20/2020 10:18:25</t>
  </si>
  <si>
    <t>01/20/2020 10:23:22</t>
  </si>
  <si>
    <t>01/20/2020 10:19:11</t>
  </si>
  <si>
    <t>01/20/2020 10:21:05</t>
  </si>
  <si>
    <t>01/20/2020 10:24:22</t>
  </si>
  <si>
    <t>01/20/2020 10:20:30</t>
  </si>
  <si>
    <t>01/20/2020 10:20:43</t>
  </si>
  <si>
    <t>01/20/2020 10:25:22</t>
  </si>
  <si>
    <t>f46568f8-273d-4cc9-9bb8-d9acb7fae5bb.tmp</t>
  </si>
  <si>
    <t>\\acsfs\profiles$\quindaizaagds\Downloads\f46568f8-273d-4cc9-9bb8-d9acb7fae5bb.tmp</t>
  </si>
  <si>
    <t>576f3c31-b45a-4a5f-bda8-6099c40c464c.tmp</t>
  </si>
  <si>
    <t>\\acsfs\profiles$\adrielyas\Downloads\576f3c31-b45a-4a5f-bda8-6099c40c464c.tmp</t>
  </si>
  <si>
    <t>01/20/2020 10:20:09</t>
  </si>
  <si>
    <t>01/20/2020 10:20:10</t>
  </si>
  <si>
    <t>1861&amp;i=10&amp;mn=cs:1&amp;ai=mail:f.91ac.2.0/s:v=2&amp;a=lc&amp;sv=cv&amp;ev=di&amp;t=139.955078125&amp;i=27.955078125&amp;ai=mail:lc.91ac.3.0/s:v=2&amp;a=o&amp;sv=di&amp;ev=cv&amp;t=139&amp;i=3&amp;ai=mail:o.91ac.4.0</t>
  </si>
  <si>
    <t>01/20/2020 10:20:25</t>
  </si>
  <si>
    <t>mail.google.com/mail/u/0/jserror?script=https://mail.google.com/mail/u/0/#inbox/fmfcgxwgctdlkmfdfgfdzmrmkbthlgct?projector=1&amp;messagepartid=0.0&amp;error=did not receive drive#about kind when fetching import map:undefined&amp;line=not available&amp;txz=p</t>
  </si>
  <si>
    <t>1861&amp;i=10&amp;mn=cs:1&amp;ai=mail:f.91ac.2.0;</t>
  </si>
  <si>
    <t>01/20/2020 10:20:28</t>
  </si>
  <si>
    <t>01/20/2020 10:20:46</t>
  </si>
  <si>
    <t>01/20/2020 10:23:31</t>
  </si>
  <si>
    <t>RELATORIO DE LOGIN - BV CARTÕES 16-01 - Cópia.xlsm</t>
  </si>
  <si>
    <t>\\acsfs\DEPTOS\Operacao\PCP\5 - Comum\PLANEJAMENTO BV\14 - ACOMPANHAMENTO\1 - REPORT ACOMPANHAMENTO\2020\1 - JANEIRO\CARTÕES\Login Logout Cartões\RELATORIO DE LOGIN - BV CARTÕES 16-01 - Cópia.xlsm</t>
  </si>
  <si>
    <t>01/20/2020 10:26:22</t>
  </si>
  <si>
    <t>01/20/2020 10:23:02</t>
  </si>
  <si>
    <t>4ac7fe28-e607-4f73-a6c3-62cfa0e406c1.tmp</t>
  </si>
  <si>
    <t>\\acsfs\profiles$\sarahbal\Downloads\4ac7fe28-e607-4f73-a6c3-62cfa0e406c1.tmp</t>
  </si>
  <si>
    <t>01/20/2020 10:22:04</t>
  </si>
  <si>
    <t>01/20/2020 10:27:22</t>
  </si>
  <si>
    <t>01/20/2020 10:22:34</t>
  </si>
  <si>
    <t>01/20/2020 10:23:04</t>
  </si>
  <si>
    <t>01/20/2020 10:23:34</t>
  </si>
  <si>
    <t>01/20/2020 10:24:04</t>
  </si>
  <si>
    <t>01/20/2020 10:25:05</t>
  </si>
  <si>
    <t>01/20/2020 10:25:35</t>
  </si>
  <si>
    <t>01/20/2020 10:26:00</t>
  </si>
  <si>
    <t>ac30e92b-7f94-40b3-a14f-8e3f12896259.tmp</t>
  </si>
  <si>
    <t>\\acsfs\profiles$\antoniosva\Downloads\ac30e92b-7f94-40b3-a14f-8e3f12896259.tmp</t>
  </si>
  <si>
    <t>01/20/2020 10:22:18</t>
  </si>
  <si>
    <t>fdbee4c0-bb1d-48a8-bf01-6c9d677e7dab.tmp</t>
  </si>
  <si>
    <t>\\acsfs\profiles$\kamilamrc\Downloads\fdbee4c0-bb1d-48a8-bf01-6c9d677e7dab.tmp</t>
  </si>
  <si>
    <t>01/20/2020 10:24:36</t>
  </si>
  <si>
    <t>13a5cdb1-d5e1-4d33-b769-60fcd1df5626.tmp</t>
  </si>
  <si>
    <t>\\acsfs\profiles$\kamilamrc\Downloads\13a5cdb1-d5e1-4d33-b769-60fcd1df5626.tmp</t>
  </si>
  <si>
    <t>01/20/2020 10:25:03</t>
  </si>
  <si>
    <t>20f2e264-7722-4da8-a0f6-ef8beae4d36f.tmp</t>
  </si>
  <si>
    <t>\\acsfs\profiles$\kamilamrc\Downloads\20f2e264-7722-4da8-a0f6-ef8beae4d36f.tmp</t>
  </si>
  <si>
    <t>01/20/2020 10:25:26</t>
  </si>
  <si>
    <t>5ac6b239-95a7-41c0-b7e0-677eb21d3932.tmp</t>
  </si>
  <si>
    <t>\\acsfs\profiles$\kamilamrc\Downloads\5ac6b239-95a7-41c0-b7e0-677eb21d3932.tmp</t>
  </si>
  <si>
    <t>01/20/2020 10:25:30</t>
  </si>
  <si>
    <t>d87c4f58-f356-4d77-92d7-7f3016c06e64.tmp</t>
  </si>
  <si>
    <t>\\acsfs\profiles$\kamilamrc\Downloads\d87c4f58-f356-4d77-92d7-7f3016c06e64.tmp</t>
  </si>
  <si>
    <t>01/20/2020 10:25:39</t>
  </si>
  <si>
    <t>1dba25e7-d7f3-4f5b-a20f-23d40a2516fb.tmp</t>
  </si>
  <si>
    <t>\\acsfs\profiles$\kamilamrc\Downloads\1dba25e7-d7f3-4f5b-a20f-23d40a2516fb.tmp</t>
  </si>
  <si>
    <t>01/20/2020 10:27:03</t>
  </si>
  <si>
    <t>01/20/2020 10:28:22</t>
  </si>
  <si>
    <t>01/20/2020 10:27:33</t>
  </si>
  <si>
    <t>01/20/2020 10:26:23</t>
  </si>
  <si>
    <t>01/20/2020 10:31:22</t>
  </si>
  <si>
    <t>01/20/2020 10:28:06</t>
  </si>
  <si>
    <t>01/20/2020 10:29:30</t>
  </si>
  <si>
    <t>01/20/2020 10:32:22</t>
  </si>
  <si>
    <t>01/20/2020 10:29:31</t>
  </si>
  <si>
    <t>01/20/2020 10:27:05</t>
  </si>
  <si>
    <t>01/20/2020 10:27:35</t>
  </si>
  <si>
    <t>01/20/2020 10:29:36</t>
  </si>
  <si>
    <t>01/20/2020 10:30:32</t>
  </si>
  <si>
    <t>https://udpmailboxap01.acs.com.br:8443/h/search;jsessionid=n9a94jp1r4t92j56sdxobmmb?si=0&amp;so=0&amp;sc=78613&amp;st=conversation&amp;action=compose</t>
  </si>
  <si>
    <t>tiagosno@bv.algartech.com;</t>
  </si>
  <si>
    <t>https://tiagosno@bv.algartech.com</t>
  </si>
  <si>
    <t>01/20/2020 10:31:02</t>
  </si>
  <si>
    <t>01/20/2020 10:31:16</t>
  </si>
  <si>
    <t>01/20/2020 10:31:36</t>
  </si>
  <si>
    <t>01/20/2020 10:30:57</t>
  </si>
  <si>
    <t>01/20/2020 10:29:44</t>
  </si>
  <si>
    <t>05b61aee-b476-4608-868f-9f8d965ed992.tmp</t>
  </si>
  <si>
    <t>\\acsfs\profiles$\lorrainerdl\Downloads\05b61aee-b476-4608-868f-9f8d965ed992.tmp</t>
  </si>
  <si>
    <t>01/20/2020 10:31:25</t>
  </si>
  <si>
    <t>98aabf23-a52d-4c7a-992c-7ffd91b8039c.tmp</t>
  </si>
  <si>
    <t>\\acsfs\profiles$\kamilamrc\Downloads\98aabf23-a52d-4c7a-992c-7ffd91b8039c.tmp</t>
  </si>
  <si>
    <t>01/20/2020 10:33:22</t>
  </si>
  <si>
    <t>01/20/2020 10:28:27</t>
  </si>
  <si>
    <t>01/20/2020 10:28:30</t>
  </si>
  <si>
    <t>01/20/2020 10:28:33</t>
  </si>
  <si>
    <t>01/20/2020 10:28:50</t>
  </si>
  <si>
    <t>01/20/2020 10:28:59</t>
  </si>
  <si>
    <t>01/20/2020 10:29:19</t>
  </si>
  <si>
    <t>01/20/2020 10:29:27</t>
  </si>
  <si>
    <t>01/20/2020 10:29:29</t>
  </si>
  <si>
    <t>01/20/2020 10:29:32</t>
  </si>
  <si>
    <t>01/20/2020 10:29:33</t>
  </si>
  <si>
    <t>01/20/2020 10:29:37</t>
  </si>
  <si>
    <t>01/20/2020 10:29:41</t>
  </si>
  <si>
    <t>01/20/2020 10:29:45</t>
  </si>
  <si>
    <t>01/20/2020 10:30:06</t>
  </si>
  <si>
    <t>01/20/2020 10:30:25</t>
  </si>
  <si>
    <t>01/20/2020 10:34:22</t>
  </si>
  <si>
    <t>01/20/2020 10:31:42</t>
  </si>
  <si>
    <t>01/20/2020 10:32:03</t>
  </si>
  <si>
    <t>01/20/2020 10:32:16</t>
  </si>
  <si>
    <t>01/20/2020 10:32:57</t>
  </si>
  <si>
    <t>01/20/2020 10:33:23</t>
  </si>
  <si>
    <t>01/20/2020 10:32:42</t>
  </si>
  <si>
    <t>01/20/2020 10:35:22</t>
  </si>
  <si>
    <t>01/20/2020 10:32:43</t>
  </si>
  <si>
    <t>lu216162ur7qs.tmp</t>
  </si>
  <si>
    <t>\\acsfs\profiles$\BRUNAAR\Numero\lu216162ur7qs.tmp</t>
  </si>
  <si>
    <t>01/20/2020 10:36:22</t>
  </si>
  <si>
    <t>01/20/2020 10:31:43</t>
  </si>
  <si>
    <t>01/20/2020 10:31:45</t>
  </si>
  <si>
    <t>01/20/2020 10:31:50</t>
  </si>
  <si>
    <t>01/20/2020 10:31:58</t>
  </si>
  <si>
    <t>01/20/2020 10:33:01</t>
  </si>
  <si>
    <t>01/20/2020 10:37:22</t>
  </si>
  <si>
    <t>01/20/2020 10:32:06</t>
  </si>
  <si>
    <t>01/20/2020 10:33:37</t>
  </si>
  <si>
    <t>01/20/2020 10:34:07</t>
  </si>
  <si>
    <t>01/20/2020 10:34:37</t>
  </si>
  <si>
    <t>01/20/2020 10:35:07</t>
  </si>
  <si>
    <t>01/20/2020 10:35:37</t>
  </si>
  <si>
    <t>01/20/2020 10:31:53</t>
  </si>
  <si>
    <t>01/20/2020 10:31:59</t>
  </si>
  <si>
    <t>01/20/2020 10:32:15</t>
  </si>
  <si>
    <t>01/20/2020 10:32:38</t>
  </si>
  <si>
    <t>01/20/2020 10:32:47</t>
  </si>
  <si>
    <t>01/20/2020 10:32:51</t>
  </si>
  <si>
    <t>01/20/2020 10:32:55</t>
  </si>
  <si>
    <t>01/20/2020 10:33:03</t>
  </si>
  <si>
    <t>01/20/2020 10:33:34</t>
  </si>
  <si>
    <t>01/20/2020 10:35:51</t>
  </si>
  <si>
    <t>eec6ee76-1126-4a75-8a38-5d49abcfadeb.tmp</t>
  </si>
  <si>
    <t>\\acsfs\profiles$\vivianalds\Downloads\eec6ee76-1126-4a75-8a38-5d49abcfadeb.tmp</t>
  </si>
  <si>
    <t>01/20/2020 10:38:22</t>
  </si>
  <si>
    <t>01/20/2020 10:33:47</t>
  </si>
  <si>
    <t>Vendas e Ofertas_novo.xlsm</t>
  </si>
  <si>
    <t>\\acsfs\ACS\Gabriel da Silva\Contemporânea\Vendas e Ofertas_novo.xlsm</t>
  </si>
  <si>
    <t>01/20/2020 10:34:14</t>
  </si>
  <si>
    <t>andrelpsa@algartech.com;gabrielsma@bv.algartech.com;karinefg@algartech.com;luizffn@algartech.com;mirianppb@algartech.com;qualidadealgarbv@algartech.com;robsonams@algartech.com;talmaiardo@algartech.com;</t>
  </si>
  <si>
    <t>andrelpsa@algartech.com,gabrielsma@bv.algartech.com,karinefg@algartech.com,luizffn@algartech.com,mirianppb@algartech.com,qualidadealgarbv@algartech.com,robsonams@algartech.com,talmaiardo@algartech.com</t>
  </si>
  <si>
    <t>01/20/2020 10:34:47</t>
  </si>
  <si>
    <t>outlook.office.com/owa/service.svc?action=UpdateItem&amp;app=Mail&amp;n=240</t>
  </si>
  <si>
    <t>01/20/2020 10:36:17</t>
  </si>
  <si>
    <t>outlook.office.com/owa/service.svc?action=UpdateItem&amp;app=Mail&amp;n=251</t>
  </si>
  <si>
    <t>01/20/2020 10:36:47</t>
  </si>
  <si>
    <t>outlook.office.com/owa/service.svc?action=UpdateItem&amp;app=Mail&amp;n=269</t>
  </si>
  <si>
    <t>01/20/2020 10:37:17</t>
  </si>
  <si>
    <t>outlook.office.com/owa/service.svc?action=UpdateItem&amp;app=Mail&amp;n=276</t>
  </si>
  <si>
    <t>01/20/2020 10:39:22</t>
  </si>
  <si>
    <t>01/20/2020 10:37:42</t>
  </si>
  <si>
    <t>4791e523-91c7-4e37-a6a6-a69c3efcc509.tmp</t>
  </si>
  <si>
    <t>\\acsfs\profiles$\valeriasda\Downloads\4791e523-91c7-4e37-a6a6-a69c3efcc509.tmp</t>
  </si>
  <si>
    <t>01/20/2020 10:37:38</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robsonams@algartech.com,shared,sharedwithmedate,thumbnailversion,title,userpermission(role),workspaceids</t>
  </si>
  <si>
    <t>01/20/2020 10:35:42</t>
  </si>
  <si>
    <t>01/20/2020 10:35:52</t>
  </si>
  <si>
    <t>01/20/2020 10:36:06</t>
  </si>
  <si>
    <t>01/20/2020 10:38:40</t>
  </si>
  <si>
    <t>a91d3a79-4747-4adf-9294-9072d24af79f.tmp</t>
  </si>
  <si>
    <t>\\acsfs\profiles$\lucasqdss\Downloads\a91d3a79-4747-4adf-9294-9072d24af79f.tmp</t>
  </si>
  <si>
    <t>01/20/2020 10:41:22</t>
  </si>
  <si>
    <t>01/20/2020 10:36:58</t>
  </si>
  <si>
    <t>de74feba-fdc3-41a1-84cd-c9049d09fb69.tmp</t>
  </si>
  <si>
    <t>\\acsfs\profiles$\sarahbal\Downloads\de74feba-fdc3-41a1-84cd-c9049d09fb69.tmp</t>
  </si>
  <si>
    <t>01/20/2020 10:41:09</t>
  </si>
  <si>
    <t>cace469d-bb90-4fa9-8bdd-9ab6386a3e59.tmp</t>
  </si>
  <si>
    <t>\\acsfs\profiles$\sarahbal\Downloads\cace469d-bb90-4fa9-8bdd-9ab6386a3e59.tmp</t>
  </si>
  <si>
    <t>01/20/2020 10:39:08</t>
  </si>
  <si>
    <t>01/20/2020 10:42:22</t>
  </si>
  <si>
    <t>01/20/2020 10:39:09</t>
  </si>
  <si>
    <t>01/20/2020 10:39:38</t>
  </si>
  <si>
    <t>01/20/2020 10:39:43</t>
  </si>
  <si>
    <t>30e1df0a-5e49-40cb-9d9f-4085c84c05f7.tmp</t>
  </si>
  <si>
    <t>\\acsfs\profiles$\lorrainerdl\Downloads\30e1df0a-5e49-40cb-9d9f-4085c84c05f7.tmp</t>
  </si>
  <si>
    <t>01/20/2020 10:39:29</t>
  </si>
  <si>
    <t>d43cd14d-ea12-40e2-8127-7c90e30ecb53.tmp</t>
  </si>
  <si>
    <t>\\acsfs\profiles$\kamilamrc\Downloads\d43cd14d-ea12-40e2-8127-7c90e30ecb53.tmp</t>
  </si>
  <si>
    <t>01/20/2020 10:37:47</t>
  </si>
  <si>
    <t>01/20/2020 10:43:22</t>
  </si>
  <si>
    <t>outlook.office.com/owa/service.svc?action=UpdateItem&amp;app=Mail&amp;n=283</t>
  </si>
  <si>
    <t>01/20/2020 10:38:17</t>
  </si>
  <si>
    <t>outlook.office.com/owa/service.svc?action=UpdateItem&amp;app=Mail&amp;n=293</t>
  </si>
  <si>
    <t>01/20/2020 10:38:47</t>
  </si>
  <si>
    <t>outlook.office.com/owa/service.svc?action=UpdateItem&amp;app=Mail&amp;n=303</t>
  </si>
  <si>
    <t>01/20/2020 10:38:53</t>
  </si>
  <si>
    <t>\\acsfs\ACS\Gabriel da Silva\Contemporânea\NPS\8D2D99F8.tmp\</t>
  </si>
  <si>
    <t>\\acsfs\ACS\Gabriel da Silva\Contemporânea\NPS\8D2D99F8.tmp\:Zone.Identifier:$DATA</t>
  </si>
  <si>
    <t>01/20/2020 10:38:57</t>
  </si>
  <si>
    <t>01/20/2020 10:39:26</t>
  </si>
  <si>
    <t>01/20/2020 10:39:52</t>
  </si>
  <si>
    <t>outlook.office.com/owa/service.svc?action=UpdateItem&amp;app=Mail&amp;n=316</t>
  </si>
  <si>
    <t>01/20/2020 10:40:35</t>
  </si>
  <si>
    <t>outlook.office.com/owa/service.svc?action=CreateItem&amp;app=Mail&amp;n=340</t>
  </si>
  <si>
    <t>andrelpsa@algartech.com;gabrielsma@bv.algartech.com;karinefg@algartech.com;luizffn@algartech.com;mirianppb@algartech.com;qualidadealgarbv@algartech.com;robsonams@algartech.com;talmaiardo@algartech.com;thiagolrc@bv.algartech.com;</t>
  </si>
  <si>
    <t>andrelpsa@algartech.com,gabrielsma@bv.algartech.com,karinefg@algartech.com,luizffn@algartech.com,mirianppb@algartech.com,qualidadealgarbv@algartech.com,robsonams@algartech.com,talmaiardo@algartech.com,thiagolrc@bv.algartech.com</t>
  </si>
  <si>
    <t>01/20/2020 10:41:06</t>
  </si>
  <si>
    <t>outlook.office.com/owa/service.svc?action=UpdateItem&amp;app=Mail&amp;n=356</t>
  </si>
  <si>
    <t>01/20/2020 10:41:36</t>
  </si>
  <si>
    <t>outlook.office.com/owa/service.svc?action=UpdateItem&amp;app=Mail&amp;n=365</t>
  </si>
  <si>
    <t>01/20/2020 10:39:42</t>
  </si>
  <si>
    <t>307fb3df-9066-4194-9b83-178ae1b327b7.tmp</t>
  </si>
  <si>
    <t>\\acsfs\profiles$\paulovadc\Downloads\307fb3df-9066-4194-9b83-178ae1b327b7.tmp</t>
  </si>
  <si>
    <t>01/20/2020 10:43:02</t>
  </si>
  <si>
    <t>01/20/2020 10:44:22</t>
  </si>
  <si>
    <t>Não confirmado 142046.crdownload</t>
  </si>
  <si>
    <t>\\acsfs\Deptos\Operacao\Banco_Votorantim\Supervisao\Maristela\CRBV vendas\Desligamento\Não confirmado 142046.crdownload</t>
  </si>
  <si>
    <t>01/20/2020 10:43:37</t>
  </si>
  <si>
    <t>01/20/2020 10:39:34</t>
  </si>
  <si>
    <t>http:///batch/drive/v2internal?%24ct=multipart%2Fmixed%3B%20boundary%3D%22%3D%3D%3D%3D%3Ddg5di5szizne%3D%3D%3D%3D%3D%22&amp;key=AIzaSyAy9VVXHSpS2IJpptzYtGbLP3-3_l0aBk4</t>
  </si>
  <si>
    <t>01/20/2020 10:39:35</t>
  </si>
  <si>
    <t>http:///batch/drive/v2internal?%24ct=multipart%2Fmixed%3B%20boundary%3D%22%3D%3D%3D%3D%3Dl7uqtts2igj1%3D%3D%3D%3D%3D%22&amp;key=AIzaSyAy9VVXHSpS2IJpptzYtGbLP3-3_l0aBk4</t>
  </si>
  <si>
    <t>01/20/2020 10:39:36</t>
  </si>
  <si>
    <t>http:///batch/drive/v2internal?%24ct=multipart%2Fmixed%3B%20boundary%3D%22%3D%3D%3D%3D%3D3cat6boc9cqq%3D%3D%3D%3D%3D%22&amp;key=AIzaSyAy9VVXHSpS2IJpptzYtGbLP3-3_l0aBk4</t>
  </si>
  <si>
    <t>01/20/2020 10:40:46</t>
  </si>
  <si>
    <t>aefb494c-343e-4bbd-a8d1-c17039ced3b6.tmp</t>
  </si>
  <si>
    <t>\\acsfs\profiles$\geovannasm\Downloads\aefb494c-343e-4bbd-a8d1-c17039ced3b6.tmp</t>
  </si>
  <si>
    <t>01/20/2020 10:40:54</t>
  </si>
  <si>
    <t>d47672e0-d760-4852-8fa7-b25cbec85f34.tmp</t>
  </si>
  <si>
    <t>\\acsfs\profiles$\geovannasm\Downloads\d47672e0-d760-4852-8fa7-b25cbec85f34.tmp</t>
  </si>
  <si>
    <t>01/20/2020 10:41:07</t>
  </si>
  <si>
    <t>bacf5c4c-4987-4627-829d-7af80d18e12a.tmp</t>
  </si>
  <si>
    <t>\\acsfs\profiles$\geovannasm\Downloads\bacf5c4c-4987-4627-829d-7af80d18e12a.tmp</t>
  </si>
  <si>
    <t>01/20/2020 10:41:19</t>
  </si>
  <si>
    <t>2dd3363d-c6ab-49ea-a5ca-9041dab14e14.tmp</t>
  </si>
  <si>
    <t>\\acsfs\profiles$\geovannasm\Downloads\2dd3363d-c6ab-49ea-a5ca-9041dab14e14.tmp</t>
  </si>
  <si>
    <t>01/20/2020 10:41:44</t>
  </si>
  <si>
    <t>01/20/2020 10:44:27</t>
  </si>
  <si>
    <t>01/20/2020 10:45:22</t>
  </si>
  <si>
    <t>01/20/2020 10:41:46</t>
  </si>
  <si>
    <t>andrelpsa@algartech.com;joaogvc@algartech.com;katia.cardoso@bv.com.br;leonardoao@algartech.com;marianacds@algartech.com;marianadjc@algartech.com;maristelavodq@bv.algartech.com;paulacn@algartech.com;rafaelggs@algartech.com;ricardodfm@algartech.com.br;taysdss@algartech.com;thiagordu@algartech.com;viniciussg@algartech.com;</t>
  </si>
  <si>
    <t>andrelpsa@algartech.com,joaogvc@algartech.com,katia.cardoso@bv.com.br,leonardoao@algartech.com,marianacds@algartech.com,marianadjc@algartech.com,maristelavodq@bv.algartech.com,paulacn@algartech.com,rafaelggs@algartech.com,ricardodfm@algartech.com.br,taysdss@algartech.com,thiagordu@algartech.com,viniciussg@algartech.com</t>
  </si>
  <si>
    <t>01/20/2020 10:41:51</t>
  </si>
  <si>
    <t>andrelpsa@algartech.com;bvcartes-supervisores@algarnet.onmicrosoft.com;joaogvc@algartech.com;leonardoao@algartech.com;marianacds@algartech.com;marianadjc@algartech.com;maristelavodq@bv.algartech.com;paulacn@algartech.com;rafaelggs@algartech.com;ricardodfm@algartech.com.br;taysdss@algartech.com;thiagordu@algartech.com;viniciussg@algartech.com;</t>
  </si>
  <si>
    <t>andrelpsa@algartech.com,bvcartes-supervisores@algarnet.onmicrosoft.com,joaogvc@algartech.com,leonardoao@algartech.com,marianacds@algartech.com,marianadjc@algartech.com,maristelavodq@bv.algartech.com,paulacn@algartech.com,rafaelggs@algartech.com,ricardodfm@algartech.com.br,taysdss@algartech.com,thiagordu@algartech.com,viniciussg@algartech.com</t>
  </si>
  <si>
    <t>01/20/2020 10:41:54</t>
  </si>
  <si>
    <t>01/20/2020 10:41:57</t>
  </si>
  <si>
    <t>andrelpsa@algartech.com;antoniocoj@algartech.com;bvcartes-supervisores@algarnet.onmicrosoft.com;joaogvc@algartech.com;leonardoao@algartech.com;marianacds@algartech.com;marianadjc@algartech.com;maristelavodq@bv.algartech.com;paulacn@algartech.com;rafaelggs@algartech.com;ricardodfm@algartech.com.br;taysdss@algartech.com;thiagordu@algartech.com;viniciussg@algartech.com;</t>
  </si>
  <si>
    <t>andrelpsa@algartech.com,antoniocoj@algartech.com,bvcartes-supervisores@algarnet.onmicrosoft.com,joaogvc@algartech.com,leonardoao@algartech.com,marianacds@algartech.com,marianadjc@algartech.com,maristelavodq@bv.algartech.com,paulacn@algartech.com,rafaelggs@algartech.com,ricardodfm@algartech.com.br,taysdss@algartech.com,thiagordu@algartech.com,viniciussg@algartech.com</t>
  </si>
  <si>
    <t>01/20/2020 10:42:08</t>
  </si>
  <si>
    <t>antoniocoj@algartech.com;joaogvc@algartech.com;leonardoao@algartech.com;marianacds@algartech.com;marianadjc@algartech.com;paulacn@algartech.com;ricardodfm@algartech.com.br;taysdss@algartech.com;thiagordu@algartech.com;</t>
  </si>
  <si>
    <t>antoniocoj@algartech.com,joaogvc@algartech.com,leonardoao@algartech.com,marianacds@algartech.com,marianadjc@algartech.com,paulacn@algartech.com,ricardodfm@algartech.com.br,taysdss@algartech.com,thiagordu@algartech.com</t>
  </si>
  <si>
    <t>01/20/2020 10:42:13</t>
  </si>
  <si>
    <t>01/20/2020 10:42:20</t>
  </si>
  <si>
    <t>01/20/2020 10:42:27</t>
  </si>
  <si>
    <t>01/20/2020 10:42:34</t>
  </si>
  <si>
    <t>01/20/2020 10:42:42</t>
  </si>
  <si>
    <t>01/20/2020 10:42:47</t>
  </si>
  <si>
    <t>01/20/2020 10:42:55</t>
  </si>
  <si>
    <t>01/20/2020 10:43:03</t>
  </si>
  <si>
    <t>andrelpsa@algartech.com;antoniocoj@algartech.com;joaogvc@algartech.com;leonardoao@algartech.com;marianacds@algartech.com;marianadjc@algartech.com;maristelavodq@bv.algartech.com;paulacn@algartech.com;ricardodfm@algartech.com.br;taysdss@algartech.com;thiagordu@algartech.com;viniciussg@algartech.com;</t>
  </si>
  <si>
    <t>andrelpsa@algartech.com,antoniocoj@algartech.com,joaogvc@algartech.com,leonardoao@algartech.com,marianacds@algartech.com,marianadjc@algartech.com,maristelavodq@bv.algartech.com,paulacn@algartech.com,ricardodfm@algartech.com.br,taysdss@algartech.com,thiagordu@algartech.com,viniciussg@algartech.com</t>
  </si>
  <si>
    <t>01/20/2020 10:43:12</t>
  </si>
  <si>
    <t>01/20/2020 10:43:28</t>
  </si>
  <si>
    <t>01/20/2020 10:43:31</t>
  </si>
  <si>
    <t>01/20/2020 10:43:34</t>
  </si>
  <si>
    <t>01/20/2020 10:43:57</t>
  </si>
  <si>
    <t>RELATORIO DE LOGIN - BV CARTÕES 17-01.xlsm</t>
  </si>
  <si>
    <t>\\acsfs\DEPTOS\Operacao\PCP\5 - Comum\PLANEJAMENTO BV\14 - ACOMPANHAMENTO\1 - REPORT ACOMPANHAMENTO\2020\1 - JANEIRO\CARTÕES\Login Logout Cartões\RELATORIO DE LOGIN - BV CARTÕES 17-01.xlsm</t>
  </si>
  <si>
    <t>01/20/2020 10:44:15</t>
  </si>
  <si>
    <t>mail.google.com/_/upload?authuser=0&amp;dcp=asu-n&amp;upload_id=AEnB2UpFKajTkLykHMMH_2vMyZs6OWpaIf99kLpRqznM1j-fV2z5keqsYLV7l0X8C2X_0VYTAQjDOP4alrfkgCY_IUB4uQWhUodGpHCBtKYJwQma-kvqZtk&amp;upload_protocol=resumable</t>
  </si>
  <si>
    <t>01/20/2020 10:44:21</t>
  </si>
  <si>
    <t>01/20/2020 10:44:53</t>
  </si>
  <si>
    <t>01/20/2020 10:43:10</t>
  </si>
  <si>
    <t>01/20/2020 10:46:22</t>
  </si>
  <si>
    <t>2ac16fbe-5bcc-4475-9d27-d28833c30411.tmp</t>
  </si>
  <si>
    <t>\\acsfs\profiles$\esterasg\Downloads\2ac16fbe-5bcc-4475-9d27-d28833c30411.tmp</t>
  </si>
  <si>
    <t>01/20/2020 10:47:22</t>
  </si>
  <si>
    <t>01/20/2020 10:45:59</t>
  </si>
  <si>
    <t>01/20/2020 10:46:00</t>
  </si>
  <si>
    <t>01/20/2020 10:45:40</t>
  </si>
  <si>
    <t>01/20/2020 10:46:10</t>
  </si>
  <si>
    <t>01/20/2020 10:46:41</t>
  </si>
  <si>
    <t>01/20/2020 10:44:24</t>
  </si>
  <si>
    <t>f0512f94-f916-4ac2-80b2-139f662a0853.tmp</t>
  </si>
  <si>
    <t>\\acsfs\profiles$\gabriellalpr\Downloads\f0512f94-f916-4ac2-80b2-139f662a0853.tmp</t>
  </si>
  <si>
    <t>01/20/2020 10:48:22</t>
  </si>
  <si>
    <t>01/20/2020 10:43:46</t>
  </si>
  <si>
    <t>\\acsfs\ACS\Gabriel da Silva\Contemporânea\NPS\AE592CDE.tmp\</t>
  </si>
  <si>
    <t>\\acsfs\ACS\Gabriel da Silva\Contemporânea\NPS\AE592CDE.tmp\:Zone.Identifier:$DATA</t>
  </si>
  <si>
    <t>01/20/2020 10:43:51</t>
  </si>
  <si>
    <t>01/20/2020 10:45:45</t>
  </si>
  <si>
    <t>8f71a010-c6e9-4bdf-8053-87e1203255be.tmp</t>
  </si>
  <si>
    <t>\\acsfs\profiles$\LUCASNS\Downloads\8f71a010-c6e9-4bdf-8053-87e1203255be.tmp</t>
  </si>
  <si>
    <t>01/20/2020 10:45:24</t>
  </si>
  <si>
    <t>01/20/2020 10:49:22</t>
  </si>
  <si>
    <t>01/20/2020 10:45:38</t>
  </si>
  <si>
    <t>01/20/2020 10:45:39</t>
  </si>
  <si>
    <t>01/20/2020 10:45:42</t>
  </si>
  <si>
    <t>01/20/2020 10:47:55</t>
  </si>
  <si>
    <t>01/20/2020 10:47:56</t>
  </si>
  <si>
    <t>lu2733221pjyv.tmp</t>
  </si>
  <si>
    <t>\\acsfs\profiles$\RAFAELRF\meu\lu2733221pjyv.tmp</t>
  </si>
  <si>
    <t>01/20/2020 10:50:22</t>
  </si>
  <si>
    <t>01/20/2020 10:49:24</t>
  </si>
  <si>
    <t>d8255900-f7fd-442d-a233-3ac97318f341.tmp</t>
  </si>
  <si>
    <t>\\acsfs\profiles$\dhiulliananads\Downloads\d8255900-f7fd-442d-a233-3ac97318f341.tmp</t>
  </si>
  <si>
    <t>01/20/2020 10:51:22</t>
  </si>
  <si>
    <t>01/20/2020 10:46:56</t>
  </si>
  <si>
    <t>01/20/2020 10:47:31</t>
  </si>
  <si>
    <t>bae0003d-e77a-4aa2-800b-16b6383895c8.tmp</t>
  </si>
  <si>
    <t>\\acsfs\profiles$\sarahbal\Downloads\bae0003d-e77a-4aa2-800b-16b6383895c8.tmp</t>
  </si>
  <si>
    <t>01/20/2020 10:49:37</t>
  </si>
  <si>
    <t>01/20/2020 10:47:11</t>
  </si>
  <si>
    <t>01/20/2020 10:52:23</t>
  </si>
  <si>
    <t>01/20/2020 10:48:11</t>
  </si>
  <si>
    <t>01/20/2020 10:48:12</t>
  </si>
  <si>
    <t>01/20/2020 10:48:41</t>
  </si>
  <si>
    <t>01/20/2020 10:49:12</t>
  </si>
  <si>
    <t>01/20/2020 10:49:42</t>
  </si>
  <si>
    <t>01/20/2020 10:53:22</t>
  </si>
  <si>
    <t>01/20/2020 10:50:48</t>
  </si>
  <si>
    <t>01/20/2020 10:49:29</t>
  </si>
  <si>
    <t>6bcf17b7-a1dc-4a94-802c-da4db1cde0e2.tmp</t>
  </si>
  <si>
    <t>\\acsfs\profiles$\nathaliarmr\Downloads\6bcf17b7-a1dc-4a94-802c-da4db1cde0e2.tmp</t>
  </si>
  <si>
    <t>01/20/2020 10:52:22</t>
  </si>
  <si>
    <t>https://webdir0a.online.lync.com/webticket/webticketservice.svc/oauth</t>
  </si>
  <si>
    <t>01/20/2020 10:52:32</t>
  </si>
  <si>
    <t>01/20/2020 10:54:22</t>
  </si>
  <si>
    <t>156dc9d9-20f3-4e09-ae66-0c1f8c48a25e.tmp</t>
  </si>
  <si>
    <t>\\acsfs\profiles$\valeriasda\Downloads\156dc9d9-20f3-4e09-ae66-0c1f8c48a25e.tmp</t>
  </si>
  <si>
    <t>01/20/2020 10:54:32</t>
  </si>
  <si>
    <t>01/20/2020 10:55:22</t>
  </si>
  <si>
    <t>01/20/2020 10:56:22</t>
  </si>
  <si>
    <t>01/20/2020 10:54:50</t>
  </si>
  <si>
    <t>3de80115-fbd2-4582-8744-6a2615211713.tmp</t>
  </si>
  <si>
    <t>\\acsfs\profiles$\larissaad\Downloads\3de80115-fbd2-4582-8744-6a2615211713.tmp</t>
  </si>
  <si>
    <t>01/20/2020 10:56:05</t>
  </si>
  <si>
    <t>01/20/2020 10:57:22</t>
  </si>
  <si>
    <t>01/20/2020 10:56:06</t>
  </si>
  <si>
    <t>01/20/2020 10:53:31</t>
  </si>
  <si>
    <t>01/20/2020 10:58:22</t>
  </si>
  <si>
    <t>222ac2d1-3077-4f79-bb12-13a60d65b591.tmp</t>
  </si>
  <si>
    <t>\\acsfs\profiles$\gabrielsma\Downloads\222ac2d1-3077-4f79-bb12-13a60d65b591.tmp</t>
  </si>
  <si>
    <t>01/20/2020 10:53:34</t>
  </si>
  <si>
    <t>\\acsfs\ACS\Gabriel da Silva\Contemporânea\Acessos\Q29udHJvbGxlci5FeHBsb3Jlcl8x.ica.crdownload</t>
  </si>
  <si>
    <t>01/20/2020 10:54:06</t>
  </si>
  <si>
    <t>ERRO FATAL TIAGO SANTOS NOGUEIRA.PNG</t>
  </si>
  <si>
    <t>\\acsfs\ACS\001 - Qualidade Lilian\PAULO\Pasta Tainara\ERRO FATAL TIAGO SANTOS NOGUEIRA.PNG</t>
  </si>
  <si>
    <t>01/20/2020 10:57:24</t>
  </si>
  <si>
    <t>01/20/2020 10:55:32</t>
  </si>
  <si>
    <t>01/20/2020 10:59:22</t>
  </si>
  <si>
    <t>09316184-63bb-48de-8f8c-9344db847ead.tmp</t>
  </si>
  <si>
    <t>\\acsfs\profiles$\KARENDSR\Downloads\09316184-63bb-48de-8f8c-9344db847ead.tmp</t>
  </si>
  <si>
    <t>01/20/2020 11:00:02</t>
  </si>
  <si>
    <t>01/20/2020 11:01:22</t>
  </si>
  <si>
    <t>f08f5d38-8245-4b15-a360-80005c095336.tmp</t>
  </si>
  <si>
    <t>\\acsfs\profiles$\ALYNYA\Downloads\f08f5d38-8245-4b15-a360-80005c095336.tmp</t>
  </si>
  <si>
    <t>01/20/2020 11:00:08</t>
  </si>
  <si>
    <t>479f82ff-f54e-467b-b5e5-d979dbccacf0.tmp</t>
  </si>
  <si>
    <t>\\acsfs\profiles$\ALYNYA\Downloads\479f82ff-f54e-467b-b5e5-d979dbccacf0.tmp</t>
  </si>
  <si>
    <t>01/20/2020 11:01:08</t>
  </si>
  <si>
    <t>01/20/2020 11:02:22</t>
  </si>
  <si>
    <t>b8e66ecd-3a05-4112-9378-c2873ee5573f.tmp</t>
  </si>
  <si>
    <t>\\acsfs\profiles$\joselrb\Downloads\b8e66ecd-3a05-4112-9378-c2873ee5573f.tmp</t>
  </si>
  <si>
    <t>01/20/2020 10:57:26</t>
  </si>
  <si>
    <t>01/20/2020 10:57:27</t>
  </si>
  <si>
    <t>01/20/2020 11:01:19</t>
  </si>
  <si>
    <t>01/20/2020 11:01:20</t>
  </si>
  <si>
    <t>01/20/2020 10:58:02</t>
  </si>
  <si>
    <t>01/20/2020 11:03:22</t>
  </si>
  <si>
    <t>5730616B.tmp</t>
  </si>
  <si>
    <t>\\acsfs\ACS\Gabriel da Silva\Contemporânea\Erros Operacionais\5730616B.tmp</t>
  </si>
  <si>
    <t>01/20/2020 10:59:40</t>
  </si>
  <si>
    <t>8fe88324-13e4-47dc-bba2-4f70e7925e26.tmp</t>
  </si>
  <si>
    <t>\\acsfs\profiles$\nathaliarmr\Downloads\8fe88324-13e4-47dc-bba2-4f70e7925e26.tmp</t>
  </si>
  <si>
    <t>01/20/2020 10:58:23</t>
  </si>
  <si>
    <t>4654e8ed-1d77-49a7-bb82-562f4e4180e3.tmp</t>
  </si>
  <si>
    <t>\\acsfs\profiles$\monicargds\Downloads\4654e8ed-1d77-49a7-bb82-562f4e4180e3.tmp</t>
  </si>
  <si>
    <t>01/20/2020 11:03:16</t>
  </si>
  <si>
    <t>01/20/2020 11:04:22</t>
  </si>
  <si>
    <t>01/20/2020 11:02:09</t>
  </si>
  <si>
    <t>01/20/2020 11:05:22</t>
  </si>
  <si>
    <t>01/20/2020 11:02:10</t>
  </si>
  <si>
    <t>lu240763wrvim.tmp</t>
  </si>
  <si>
    <t>\\acsfs\profiles$\dhiulliananads\My Documents\lu240763wrvim.tmp</t>
  </si>
  <si>
    <t>\\acsfs\profiles$\dhiulliananads\My Documents\lu240763wrvim.tmp\</t>
  </si>
  <si>
    <t>\\acsfs\profiles$\dhiulliananads\My Documents\lu240763wrvim.tmp\META-INF\</t>
  </si>
  <si>
    <t>\\acsfs\profiles$\dhiulliananads\My Documents\lu240763wrvim.tmp\Thumbnails\</t>
  </si>
  <si>
    <t>01/20/2020 11:02:11</t>
  </si>
  <si>
    <t>01/20/2020 11:02:12</t>
  </si>
  <si>
    <t>lu240763wrvir.tmp</t>
  </si>
  <si>
    <t>\\acsfs\profiles$\dhiulliananads\My Documents\lu240763wrvir.tmp</t>
  </si>
  <si>
    <t>\\acsfs\profiles$\dhiulliananads\My Documents\lu240763wrvir.tmp\</t>
  </si>
  <si>
    <t>\\acsfs\profiles$\dhiulliananads\My Documents\lu240763wrvir.tmp\META-INF\</t>
  </si>
  <si>
    <t>\\acsfs\profiles$\dhiulliananads\My Documents\lu240763wrvir.tmp\Thumbnails\</t>
  </si>
  <si>
    <t>01/20/2020 11:00:34</t>
  </si>
  <si>
    <t>01/20/2020 11:03:56</t>
  </si>
  <si>
    <t>01/20/2020 11:06:22</t>
  </si>
  <si>
    <t>Fernanda Aparecida Borges</t>
  </si>
  <si>
    <t>01/20/2020 11:02:06</t>
  </si>
  <si>
    <t>01/20/2020 11:07:22</t>
  </si>
  <si>
    <t>c8c9289a-d3de-4df9-990c-8f9033341766.tmp</t>
  </si>
  <si>
    <t>\\acsfs\profiles$\joselrb\Downloads\c8c9289a-d3de-4df9-990c-8f9033341766.tmp</t>
  </si>
  <si>
    <t>01/20/2020 11:02:45</t>
  </si>
  <si>
    <t>c47b5bc8-635c-40c7-8a8a-b691b3c3348f.tmp</t>
  </si>
  <si>
    <t>\\acsfs\profiles$\joselrb\Downloads\c47b5bc8-635c-40c7-8a8a-b691b3c3348f.tmp</t>
  </si>
  <si>
    <t>01/20/2020 11:06:56</t>
  </si>
  <si>
    <t>01/20/2020 11:08:22</t>
  </si>
  <si>
    <t>01/20/2020 11:09:22</t>
  </si>
  <si>
    <t>01/20/2020 11:04:10</t>
  </si>
  <si>
    <t>01/20/2020 11:04:16</t>
  </si>
  <si>
    <t>01/20/2020 11:06:27</t>
  </si>
  <si>
    <t>01/20/2020 11:05:20</t>
  </si>
  <si>
    <t>147606bf-6e2c-4644-a01a-ab71e44a972a.tmp</t>
  </si>
  <si>
    <t>\\acsfs\profiles$\anafsb\Downloads\147606bf-6e2c-4644-a01a-ab71e44a972a.tmp</t>
  </si>
  <si>
    <t>01/20/2020 11:06:36</t>
  </si>
  <si>
    <t>01/20/2020 11:06:40</t>
  </si>
  <si>
    <t>01/20/2020 11:08:36</t>
  </si>
  <si>
    <t>01/20/2020 11:07:12</t>
  </si>
  <si>
    <t>\\acsfs\Deptos\Operacao\Banco_Votorantim\Supervisao\Maristela\CRBV vendas\Desligamento\Não confirmado 703257.crdownload\</t>
  </si>
  <si>
    <t>\\acsfs\Deptos\Operacao\Banco_Votorantim\Supervisao\Maristela\CRBV vendas\Desligamento\Não confirmado 703257.crdownload</t>
  </si>
  <si>
    <t>Não confirmado 703257.crdownload</t>
  </si>
  <si>
    <t>01/20/2020 11:11:22</t>
  </si>
  <si>
    <t>01/20/2020 11:09:24</t>
  </si>
  <si>
    <t>f900bf69-c5d9-4aba-80bc-2941a1864409.tmp</t>
  </si>
  <si>
    <t>\\acsfs\profiles$\gabrielhca\Downloads\f900bf69-c5d9-4aba-80bc-2941a1864409.tmp</t>
  </si>
  <si>
    <t>01/20/2020 11:09:25</t>
  </si>
  <si>
    <t>ff223bad-6e7a-4ae6-bafd-4c862477338e.tmp</t>
  </si>
  <si>
    <t>\\acsfs\profiles$\larissaad\Downloads\ff223bad-6e7a-4ae6-bafd-4c862477338e.tmp</t>
  </si>
  <si>
    <t>01/20/2020 11:10:26</t>
  </si>
  <si>
    <t>01/20/2020 11:12:22</t>
  </si>
  <si>
    <t>01/20/2020 11:10:27</t>
  </si>
  <si>
    <t>01/20/2020 11:10:15</t>
  </si>
  <si>
    <t>01/20/2020 11:13:23</t>
  </si>
  <si>
    <t>01/20/2020 11:10:32</t>
  </si>
  <si>
    <t>0bf72af6-8fe5-43e8-8068-537b57e75a60.tmp</t>
  </si>
  <si>
    <t>\\acsfs\profiles$\claudiajca\Downloads\0bf72af6-8fe5-43e8-8068-537b57e75a60.tmp</t>
  </si>
  <si>
    <t>01/20/2020 11:12:14</t>
  </si>
  <si>
    <t>2f11903d-7f33-4b9c-a4c7-0cd184943600.tmp</t>
  </si>
  <si>
    <t>\\acsfs\profiles$\lucasgpe\Downloads\2f11903d-7f33-4b9c-a4c7-0cd184943600.tmp</t>
  </si>
  <si>
    <t>01/20/2020 11:14:22</t>
  </si>
  <si>
    <t>01/20/2020 11:09:00</t>
  </si>
  <si>
    <t>01/20/2020 11:09:43</t>
  </si>
  <si>
    <t>01/20/2020 11:10:47</t>
  </si>
  <si>
    <t>01/20/2020 11:11:19</t>
  </si>
  <si>
    <t>01/20/2020 11:12:16</t>
  </si>
  <si>
    <t>01/20/2020 11:13:42</t>
  </si>
  <si>
    <t>01/20/2020 11:13:05</t>
  </si>
  <si>
    <t>ancestorhasaugmentedpermissions;andrelpsa@algartech.com;containsunsubscribedchildren;displayname;domain;emailaddress;file(kind;fileid;filesize;hasthumbnail;hasvisitorpermissions;id;id);items(deleted;ken;kind;lastmodifyinguser(kind;lastviewedbymedate;maristelavodq@bv.algartech.com;modifiedbymedate;modifieddate;ontainsunsubscribedchildren;owners(kind;per;permissionid;picture;shared;sharedwithmedate;supervisaobancovotorantim@algartech.com;thiagolrc@bv.algartech.com;thumbnailversion;title;userpermission(role);workspaceids;</t>
  </si>
  <si>
    <t>ancestorhasaugmentedpermissions,andrelpsa@algartech.com,containsunsubscribedchildren,displayname,domain,emailaddress,file(kind,fileid,filesize,hasthumbnail,hasvisitorpermissions,id,id),items(deleted,ken,kind,lastmodifyinguser(kind,lastviewedbymedate,maristelavodq@bv.algartech.com,modifiedbymedate,modifieddate,ontainsunsubscribedchildren,owners(kind,per,permissionid,picture,shared,sharedwithmedate,supervisaobancovotorantim@algartech.com,thiagolrc@bv.algartech.com,thumbnailversion,title,userpermission(role),workspaceids</t>
  </si>
  <si>
    <t>01/20/2020 11:13:14</t>
  </si>
  <si>
    <t>13;14;15;1579524515938;1579524816942;1579525117930;1579525418929;1579525719926;1579526020923;1579526321925;1579526622918;1579526923914;16;17;18;19;20;21;341510534;621969351;[];[]]];andrelpsa@algartech.com;false;l-ckacf_7r3zozh1hhizn88xwetaapoebcpjm5ey2zyse1nt3xmnhcr-rz9s-zdg-5-xx2v8f_tzsvcfibwrle5qaq53vh6r8m19mnq0rhk68ibitnjgrsmrdalihic4l1lxyqga8ovr5etkjjbkmsgw0htomrw0ftovchx76kgoyskqvpqzuqo0mrsk-nevtbmaqaleloorbdq4mjvgtmunagardgcvqomsjf2dfmbefzskm2b2sgehmip1;maristelavodq@bv.algartech.com;mrw0ftovchx76kgoyskqvpqzuqo0mrsk-nevtbmaqaleloorbdq4mjvgtmunagardgcvqomsjf2dfmbefzskm2b2sgehmip1t4cvexbtpssk2sdjt6951wlkaev-qbpxn2strgesn6t0wc7ahptj_e6akbt7rpykdguoorotjjojr2vprr4zefrh7i8ekftw_f_-u1emtiy6u1k09ydghmcnooax7ywi6zi1obntaw8axlvl_rn3rgy5fzojvgxc5qhvrinhhylgt8q\";mrw0ftovchx76kgoyskqvpqzuqo0mrsk-nevtbmaqaleloorbdq4mjvgtmunagardgcvqomsjf2dfmbefzskm2b2sgehmip1t4cvexbtpssk2sdjt6951wlkaev-qbpxn2strgesn6t0wc7ahptj_e6akbt7rpykdguoorotjjojr2vprr4zefrh7i8ekftw_f_-u1emtiy6u1k09ydghmcnooax7ywi6zi1olntaw9vo3ced0h61sefo780dic</t>
  </si>
  <si>
    <t>13,14,15,1579524515938,1579524816942,1579525117930,1579525418929,1579525719926,1579526020923,1579526321925,1579526622918,1579526923914,16,17,18,19,20,21,341510534,621969351,[],[]]],andrelpsa@algartech.com,false,l-ckacf_7r3zozh1hhizn88xwetaapoebcpjm5ey2zyse1nt3xmnhcr-rz9s-zdg-5-xx2v8f_tzsvcfibwrle5qaq53vh6r8m19mnq0rhk68ibitnjgrsmrdalihic4l1lxyqga8ovr5etkjjbkmsgw0htomrw0ftovchx76kgoyskqvpqzuqo0mrsk-nevtbmaqaleloorbdq4mjvgtmunagardgcvqomsjf2dfmbefzskm2b2sgehmip1,maristelavodq@bv.algartech.com,mrw0ftovchx76kgoyskqvpqzuqo0mrsk-nevtbmaqaleloorbdq4mjvgtmunagardgcvqomsjf2dfmbefzskm2b2sgehmip1t4cvexbtpssk2sdjt6951wlkaev-qbpxn2strgesn6t0wc7ahptj_e6akbt7rpykdguoorotjjojr2vprr4zefrh7i8ekftw_f_-u1emtiy6u1k09ydghmcnooax7ywi6zi1obntaw8axlvl_rn3rgy5fzojvgxc5qhvrinhhylgt8q\",mrw0ftovchx76kgoyskqvpqzuqo0mrsk-nevtbmaqaleloorbdq4mjvgtmunagardgcvqomsjf2dfmbefzskm2b2sgehmip1t4cvexbtpssk2sdjt6951wlkaev-qbpxn2strgesn6t0wc7ahptj_e6akbt7rpykdguoorotjjojr2vprr4zefrh7i8ekftw_f_-u1emtiy6u1k09ydghmcnooax7ywi6zi1olntaw9vo3ced0h61sefo780dic</t>
  </si>
  <si>
    <t>01/20/2020 11:13:32</t>
  </si>
  <si>
    <t>"mozilla/5.0 (windows nt 6.1) applewebkit/537.36 (khtml;1;12;13;137;13700607;13700883;13701139;13701214;13701298;13701577;13701589;13701613;13701625;13701825;13701901;13701921;13701949;13701969;13702064;13702088;1579520900840000;1579520901989000;1579521807978;1579524214946;1579529030884;28;4;621969351;[[13701450;[];[]]];adfn-csyrvwqermfbxam1mkavsrzjlg0rundo9gysmvmlrxxhlhfmqhcw7_ynhcatkqscdyldsiy;false;false];fedb0gqdtuqawg";ken=ac4w5vi0ka-sxkbznvlqg8lj5-wvx_fz5a:1579520900837&amp;buildlabel=drive.web-frontend_20200108.00_p21;l-ckacf_7r3zozh1hhizn88xwetaapoebcpjm5ey2zyse1nt3xmnhcr-rz9s-zdg-5-xx2v8f_tzsvcfibwrle5qaq53vh6r8m19mnq0rhk68ibitnjgrsmrdalihic4l1lxyqga8ovr5etkjjbkmsgw0htomrw0ftovchx76kgoyskqvpqzuqo0mrsk-nevtbmaqaleloorbdq4mjvgtmunagardgcvqomsjf2dfmbefzskm2b2sgehmip1;like gecko) chrome/79.0.3945.130 safari/537.36";maristelavodq@bv.algartech.com;mrw0ftovchx76kgoyskqvpqzuqo0mrsk-nevtbmaqaleloorbdq4mjvgtmunagardgcvqomsjf2dfmbefzskm2b2sgehmip1t4cvexbtpssk2sdjt6951wlkaev-qbpxn2strgesn6t0wc7ahptj_e6akbt7rpykdguoo</t>
  </si>
  <si>
    <t>"mozilla/5.0 (windows nt 6.1) applewebkit/537.36 (khtml,1,12,13,137,13700607,13700883,13701139,13701214,13701298,13701577,13701589,13701613,13701625,13701825,13701901,13701921,13701949,13701969,13702064,13702088,1579520900840000,1579520901989000,1579521807978,1579524214946,1579529030884,28,4,621969351,[[13701450,[],[]]],adfn-csyrvwqermfbxam1mkavsrzjlg0rundo9gysmvmlrxxhlhfmqhcw7_ynhcatkqscdyldsiy,false,false],fedb0gqdtuqawg",ken=ac4w5vi0ka-sxkbznvlqg8lj5-wvx_fz5a:1579520900837&amp;buildlabel=drive.web-frontend_20200108.00_p21,l-ckacf_7r3zozh1hhizn88xwetaapoebcpjm5ey2zyse1nt3xmnhcr-rz9s-zdg-5-xx2v8f_tzsvcfibwrle5qaq53vh6r8m19mnq0rhk68ibitnjgrsmrdalihic4l1lxyqga8ovr5etkjjbkmsgw0htomrw0ftovchx76kgoyskqvpqzuqo0mrsk-nevtbmaqaleloorbdq4mjvgtmunagardgcvqomsjf2dfmbefzskm2b2sgehmip1,like gecko) chrome/79.0.3945.130 safari/537.36",maristelavodq@bv.algartech.com,mrw0ftovchx76kgoyskqvpqzuqo0mrsk-nevtbmaqaleloorbdq4mjvgtmunagardgcvqomsjf2dfmbefzskm2b2sgehmip1t4cvexbtpssk2sdjt6951wlkaev-qbpxn2strgesn6t0wc7ahptj_e6akbt7rpykdguoo</t>
  </si>
  <si>
    <t>01/20/2020 11:13:43</t>
  </si>
  <si>
    <t>01/20/2020 11:13:46</t>
  </si>
  <si>
    <t>"mozilla/5.0 (windows nt 6.1) applewebkit/537.36 (khtml;1;12;13;137;13700607;13700883;13701139;13701214;13701298;13701577;13701589;13701613;13701625;13701825;13701901;13701921;13701949;13701969;13702064;13702088;1579520900840000;1579520901989000;1579521807978;1579524214946;1579529030884;28;4;621969351;[[13701450;[];[]]];adfn-csyrvwqermfbxam1mkavsrzjlg0rundo9gysmvmlrxxhlhfmqhcw7_ynhcatkqscdyldsiy;andrelpsa@algartech.com;false;false];fedb0gqdtuqawg";ken=ac4w5vi0ka-sxkbznvlqg8lj5-wvx_fz5a:1579520900837&amp;buildlabel=drive.web-frontend_20200108.00_p21;l-ckacf_7r3zozh1hhizn88xwetaapoebcpjm5ey2zyse1nt3xmnhcr-rz9s-zdg-5-xx2v8f_tzsvcfibwrle5qaq53vh6r8m19mnq0rhk68ibitnjgrsmrdalihic4l1lxyqga8ovr5etkjjbkmsgw0htomrw0ftovchx76kgoyskqvpqzuqo0mrsk-nevtbmaqaleloorbdq4mjvgtmunagardgcvqomsjf2dfmbefzskm2b2sgehmip1;like gecko) chrome/79.0.3945.130 safari/537.36";maristelavodq@bv.algartech.com;mrw0ftovchx76kgoyskqvpqzuqo0mrsk-nevtbmaqaleloorbdq4mjvgtmunagardgcvqomsjf2dfmbefzskm2b2sgehmip1t4cvexbtpssk2sdjt6951wlkaev-qbpxn2strgesn6t0w</t>
  </si>
  <si>
    <t>"mozilla/5.0 (windows nt 6.1) applewebkit/537.36 (khtml,1,12,13,137,13700607,13700883,13701139,13701214,13701298,13701577,13701589,13701613,13701625,13701825,13701901,13701921,13701949,13701969,13702064,13702088,1579520900840000,1579520901989000,1579521807978,1579524214946,1579529030884,28,4,621969351,[[13701450,[],[]]],adfn-csyrvwqermfbxam1mkavsrzjlg0rundo9gysmvmlrxxhlhfmqhcw7_ynhcatkqscdyldsiy,andrelpsa@algartech.com,false,false],fedb0gqdtuqawg",ken=ac4w5vi0ka-sxkbznvlqg8lj5-wvx_fz5a:1579520900837&amp;buildlabel=drive.web-frontend_20200108.00_p21,l-ckacf_7r3zozh1hhizn88xwetaapoebcpjm5ey2zyse1nt3xmnhcr-rz9s-zdg-5-xx2v8f_tzsvcfibwrle5qaq53vh6r8m19mnq0rhk68ibitnjgrsmrdalihic4l1lxyqga8ovr5etkjjbkmsgw0htomrw0ftovchx76kgoyskqvpqzuqo0mrsk-nevtbmaqaleloorbdq4mjvgtmunagardgcvqomsjf2dfmbefzskm2b2sgehmip1,like gecko) chrome/79.0.3945.130 safari/537.36",maristelavodq@bv.algartech.com,mrw0ftovchx76kgoyskqvpqzuqo0mrsk-nevtbmaqaleloorbdq4mjvgtmunagardgcvqomsjf2dfmbefzskm2b2sgehmip1t4cvexbtpssk2sdjt6951wlkaev-qbpxn2strgesn6t0w</t>
  </si>
  <si>
    <t>01/20/2020 11:08:55</t>
  </si>
  <si>
    <t>\\acsfs\Deptos\Operacao\Banco_Votorantim\Supervisao\Maristela\CRBV vendas\Desligamento\Não confirmado 60305.crdownload\</t>
  </si>
  <si>
    <t>\\acsfs\Deptos\Operacao\Banco_Votorantim\Supervisao\Maristela\CRBV vendas\Desligamento\Não confirmado 60305.crdownload</t>
  </si>
  <si>
    <t>Não confirmado 60305.crdownload</t>
  </si>
  <si>
    <t>01/20/2020 11:16:23</t>
  </si>
  <si>
    <t>01/20/2020 11:11:45</t>
  </si>
  <si>
    <t>a7c36a10-d145-48e1-8b44-4f8479e2c47a.tmp</t>
  </si>
  <si>
    <t>\\acsfs\profiles$\lorraynevam\Downloads\a7c36a10-d145-48e1-8b44-4f8479e2c47a.tmp</t>
  </si>
  <si>
    <t>01/20/2020 11:18:21</t>
  </si>
  <si>
    <t>01/20/2020 11:15:26</t>
  </si>
  <si>
    <t>01/20/2020 11:15:36</t>
  </si>
  <si>
    <t>01/20/2020 11:15:57</t>
  </si>
  <si>
    <t>01/20/2020 11:16:01</t>
  </si>
  <si>
    <t>01/20/2020 11:16:14</t>
  </si>
  <si>
    <t>01/20/2020 11:16:18</t>
  </si>
  <si>
    <t>mail.google.com/sync/u/0/i/s?hl=pt-BR&amp;c=443</t>
  </si>
  <si>
    <t>01/20/2020 11:16:28</t>
  </si>
  <si>
    <t>01/20/2020 11:16:32</t>
  </si>
  <si>
    <t>01/20/2020 11:16:38</t>
  </si>
  <si>
    <t>01/20/2020 11:16:42</t>
  </si>
  <si>
    <t>01/20/2020 11:16:45</t>
  </si>
  <si>
    <t>01/20/2020 11:16:49</t>
  </si>
  <si>
    <t>01/20/2020 11:16:52</t>
  </si>
  <si>
    <t>01/20/2020 11:17:04</t>
  </si>
  <si>
    <t>01/20/2020 11:17:10</t>
  </si>
  <si>
    <t>andrelpsa@algartech.com;antoniocoj@algartech.com;joaogvc@algartech.com;josiascdsj@algartech.com;leonardoao@algartech.com;marianadjc@algartech.com;maristelavodq@bv.algartech.com;paulacn@algartech.com;qualidadealgarbv@algartech.com;supervisaobancovotorantim@algartech.com;taysdss@algartech.com;thiagolrc@bv.algartech.com;</t>
  </si>
  <si>
    <t>andrelpsa@algartech.com,antoniocoj@algartech.com,joaogvc@algartech.com,josiascdsj@algartech.com,leonardoao@algartech.com,marianadjc@algartech.com,maristelavodq@bv.algartech.com,paulacn@algartech.com,qualidadealgarbv@algartech.com,supervisaobancovotorantim@algartech.com,taysdss@algartech.com,thiagolrc@bv.algartech.com</t>
  </si>
  <si>
    <t>01/20/2020 11:17:27</t>
  </si>
  <si>
    <t>01/20/2020 11:17:32</t>
  </si>
  <si>
    <t>01/20/2020 11:17:48</t>
  </si>
  <si>
    <t>01/20/2020 11:17:59</t>
  </si>
  <si>
    <t>100016016412308;andrelpsa@algartech.com;antoniocoj@algartech.com;joaogvc@algartech.com;josiascdsj@algartech.com;leonardoao@algartech.com;marianadjc@algartech.com;maristelavodq@bv.algartech.com;paulacn@algartech.com;qualidadealgarbv@algartech.com;supervisaobancovotorantim@algartech.com;taysdss@algartech.com;thiagolrc@bv.algartech.com;</t>
  </si>
  <si>
    <t>100016016412308,andrelpsa@algartech.com,antoniocoj@algartech.com,joaogvc@algartech.com,josiascdsj@algartech.com,leonardoao@algartech.com,marianadjc@algartech.com,maristelavodq@bv.algartech.com,paulacn@algartech.com,qualidadealgarbv@algartech.com,supervisaobancovotorantim@algartech.com,taysdss@algartech.com,thiagolrc@bv.algartech.com</t>
  </si>
  <si>
    <t>01/20/2020 11:16:02</t>
  </si>
  <si>
    <t>01/20/2020 11:15:52</t>
  </si>
  <si>
    <t>01/20/2020 11:19:23</t>
  </si>
  <si>
    <t>9b8cb24a-a6e8-48c7-9222-ba33861d13d5.tmp</t>
  </si>
  <si>
    <t>\\acsfs\profiles$\luanaldsi\Downloads\9b8cb24a-a6e8-48c7-9222-ba33861d13d5.tmp</t>
  </si>
  <si>
    <t>01/20/2020 11:15:53</t>
  </si>
  <si>
    <t>55602594-c647-46cb-b57c-730820d19be7.tmp</t>
  </si>
  <si>
    <t>\\acsfs\profiles$\luanaldsi\Downloads\55602594-c647-46cb-b57c-730820d19be7.tmp</t>
  </si>
  <si>
    <t>01/20/2020 11:14:07</t>
  </si>
  <si>
    <t>01/20/2020 11:14:27</t>
  </si>
  <si>
    <t>01/20/2020 11:14:41</t>
  </si>
  <si>
    <t>01/20/2020 11:14:51</t>
  </si>
  <si>
    <t>01/20/2020 11:15:00</t>
  </si>
  <si>
    <t>01/20/2020 11:15:03</t>
  </si>
  <si>
    <t>01/20/2020 11:15:18</t>
  </si>
  <si>
    <t>01/20/2020 11:15:31</t>
  </si>
  <si>
    <t>01/20/2020 11:15:42</t>
  </si>
  <si>
    <t>01/20/2020 11:15:48</t>
  </si>
  <si>
    <t>01/20/2020 11:15:50</t>
  </si>
  <si>
    <t>01/20/2020 11:16:05</t>
  </si>
  <si>
    <t>01/20/2020 11:17:43</t>
  </si>
  <si>
    <t>01/20/2020 11:14:53</t>
  </si>
  <si>
    <t>b2ba99b2-0e3a-405f-9ca8-9f681c6b6214.tmp</t>
  </si>
  <si>
    <t>\\acsfs\profiles$\KARENDSR\Downloads\b2ba99b2-0e3a-405f-9ca8-9f681c6b6214.tmp</t>
  </si>
  <si>
    <t>01/20/2020 11:18:55</t>
  </si>
  <si>
    <t>01/20/2020 11:20:22</t>
  </si>
  <si>
    <t>01/20/2020 11:18:56</t>
  </si>
  <si>
    <t>01/20/2020 11:21:22</t>
  </si>
  <si>
    <t>01/20/2020 11:20:25</t>
  </si>
  <si>
    <t>01/20/2020 11:22:22</t>
  </si>
  <si>
    <t>01/20/2020 11:20:26</t>
  </si>
  <si>
    <t>01/20/2020 11:23:22</t>
  </si>
  <si>
    <t>01/20/2020 11:21:07</t>
  </si>
  <si>
    <t>01/20/2020 11:22:13</t>
  </si>
  <si>
    <t>01/20/2020 11:18:51</t>
  </si>
  <si>
    <t>01/20/2020 11:24:22</t>
  </si>
  <si>
    <t>01/20/2020 11:19:52</t>
  </si>
  <si>
    <t>01/20/2020 11:19:55</t>
  </si>
  <si>
    <t>01/20/2020 11:20:14</t>
  </si>
  <si>
    <t>01/20/2020 11:20:21</t>
  </si>
  <si>
    <t>01/20/2020 11:20:46</t>
  </si>
  <si>
    <t>01/20/2020 11:20:47</t>
  </si>
  <si>
    <t>01/20/2020 11:21:06</t>
  </si>
  <si>
    <t>01/20/2020 11:21:16</t>
  </si>
  <si>
    <t>01/20/2020 11:25:22</t>
  </si>
  <si>
    <t>01/20/2020 11:23:55</t>
  </si>
  <si>
    <t>Agent State Details 18.01.2020.xlsx</t>
  </si>
  <si>
    <t>\\acsfs\DEPTOS\Operacao\PCP\5 - Comum\PLANEJAMENTO BV\23 - EXTRAÇÕES\Agent State Details\2020\JANEIRO\Agent State Details 18.01.2020.xlsx</t>
  </si>
  <si>
    <t>01/20/2020 11:26:22</t>
  </si>
  <si>
    <t>01/20/2020 11:23:06</t>
  </si>
  <si>
    <t>04383d8e-d341-455d-995a-bcfb56be3b0f.tmp</t>
  </si>
  <si>
    <t>\\acsfs\profiles$\larissaad\Downloads\04383d8e-d341-455d-995a-bcfb56be3b0f.tmp</t>
  </si>
  <si>
    <t>01/20/2020 11:27:22</t>
  </si>
  <si>
    <t>01/20/2020 11:26:10</t>
  </si>
  <si>
    <t>8d0651e0-63bf-464a-b17a-6c2be123c907.tmp</t>
  </si>
  <si>
    <t>\\acsfs\profiles$\LAISLG\Downloads\8d0651e0-63bf-464a-b17a-6c2be123c907.tmp</t>
  </si>
  <si>
    <t>01/20/2020 11:25:15</t>
  </si>
  <si>
    <t>67c48432-ec12-4913-beaa-e10bbf54bcf1.tmp</t>
  </si>
  <si>
    <t>\\acsfs\profiles$\lorrainerdl\Downloads\67c48432-ec12-4913-beaa-e10bbf54bcf1.tmp</t>
  </si>
  <si>
    <t>01/20/2020 11:26:47</t>
  </si>
  <si>
    <t>bae0bf50-effd-4eed-8f0b-27f0e7203854.tmp</t>
  </si>
  <si>
    <t>\\acsfs\profiles$\wenderbnm\Downloads\bae0bf50-effd-4eed-8f0b-27f0e7203854.tmp</t>
  </si>
  <si>
    <t>01/20/2020 11:23:48</t>
  </si>
  <si>
    <t>01/20/2020 11:28:22</t>
  </si>
  <si>
    <t>f9e47fe4-527c-46fa-8398-ab972dd56baa.tmp</t>
  </si>
  <si>
    <t>\\acsfs\profiles$\nathaliarmr\Downloads\f9e47fe4-527c-46fa-8398-ab972dd56baa.tmp</t>
  </si>
  <si>
    <t>01/20/2020 11:25:19</t>
  </si>
  <si>
    <t>e65e779b-a847-4e2b-b488-067c5dd52f63.tmp</t>
  </si>
  <si>
    <t>\\acsfs\profiles$\nathaliarmr\Downloads\e65e779b-a847-4e2b-b488-067c5dd52f63.tmp</t>
  </si>
  <si>
    <t>01/20/2020 11:27:40</t>
  </si>
  <si>
    <t>01/20/2020 11:27:15</t>
  </si>
  <si>
    <t>01/20/2020 11:29:22</t>
  </si>
  <si>
    <t>f50cae81-c5a7-4bf2-8027-7a8af424ff36.tmp</t>
  </si>
  <si>
    <t>\\acsfs\profiles$\lucasqdss\Downloads\f50cae81-c5a7-4bf2-8027-7a8af424ff36.tmp</t>
  </si>
  <si>
    <t>01/20/2020 11:26:49</t>
  </si>
  <si>
    <t>01/20/2020 11:30:21</t>
  </si>
  <si>
    <t>Agent State Details 19.01.2020.xlsx</t>
  </si>
  <si>
    <t>\\acsfs\DEPTOS\Operacao\PCP\5 - Comum\PLANEJAMENTO BV\23 - EXTRAÇÕES\Agent State Details\2020\JANEIRO\Agent State Details 19.01.2020.xlsx</t>
  </si>
  <si>
    <t>01/20/2020 11:31:22</t>
  </si>
  <si>
    <t>01/20/2020 11:32:21</t>
  </si>
  <si>
    <t>01/20/2020 11:30:43</t>
  </si>
  <si>
    <t>01/20/2020 11:30:44</t>
  </si>
  <si>
    <t>01/20/2020 11:28:39</t>
  </si>
  <si>
    <t>6c1bd717-5c37-4f11-8c1c-94e122673ae7.tmp</t>
  </si>
  <si>
    <t>\\acsfs\profiles$\LAISLG\Downloads\6c1bd717-5c37-4f11-8c1c-94e122673ae7.tmp</t>
  </si>
  <si>
    <t>01/20/2020 11:31:28</t>
  </si>
  <si>
    <t>72892dc8-d306-4bbf-9966-050d26f11693.tmp</t>
  </si>
  <si>
    <t>\\acsfs\profiles$\rafaelacdoc\Downloads\72892dc8-d306-4bbf-9966-050d26f11693.tmp</t>
  </si>
  <si>
    <t>01/20/2020 11:27:45</t>
  </si>
  <si>
    <t>01/20/2020 11:33:22</t>
  </si>
  <si>
    <t>01/20/2020 11:29:05</t>
  </si>
  <si>
    <t>01/20/2020 11:29:04</t>
  </si>
  <si>
    <t>01/20/2020 11:29:06</t>
  </si>
  <si>
    <t>01/20/2020 11:29:07</t>
  </si>
  <si>
    <t>01/20/2020 11:29:08</t>
  </si>
  <si>
    <t>01/20/2020 11:29:09</t>
  </si>
  <si>
    <t>01/20/2020 11:29:10</t>
  </si>
  <si>
    <t>01/20/2020 11:29:11</t>
  </si>
  <si>
    <t>01/20/2020 11:29:12</t>
  </si>
  <si>
    <t>01/20/2020 11:29:13</t>
  </si>
  <si>
    <t>01/20/2020 11:29:14</t>
  </si>
  <si>
    <t>01/20/2020 11:29:15</t>
  </si>
  <si>
    <t>01/20/2020 11:29:16</t>
  </si>
  <si>
    <t>01/20/2020 11:29:17</t>
  </si>
  <si>
    <t>01/20/2020 11:29:18</t>
  </si>
  <si>
    <t>01/20/2020 11:29:19</t>
  </si>
  <si>
    <t>01/20/2020 11:28:48</t>
  </si>
  <si>
    <t>01/20/2020 11:34:21</t>
  </si>
  <si>
    <t>4468d6a0-9421-4f94-bb2e-9ed2a0770def.tmp</t>
  </si>
  <si>
    <t>\\acsfs\profiles$\inarajst\Downloads\4468d6a0-9421-4f94-bb2e-9ed2a0770def.tmp</t>
  </si>
  <si>
    <t>01/20/2020 11:32:14</t>
  </si>
  <si>
    <t>05f465aa-ef8d-4922-961a-cf3ebef58437.tmp</t>
  </si>
  <si>
    <t>\\acsfs\profiles$\KARENDSR\Downloads\05f465aa-ef8d-4922-961a-cf3ebef58437.tmp</t>
  </si>
  <si>
    <t>01/20/2020 11:36:22</t>
  </si>
  <si>
    <t>01/20/2020 11:33:34</t>
  </si>
  <si>
    <t>01/20/2020 11:37:22</t>
  </si>
  <si>
    <t>b08f57f6-58e5-4db0-9b7d-c7a07d61b152.tmp</t>
  </si>
  <si>
    <t>\\acsfs\profiles$\gabrielafs\Downloads\b08f57f6-58e5-4db0-9b7d-c7a07d61b152.tmp</t>
  </si>
  <si>
    <t>01/20/2020 11:40:23</t>
  </si>
  <si>
    <t>01/20/2020 11:39:37</t>
  </si>
  <si>
    <t>01/20/2020 11:39:48</t>
  </si>
  <si>
    <t>01/20/2020 11:37:07</t>
  </si>
  <si>
    <t>\\acsfs\DEPTOS\Operacao\PCP\5 - Comum\PLANEJAMENTO BV\23 - EXTRAÇÕES\Agent utilization\2020\</t>
  </si>
  <si>
    <t>Agent utilization 01.01.2020 a 17.01.2020.xlsx</t>
  </si>
  <si>
    <t>\\acsfs\DEPTOS\Operacao\PCP\5 - Comum\PLANEJAMENTO BV\23 - EXTRAÇÕES\Agent utilization\2020\Agent utilization 01.01.2020 a 17.01.2020.xlsx</t>
  </si>
  <si>
    <t>01/20/2020 11:40:12</t>
  </si>
  <si>
    <t>626430f2-f27c-423d-917a-976d9d590db2.tmp</t>
  </si>
  <si>
    <t>\\acsfs\profiles$\marcosvnds\Downloads\626430f2-f27c-423d-917a-976d9d590db2.tmp</t>
  </si>
  <si>
    <t>01/20/2020 11:41:23</t>
  </si>
  <si>
    <t>01/20/2020 11:39:04</t>
  </si>
  <si>
    <t>01/20/2020 11:42:23</t>
  </si>
  <si>
    <t>c7751463-3580-4aff-9905-69c6719508a8.tmp</t>
  </si>
  <si>
    <t>\\acsfs\profiles$\joselrb\Downloads\c7751463-3580-4aff-9905-69c6719508a8.tmp</t>
  </si>
  <si>
    <t>01/20/2020 11:39:44</t>
  </si>
  <si>
    <t>01/20/2020 11:44:23</t>
  </si>
  <si>
    <t>0ea67f72-2c5c-4d06-a62b-6d98cf55529b.tmp</t>
  </si>
  <si>
    <t>\\acsfs\profiles$\anafsb\Downloads\0ea67f72-2c5c-4d06-a62b-6d98cf55529b.tmp</t>
  </si>
  <si>
    <t>01/20/2020 11:45:23</t>
  </si>
  <si>
    <t>01/20/2020 11:44:29</t>
  </si>
  <si>
    <t>\\acsfs\DEPTOS\Operacao\PCP\5 - Comum\PLANEJAMENTO BV\23 - EXTRAÇÕES\Agente Login Logout details report\2020\JANEIRO\</t>
  </si>
  <si>
    <t>AGENT LOGIN LOGOUT DETAILS REPORT 18.01.2020.xlsx</t>
  </si>
  <si>
    <t>\\acsfs\DEPTOS\Operacao\PCP\5 - Comum\PLANEJAMENTO BV\23 - EXTRAÇÕES\Agente Login Logout details report\2020\JANEIRO\AGENT LOGIN LOGOUT DETAILS REPORT 18.01.2020.xlsx</t>
  </si>
  <si>
    <t>01/20/2020 11:45:22</t>
  </si>
  <si>
    <t>01/20/2020 11:46:23</t>
  </si>
  <si>
    <t>01/20/2020 11:45:29</t>
  </si>
  <si>
    <t>2b43eadc-6620-4a2a-9b48-c1f71820623d.tmp</t>
  </si>
  <si>
    <t>\\acsfs\profiles$\cintiadjl\Downloads\2b43eadc-6620-4a2a-9b48-c1f71820623d.tmp</t>
  </si>
  <si>
    <t>01/20/2020 11:45:34</t>
  </si>
  <si>
    <t>98245b40-57ed-4705-9a14-3971581cc53b.tmp</t>
  </si>
  <si>
    <t>\\acsfs\profiles$\cintiadjl\Downloads\98245b40-57ed-4705-9a14-3971581cc53b.tmp</t>
  </si>
  <si>
    <t>01/20/2020 11:44:38</t>
  </si>
  <si>
    <t>51b9c967-8a02-4b02-ad86-ded692aeb520.tmp</t>
  </si>
  <si>
    <t>\\acsfs\profiles$\ALYNYA\Downloads\51b9c967-8a02-4b02-ad86-ded692aeb520.tmp</t>
  </si>
  <si>
    <t>01/20/2020 11:42:38</t>
  </si>
  <si>
    <t>01/20/2020 11:47:23</t>
  </si>
  <si>
    <t>https://udpmailboxap01.acs.com.br:8443/h/search?si=0&amp;so=0&amp;sc=78823&amp;sfi=2&amp;st=conversation&amp;action=compose</t>
  </si>
  <si>
    <t>01/20/2020 11:45:20</t>
  </si>
  <si>
    <t>01/20/2020 11:50:23</t>
  </si>
  <si>
    <t>01/20/2020 11:46:11</t>
  </si>
  <si>
    <t>AGENT LOGIN LOGOUT DETAILS REPORT 19.01.2020.xlsx</t>
  </si>
  <si>
    <t>\\acsfs\DEPTOS\Operacao\PCP\5 - Comum\PLANEJAMENTO BV\23 - EXTRAÇÕES\Agente Login Logout details report\2020\JANEIRO\AGENT LOGIN LOGOUT DETAILS REPORT 19.01.2020.xlsx</t>
  </si>
  <si>
    <t>01/20/2020 11:50:58</t>
  </si>
  <si>
    <t>01/20/2020 11:51:23</t>
  </si>
  <si>
    <t>16eb5d8d-fcd2-4904-b6d3-443b0089dab2.tmp</t>
  </si>
  <si>
    <t>\\acsfs\profiles$\sarahbal\Downloads\16eb5d8d-fcd2-4904-b6d3-443b0089dab2.tmp</t>
  </si>
  <si>
    <t>01/20/2020 11:47:08</t>
  </si>
  <si>
    <t>01/20/2020 11:52:23</t>
  </si>
  <si>
    <t>01/20/2020 11:53:23</t>
  </si>
  <si>
    <t>01/20/2020 11:53:04</t>
  </si>
  <si>
    <t>01/20/2020 11:53:06</t>
  </si>
  <si>
    <t>01/20/2020 11:50:17</t>
  </si>
  <si>
    <t>0d0a6b5a-cc5e-4f89-bf5f-3c2d1236e42d.tmp</t>
  </si>
  <si>
    <t>\\acsfs\profiles$\lucasgpe\Downloads\0d0a6b5a-cc5e-4f89-bf5f-3c2d1236e42d.tmp</t>
  </si>
  <si>
    <t>01/20/2020 11:55:23</t>
  </si>
  <si>
    <t>01/20/2020 11:51:18</t>
  </si>
  <si>
    <t>\\acsfs\DEPTOS\Operacao\PCP\5 - Comum\PLANEJAMENTO BV\23 - EXTRAÇÕES\Queue Summary Report\2020\</t>
  </si>
  <si>
    <t>Queue Summary Report 01.01.20 a 17.01.2020.xlsx</t>
  </si>
  <si>
    <t>\\acsfs\DEPTOS\Operacao\PCP\5 - Comum\PLANEJAMENTO BV\23 - EXTRAÇÕES\Queue Summary Report\2020\Queue Summary Report 01.01.20 a 17.01.2020.xlsx</t>
  </si>
  <si>
    <t>01/20/2020 11:56:23</t>
  </si>
  <si>
    <t>01/20/2020 11:56:14</t>
  </si>
  <si>
    <t>d81ed774-8d42-4932-ab70-437f19579c7a.tmp</t>
  </si>
  <si>
    <t>\\acsfs\profiles$\sarahbal\Downloads\d81ed774-8d42-4932-ab70-437f19579c7a.tmp</t>
  </si>
  <si>
    <t>01/20/2020 11:54:42</t>
  </si>
  <si>
    <t>01/20/2020 11:57:23</t>
  </si>
  <si>
    <t>2313f734-16ee-4855-9931-825b3d90f366.tmp</t>
  </si>
  <si>
    <t>\\acsfs\profiles$\gabrielafs\Downloads\2313f734-16ee-4855-9931-825b3d90f366.tmp</t>
  </si>
  <si>
    <t>01/20/2020 12:01:23</t>
  </si>
  <si>
    <t>01/20/2020 12:00:02</t>
  </si>
  <si>
    <t>01/20/2020 12:02:22</t>
  </si>
  <si>
    <t>01/20/2020 12:00:03</t>
  </si>
  <si>
    <t>01/20/2020 12:00:38</t>
  </si>
  <si>
    <t>01/20/2020 11:58:41</t>
  </si>
  <si>
    <t>01/20/2020 12:03:23</t>
  </si>
  <si>
    <t>01/20/2020 12:02:45</t>
  </si>
  <si>
    <t>01/20/2020 12:05:23</t>
  </si>
  <si>
    <t>3baace25-dd65-4aeb-8159-56eefbe832bc.tmp</t>
  </si>
  <si>
    <t>\\acsfs\profiles$\dhiulliananads\Downloads\3baace25-dd65-4aeb-8159-56eefbe832bc.tmp</t>
  </si>
  <si>
    <t>01/20/2020 12:02:58</t>
  </si>
  <si>
    <t>Unconfirmed 559833.crdownload</t>
  </si>
  <si>
    <t>\\acsfs\profiles$\dhiulliananads\Downloads\Unconfirmed 559833.crdownload</t>
  </si>
  <si>
    <t>01/20/2020 12:03:43</t>
  </si>
  <si>
    <t>c6b474ed-33cf-4588-b04c-5da0d44df335.tmp</t>
  </si>
  <si>
    <t>\\acsfs\profiles$\dhiulliananads\Downloads\c6b474ed-33cf-4588-b04c-5da0d44df335.tmp</t>
  </si>
  <si>
    <t>01/20/2020 12:04:19</t>
  </si>
  <si>
    <t>Unconfirmed 641297.crdownload</t>
  </si>
  <si>
    <t>\\acsfs\profiles$\dhiulliananads\Downloads\Unconfirmed 641297.crdownload</t>
  </si>
  <si>
    <t>01/20/2020 12:04:08</t>
  </si>
  <si>
    <t>9e4b1008-ce98-4df6-af9d-42c60f6d132c.tmp</t>
  </si>
  <si>
    <t>\\acsfs\profiles$\yurics\Downloads\9e4b1008-ce98-4df6-af9d-42c60f6d132c.tmp</t>
  </si>
  <si>
    <t>01/20/2020 12:06:23</t>
  </si>
  <si>
    <t>01/20/2020 12:07:23</t>
  </si>
  <si>
    <t>01/20/2020 12:01:50</t>
  </si>
  <si>
    <t>01/20/2020 12:01:51</t>
  </si>
  <si>
    <t>01/20/2020 12:02:08</t>
  </si>
  <si>
    <t>01/20/2020 12:02:38</t>
  </si>
  <si>
    <t>01/20/2020 12:05:08</t>
  </si>
  <si>
    <t>01/20/2020 12:05:38</t>
  </si>
  <si>
    <t>01/20/2020 12:08:23</t>
  </si>
  <si>
    <t>01/20/2020 12:06:39</t>
  </si>
  <si>
    <t>Não confirmado 916860.crdownload</t>
  </si>
  <si>
    <t>\\acsfs\ACS\Gabriel da Silva\Contemporânea\Gen\Não confirmado 916860.crdownload</t>
  </si>
  <si>
    <t>01/20/2020 12:09:23</t>
  </si>
  <si>
    <t>01/20/2020 12:08:13</t>
  </si>
  <si>
    <t>http:///batch/drive/v2internal?%24ct=multipart%2Fmixed%3B%20boundary%3D%22%3D%3D%3D%3D%3D7zmk4l1sfsgt%3D%3D%3D%3D%3D%22&amp;key=AIzaSyAy9VVXHSpS2IJpptzYtGbLP3-3_l0aBk4</t>
  </si>
  <si>
    <t>"languagecode":"pt-br";"requesttype":"background_request";"scenariotype;"timezone":"-03:00";0;0.382;0.675];0];0]]];0b75dogjxigafnxvncxjftujxsc1zvgthnhi3whzrexhgvjzr;1;10;103.717;103.717];10340.475000004517;107.17000000295229;10706.254999997327;10720.705000014277;10730.665000010049;10731.620000005933;10732.380000001285;10733.674999995856;1090.7650000008289;11;11.214;11.214];11125.2000000095;11272.889999992913;11688.3450000023;11c5m9ycfufsc7krihjn5d9wg8jcyqlqk;12.381;12593.365000007907;12686.264999996638;13440;13636.650000000373;1376699;1380;144.35499999672174;14512.335000006715;1468380;1468460;14818.440000002738;1511270;156.4700000162702;15687124;15694900;15699.190000013914;15700.505000015255;1579520908566000];1579520910984000;1579520915985000;1579520916452000;1579520918952000;1579520922984000;1579522409965;15];16.159;16.159];1600];1600]];16409;17.641;17.641];18.887;18.887];1920624;1];1epenm2sej9sexcv_grk0bzfqr6ozpra4;1ipcp90zh3bnlq_lev_j3ygnaupez3lrz;2.476;20.157;20.157];200];2244709;2249420;2293550;2293975;2</t>
  </si>
  <si>
    <t>http://"languagecode":"pt-br","requesttype":"background_request","scenariotype,"timezone":"-03:00",0,0.382,0.675],0],0]]],0b75dogjxigafnxvncxjftujxsc1zvgthnhi3whzrexhgvjzr,1,10,103.717,103.717],10340.475000004517,107.17000000295229,10706.254999997327,10720.705000014277,10730.665000010049,10731.620000005933,10732.380000001285,10733.674999995856,1090.7650000008289,11,11.214,11.214],11125.2000000095,11272.889999992913,11688.3450000023,11c5m9ycfufsc7krihjn5d9wg8jcyqlqk,12.381,12593.365000007907,12686.264999996638,13440,13636.650000000373,1376699,1380,144.35499999672174,14512.335000006715,1468380,1468460,14818.440000002738,1511270,156.4700000162702,15687124,15694900,15699.190000013914,15700.505000015255,1579520908566000],1579520910984000,1579520915985000,1579520916452000,1579520918952000,1579520922984000,1579522409965,15],16.159,16.159],1600],1600]],16409,17.641,17.641],18.887,18.887],1920624,1],1epenm2sej9sexcv_grk0bzfqr6ozpra4,1ipcp90zh3bnlq_lev_j3ygnaupez3lrz,2.476,20.157,20.157],200],2244709,2249420,2293550,22</t>
  </si>
  <si>
    <t>http:///batch/drive/v2internal?%24ct=multipart%2Fmixed%3B%20boundary%3D%22%3D%3D%3D%3D%3Dbxkjyym498p2%3D%3D%3D%3D%3D%22&amp;key=AIzaSyAy9VVXHSpS2IJpptzYtGbLP3-3_l0aBk4</t>
  </si>
  <si>
    <t>01/20/2020 12:08:14</t>
  </si>
  <si>
    <t>http:///batch/drive/v2internal?%24ct=multipart%2Fmixed%3B%20boundary%3D%22%3D%3D%3D%3D%3D1gm08q53qwbt%3D%3D%3D%3D%3D%22&amp;key=AIzaSyAy9VVXHSpS2IJpptzYtGbLP3-3_l0aBk4</t>
  </si>
  <si>
    <t>01/20/2020 12:04:50</t>
  </si>
  <si>
    <t>01/20/2020 12:10:23</t>
  </si>
  <si>
    <t>4ce414f1-acf0-4e45-94ec-e6fe54c690a9.tmp</t>
  </si>
  <si>
    <t>\\acsfs\profiles$\dhiulliananads\Downloads\4ce414f1-acf0-4e45-94ec-e6fe54c690a9.tmp</t>
  </si>
  <si>
    <t>57b73e6f-b3d1-430f-9aad-1159caad81d2.tmp</t>
  </si>
  <si>
    <t>\\acsfs\profiles$\dhiulliananads\Downloads\57b73e6f-b3d1-430f-9aad-1159caad81d2.tmp</t>
  </si>
  <si>
    <t>01/20/2020 12:08:42</t>
  </si>
  <si>
    <t>01/20/2020 12:08:58</t>
  </si>
  <si>
    <t>lu240763wrviz.tmp</t>
  </si>
  <si>
    <t>\\acsfs\profiles$\dhiulliananads\My Documents\lu240763wrviz.tmp</t>
  </si>
  <si>
    <t>\\acsfs\profiles$\dhiulliananads\My Documents\lu240763wrviz.tmp\</t>
  </si>
  <si>
    <t>\\acsfs\profiles$\dhiulliananads\My Documents\lu240763wrviz.tmp\META-INF\</t>
  </si>
  <si>
    <t>\\acsfs\profiles$\dhiulliananads\My Documents\lu240763wrviz.tmp\Thumbnails\</t>
  </si>
  <si>
    <t>01/20/2020 12:05:28</t>
  </si>
  <si>
    <t>01/20/2020 12:06:50</t>
  </si>
  <si>
    <t>01/20/2020 12:11:23</t>
  </si>
  <si>
    <t>01/20/2020 12:12:23</t>
  </si>
  <si>
    <t>01/20/2020 12:07:08</t>
  </si>
  <si>
    <t>01/20/2020 12:07:38</t>
  </si>
  <si>
    <t>01/20/2020 12:10:56</t>
  </si>
  <si>
    <t>01/20/2020 12:13:23</t>
  </si>
  <si>
    <t>01/20/2020 12:12:05</t>
  </si>
  <si>
    <t>01/20/2020 12:11:20</t>
  </si>
  <si>
    <t>01/20/2020 12:12:12</t>
  </si>
  <si>
    <t>24504d16-153d-46ee-9d0b-27b6d5ba2443.tmp</t>
  </si>
  <si>
    <t>\\acsfs\profiles$\nathaliarmr\Downloads\24504d16-153d-46ee-9d0b-27b6d5ba2443.tmp</t>
  </si>
  <si>
    <t>01/20/2020 12:10:31</t>
  </si>
  <si>
    <t>01/20/2020 12:10:35</t>
  </si>
  <si>
    <t>01/20/2020 12:10:53</t>
  </si>
  <si>
    <t>01/20/2020 12:10:59</t>
  </si>
  <si>
    <t>andrelpsa@algartech.com;antoniocoj@algartech.com;fernandaab@algartech.com;joaogvc@algartech.com;josiascdsj@algartech.com;kesiadof@algartech.com;leonardoao@algartech.com;lilianls@algartech.com;marianadjc@algartech.com;maristelavodq@bv.algartech.com;paulacn@algartech.com;qualidadealgarbv@algartech.com;supervisaobancovotorantim@algartech.com;talmaiardo@algartech.com;taysdss@algartech.com;thiagolrc@bv.algartech.com;</t>
  </si>
  <si>
    <t>andrelpsa@algartech.com,antoniocoj@algartech.com,fernandaab@algartech.com,joaogvc@algartech.com,josiascdsj@algartech.com,kesiadof@algartech.com,leonardoao@algartech.com,lilianls@algartech.com,marianadjc@algartech.com,maristelavodq@bv.algartech.com,paulacn@algartech.com,qualidadealgarbv@algartech.com,supervisaobancovotorantim@algartech.com,talmaiardo@algartech.com,taysdss@algartech.com,thiagolrc@bv.algartech.com</t>
  </si>
  <si>
    <t>01/20/2020 12:11:09</t>
  </si>
  <si>
    <t>01/20/2020 12:11:21</t>
  </si>
  <si>
    <t>01/20/2020 12:11:46</t>
  </si>
  <si>
    <t>01/20/2020 12:11:51</t>
  </si>
  <si>
    <t>01/20/2020 12:11:56</t>
  </si>
  <si>
    <t>01/20/2020 12:11:59</t>
  </si>
  <si>
    <t>01/20/2020 12:12:01</t>
  </si>
  <si>
    <t>01/20/2020 12:09:47</t>
  </si>
  <si>
    <t>01/20/2020 12:11:14</t>
  </si>
  <si>
    <t>01/20/2020 12:14:24</t>
  </si>
  <si>
    <t>http:///batch/drive/v2internal?%24ct=multipart%2Fmixed%3B%20boundary%3D%22%3D%3D%3D%3D%3Degrnrrwhe28j%3D%3D%3D%3D%3D%22&amp;key=AIzaSyAy9VVXHSpS2IJpptzYtGbLP3-3_l0aBk4</t>
  </si>
  <si>
    <t>1579521205985;1579521506979;2;3;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t7ntaw-ohopmln6yo4wasvzzu2uprfzp3bdrem5qoee\";mrw0ftovchx76kgoyskqvpqzuqo0mrsk-nevtbmaqaleloorbdq4mjvgtmunagardgcvqomsjf2dfmbefzskm2b2sgehmip1t4cvexbtpssk2sdjt6951wlkaev-qbpxn2strgesn6t0wc7ahptj_e6akbt7rpykdguoorotjjojr2vprr4zefrh7</t>
  </si>
  <si>
    <t>http://1579521205985,1579521506979,2,3,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t7ntaw-ohopmln6yo4wasvzzu2uprfzp3bdrem5qoee\",mrw0ftovchx76kgoyskqvpqzuqo0mrsk-nevtbmaqaleloorbdq4mjvgtmunagardgcvqomsjf2dfmbefzskm2b2sgehmip1t4cvexbtpssk2sdjt6951wlkaev-qbpxn2strgesn6t0wc7ahptj_e6akbt7rpykdguoorotjjojr2vprr</t>
  </si>
  <si>
    <t>http:///batch/drive/v2internal?%24ct=multipart%2Fmixed%3B%20boundary%3D%22%3D%3D%3D%3D%3Dvsntpbxsexs2%3D%3D%3D%3D%3D%22&amp;key=AIzaSyAy9VVXHSpS2IJpptzYtGbLP3-3_l0aBk4</t>
  </si>
  <si>
    <t>01/20/2020 12:11:16</t>
  </si>
  <si>
    <t>http:///batch/drive/v2internal?%24ct=multipart%2Fmixed%3B%20boundary%3D%22%3D%3D%3D%3D%3Dv5rl3iixl0b%3D%3D%3D%3D%3D%22&amp;key=AIzaSyAy9VVXHSpS2IJpptzYtGbLP3-3_l0aBk4</t>
  </si>
  <si>
    <t>01/20/2020 12:11:41</t>
  </si>
  <si>
    <t>"languagecode":"pt-br";"requesttype":"background_request";"scenariotype;"timezone":"-03:00";1579531137861;1579532889125000]]]p1;35;621969351;[];[]]];ess"}};false;gw5ndczmtg5odk4mdmrulwtnx5ezimycw==";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l7ntaw-ra5p4oyl6ywonifzqhwaowxs1yx6t8vwsfaa\";null;p";true]";vchx76kgoyskqvpqzuqo0mrsk-nevtbmaqaleloorbdq4mjvgtmunagardgcvqomsjf2dfmbefzskm2b2sgehmip1t4cvexbtpssk2sdjt6951wlkaev-qbpxn2strgesn6t0wc7ahptj_e6akbt7rpykdguoorotjjojr2vprr4zefrh7i8ekftw_f_-u1emtiy6u1k09ydghmcnooax7ywi6zi1l7ntaw-ra5p4oyl6ywonifzqhwaowxs1yx6t8vwsfaa\";</t>
  </si>
  <si>
    <t>"languagecode":"pt-br","requesttype":"background_request","scenariotype,"timezone":"-03:00",1579531137861,1579532889125000]]]p1,35,621969351,[],[]]],ess"}},false,gw5ndczmtg5odk4mdmrulwtnx5ezimycw==",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l7ntaw-ra5p4oyl6ywonifzqhwaowxs1yx6t8vwsfaa\",null,p",true]",vchx76kgoyskqvpqzuqo0mrsk-nevtbmaqaleloorbdq4mjvgtmunagardgcvqomsjf2dfmbefzskm2b2sgehmip1t4cvexbtpssk2sdjt6951wlkaev-qbpxn2strgesn6t0wc7ahptj_e6akbt7rpykdguoorotjjojr2vprr4zefrh7i8ekftw_f_-u1emtiy6u1k09ydghmcnooax7ywi6zi1l7ntaw-ra5p4oyl6ywonifzqhwaowxs1yx6t8vwsfaa\"</t>
  </si>
  <si>
    <t>01/20/2020 12:11:54</t>
  </si>
  <si>
    <t>01/20/2020 12:11:57</t>
  </si>
  <si>
    <t>01/20/2020 12:12:09</t>
  </si>
  <si>
    <t>01/20/2020 12:12:24</t>
  </si>
  <si>
    <t>01/20/2020 12:14:36</t>
  </si>
  <si>
    <t>01/20/2020 12:15:23</t>
  </si>
  <si>
    <t>lu216162ur7qw.tmp</t>
  </si>
  <si>
    <t>\\acsfs\profiles$\BRUNAAR\Numero\lu216162ur7qw.tmp</t>
  </si>
  <si>
    <t>01/20/2020 12:11:43</t>
  </si>
  <si>
    <t>5fe67f39-8a0a-47bc-8783-a32d884114d6.tmp</t>
  </si>
  <si>
    <t>\\acsfs\profiles$\yurics\Downloads\5fe67f39-8a0a-47bc-8783-a32d884114d6.tmp</t>
  </si>
  <si>
    <t>01/20/2020 12:11:01</t>
  </si>
  <si>
    <t>01/20/2020 12:16:22</t>
  </si>
  <si>
    <t>01/20/2020 12:17:23</t>
  </si>
  <si>
    <t>01/20/2020 12:13:08</t>
  </si>
  <si>
    <t>01/20/2020 12:14:08</t>
  </si>
  <si>
    <t>01/20/2020 12:14:38</t>
  </si>
  <si>
    <t>01/20/2020 12:15:08</t>
  </si>
  <si>
    <t>01/20/2020 12:19:23</t>
  </si>
  <si>
    <t>01/20/2020 12:15:16</t>
  </si>
  <si>
    <t>http:///batch/drive/v2internal?%24ct=multipart%2Fmixed%3B%20boundary%3D%22%3D%3D%3D%3D%3Du820dvkjn95u%3D%3D%3D%3D%3D%22&amp;key=AIzaSyAy9VVXHSpS2IJpptzYtGbLP3-3_l0aBk4</t>
  </si>
  <si>
    <t>1579522710966;1579532642837;40;621969351;7;[];[]]];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nlntaw_wykecygucyiv9uslnf7h7zyiysna_pwn1j4a\";mrw0ftovchx76kgoyskqvpqzuqo0mrsk-nevtbmaqaleloorbdq4mjvgtmunagardgcvqomsjf2dfmbefzskm2b2sgehmip1t4cvexbtpssk2sdjt6951wlkaev-qbpxn2strgesn6t0wc7ahptj_e6akbt7rpykdguoorotjjojr2vprr4zefrh</t>
  </si>
  <si>
    <t>http://1579522710966,1579532642837,40,621969351,7,[],[]]],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nlntaw_wykecygucyiv9uslnf7h7zyiysna_pwn1j4a\",mrw0ftovchx76kgoyskqvpqzuqo0mrsk-nevtbmaqaleloorbdq4mjvgtmunagardgcvqomsjf2dfmbefzskm2b2sgehmip1t4cvexbtpssk2sdjt6951wlkaev-qbpxn2strgesn6t0wc7ahptj_e6akbt7rpykdguoorotjjojr2vpr</t>
  </si>
  <si>
    <t>01/20/2020 12:15:17</t>
  </si>
  <si>
    <t>http:///batch/drive/v2internal?%24ct=multipart%2Fmixed%3B%20boundary%3D%22%3D%3D%3D%3D%3Dc0vgwzg6nxp0%3D%3D%3D%3D%3D%22&amp;key=AIzaSyAy9VVXHSpS2IJpptzYtGbLP3-3_l0aBk4</t>
  </si>
  <si>
    <t>01/20/2020 12:15:18</t>
  </si>
  <si>
    <t>http:///batch/drive/v2internal?%24ct=multipart%2Fmixed%3B%20boundary%3D%22%3D%3D%3D%3D%3Ddrohfdycj7md%3D%3D%3D%3D%3D%22&amp;key=AIzaSyAy9VVXHSpS2IJpptzYtGbLP3-3_l0aBk4</t>
  </si>
  <si>
    <t>01/20/2020 12:15:46</t>
  </si>
  <si>
    <t>http:///batch/drive/v2internal?%24ct=multipart%2Fmixed%3B%20boundary%3D%22%3D%3D%3D%3D%3Dlunlh1fxsfda%3D%3D%3D%3D%3D%22&amp;key=AIzaSyAy9VVXHSpS2IJpptzYtGbLP3-3_l0aBk4</t>
  </si>
  <si>
    <t>"mozilla/5.0 (windows nt 6.1) applewebkit/537.36 (khtml;0;1;13;137;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21�;13701945;13701949;13701953;13701957;13701969;13702064;13702068;13702084;13702088;1579520900840000;1579520901989000;1579527525905;23;2400];4;5701393;6.1;621969351;82;84;[1;[[13701450;[[null;[];[]]];[false;[null;adfn-csyrvwqermfbxam1mkavsrzjlg0rundo9gysmvmlrxxhlhfmqhcw7_ynhcatkqscdyldsiy;ancestorhasaugmentedpermissions;containsunsubscribedchildren;displayname;domain;drive.web-frontend_20200108.00_p2;emailaddress;false;false];false]];fedb0gqdtuqawg";file(kind;fileid;filesize;hasthumbnail;hasvisitorpermissions;id;id);it</t>
  </si>
  <si>
    <t>http://"mozilla/5.0 (windows nt 6.1) applewebkit/537.36 (khtml,0,1,13,137,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21�,13701945,13701949,13701953,13701957,13701969,13702064,13702068,13702084,13702088,1579520900840000,1579520901989000,1579527525905,23,2400],4,5701393,6.1,621969351,82,84,[1,[[13701450,[[null,[],[]]],[false,[null,adfn-csyrvwqermfbxam1mkavsrzjlg0rundo9gysmvmlrxxhlhfmqhcw7_ynhcatkqscdyldsiy,ancestorhasaugmentedpermissions,containsunsubscribedchildren,displayname,domain,drive.web-frontend_20200108.00_p2,emailaddress,false,false],false]],fedb0gqdtuqawg",file(kind,fileid,filesize,hasthumbnail,hasvisitorpermissions,id</t>
  </si>
  <si>
    <t>01/20/2020 12:15:47</t>
  </si>
  <si>
    <t>http:///batch/drive/v2internal?%24ct=multipart%2Fmixed%3B%20boundary%3D%22%3D%3D%3D%3D%3Dy3hobmpuu11s%3D%3D%3D%3D%3D%22&amp;key=AIzaSyAy9VVXHSpS2IJpptzYtGbLP3-3_l0aBk4</t>
  </si>
  <si>
    <t>01/20/2020 12:15:49</t>
  </si>
  <si>
    <t>http:///batch/drive/v2internal?%24ct=multipart%2Fmixed%3B%20boundary%3D%22%3D%3D%3D%3D%3Dx7lvx41uw3u1%3D%3D%3D%3D%3D%22&amp;key=AIzaSyAy9VVXHSpS2IJpptzYtGbLP3-3_l0aBk4</t>
  </si>
  <si>
    <t>01/20/2020 12:16:47</t>
  </si>
  <si>
    <t>01/20/2020 12:20:22</t>
  </si>
  <si>
    <t>cf8eb7a3-adfe-421e-818a-47f35f209b15.tmp</t>
  </si>
  <si>
    <t>\\acsfs\profiles$\THYAGOSP\Downloads\cf8eb7a3-adfe-421e-818a-47f35f209b15.tmp</t>
  </si>
  <si>
    <t>01/20/2020 12:22:22</t>
  </si>
  <si>
    <t>01/20/2020 12:20:08</t>
  </si>
  <si>
    <t>01/20/2020 12:20:38</t>
  </si>
  <si>
    <t>01/20/2020 12:23:23</t>
  </si>
  <si>
    <t>01/20/2020 12:22:25</t>
  </si>
  <si>
    <t>dc9f7cfa-1b9d-4b56-9cf2-24f698970e47.tmp</t>
  </si>
  <si>
    <t>\\acsfs\profiles$\rafaelamsv\Downloads\dc9f7cfa-1b9d-4b56-9cf2-24f698970e47.tmp</t>
  </si>
  <si>
    <t>01/20/2020 12:17:13</t>
  </si>
  <si>
    <t>01/20/2020 12:20:43</t>
  </si>
  <si>
    <t>01/20/2020 12:20:27</t>
  </si>
  <si>
    <t>01/20/2020 12:25:23</t>
  </si>
  <si>
    <t>01/20/2020 12:20:56</t>
  </si>
  <si>
    <t>http:///batch/drive/v2internal?%24ct=multipart%2Fmixed%3B%20boundary%3D%22%3D%3D%3D%3D%3D3t5aos8l7sdc%3D%3D%3D%3D%3D%22&amp;key=AIzaSyAy9VVXHSpS2IJpptzYtGbLP3-3_l0aBk4</t>
  </si>
  <si>
    <t>1579531438854;36;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klntaw-or6ozzplxc8pd7e0yo03blwr-rg8w3tbbh6i\";null;ontainsunsubscribedchildren;owners(kind;per;permissionid;picture;shared;sharedwithmedate;thumbnailversion;title;true]";userpermission(role);vchx76kgoyskqvpqzuqo0mrsk-nevtbmaqaleloorbdq4mjvgtmunag</t>
  </si>
  <si>
    <t>http://1579531438854,36,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klntaw-or6ozzplxc8pd7e0yo03blwr-rg8w3tbbh6i\",null,ontainsunsubscribedchildren,owners(kind,per,permissionid,picture,shared,sharedwithmedate,thumbnailversion,title,true]",userpermission(role),vchx76kgoyskqvpqzuqo0mrsk-nevtbmaqaleloorbdq4mjv</t>
  </si>
  <si>
    <t>01/20/2020 12:20:57</t>
  </si>
  <si>
    <t>http:///batch/drive/v2internal?%24ct=multipart%2Fmixed%3B%20boundary%3D%22%3D%3D%3D%3D%3Dfspl4f5z9y0k%3D%3D%3D%3D%3D%22&amp;key=AIzaSyAy9VVXHSpS2IJpptzYtGbLP3-3_l0aBk4</t>
  </si>
  <si>
    <t>01/20/2020 12:20:58</t>
  </si>
  <si>
    <t>http:///batch/drive/v2internal?%24ct=multipart%2Fmixed%3B%20boundary%3D%22%3D%3D%3D%3D%3Dwbdcjuueoe9o%3D%3D%3D%3D%3D%22&amp;key=AIzaSyAy9VVXHSpS2IJpptzYtGbLP3-3_l0aBk4</t>
  </si>
  <si>
    <t>01/20/2020 12:22:03</t>
  </si>
  <si>
    <t>"[[;"[[];"[[null;"mozilla/5.0 (windows nt 6.1) applewebkit/537.36 (khtml;0;1;1011\;13;135;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579520900840000;1579520901989000;1579529618959;1579529619260;1579529619263;1579529619411;1579529619413;1579529619417;1579529619562;1579529619564;1579529619568;1579529619929;1];2;2200;2210;2400];287339940;3040;3];4;43;44;45;46;47;48;49;4];5;50;51;52;5701393;6.1;605;82;84;["mozilla/5.0 (windows nt 6.1) applewebkit/537.36 (khtml;[*ge: ini;[1;[2;[20090307];[2];[[13701450;[[null;[];[]];[]]"];[false;[null;adfn-csyrvwq</t>
  </si>
  <si>
    <t>Evidencia Savia.PNG</t>
  </si>
  <si>
    <t>https://"[[,"[[],"[[null,"mozilla/5.0 (windows nt 6.1) applewebkit/537.36 (khtml,0,1,1011\,13,135,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579520900840000,1579520901989000,1579529618959,1579529619260,1579529619263,1579529619411,1579529619413,1579529619417,1579529619562,1579529619564,1579529619568,1579529619929,1],2,2200,2210,2400],287339940,3040,3],4,43,44,45,46,47,48,49,4],5,50,51,52,5701393,6.1,605,82,84,["mozilla/5.0 (windows nt 6.1) applewebkit/537.36 (khtml,[*ge: ini,[1,[2,[20090307],[2],[[13701450,[[null,[],[]],[]]"],[false,[null,adfn</t>
  </si>
  <si>
    <t>01/20/2020 12:22:58</t>
  </si>
  <si>
    <t>https://1579531438854,36,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klntaw-or6ozzplxc8pd7e0yo03blwr-rg8w3tbbh6i\",null,ontainsunsubscribedchildren,owners(kind,per,permissionid,picture,shared,sharedwithmedate,thumbnailversion,title,true]",userpermission(role),vchx76kgoyskqvpqzuqo0mrsk-nevtbmaqaleloorbdq4mj</t>
  </si>
  <si>
    <t>01/20/2020 12:23:20</t>
  </si>
  <si>
    <t>01/20/2020 12:23:35</t>
  </si>
  <si>
    <t>01/20/2020 12:26:22</t>
  </si>
  <si>
    <t>51183d28-e618-462c-9c66-156a5c69cf78.tmp</t>
  </si>
  <si>
    <t>\\acsfs\profiles$\lorraynevam\Downloads\51183d28-e618-462c-9c66-156a5c69cf78.tmp</t>
  </si>
  <si>
    <t>01/20/2020 12:27:23</t>
  </si>
  <si>
    <t>01/20/2020 12:23:27</t>
  </si>
  <si>
    <t>8f97320b-a1d2-4f47-9bbb-41ba0d6bcf82.tmp</t>
  </si>
  <si>
    <t>\\acsfs\profiles$\joselrb\Downloads\8f97320b-a1d2-4f47-9bbb-41ba0d6bcf82.tmp</t>
  </si>
  <si>
    <t>01/20/2020 12:26:39</t>
  </si>
  <si>
    <t>01/20/2020 12:25:57</t>
  </si>
  <si>
    <t>01/20/2020 12:24:08</t>
  </si>
  <si>
    <t>01/20/2020 12:28:23</t>
  </si>
  <si>
    <t>01/20/2020 12:24:43</t>
  </si>
  <si>
    <t>c4b55882-b3a1-42d2-8eb3-b962fb3d69f7.tmp</t>
  </si>
  <si>
    <t>\\acsfs\profiles$\gabrielsma\Downloads\c4b55882-b3a1-42d2-8eb3-b962fb3d69f7.tmp</t>
  </si>
  <si>
    <t>01/20/2020 12:25:22</t>
  </si>
  <si>
    <t>01/20/2020 12:27:35</t>
  </si>
  <si>
    <t>9a76146a-30bb-48da-ad66-37205919260f.tmp</t>
  </si>
  <si>
    <t>\\acsfs\profiles$\nathaliarmr\Downloads\9a76146a-30bb-48da-ad66-37205919260f.tmp</t>
  </si>
  <si>
    <t>01/20/2020 12:27:17</t>
  </si>
  <si>
    <t>4d45e8f0-73eb-4f7b-9d9a-530139a9852c.tmp</t>
  </si>
  <si>
    <t>\\acsfs\profiles$\rafaelamsv\Downloads\4d45e8f0-73eb-4f7b-9d9a-530139a9852c.tmp</t>
  </si>
  <si>
    <t>01/20/2020 12:27:11</t>
  </si>
  <si>
    <t>antoniocoj@algartech.com;joaogvc@algartech.com;marianadjc@algartech.com;planejamentodeoperacoesetrafego@bv.com.br;raphaelmco@algartech.com.br;ricardodfm@algartech.com.br;taysdss@algartech.com;</t>
  </si>
  <si>
    <t>antoniocoj@algartech.com,joaogvc@algartech.com,marianadjc@algartech.com,planejamentodeoperacoesetrafego@bv.com.br,raphaelmco@algartech.com.br,ricardodfm@algartech.com.br,taysdss@algartech.com</t>
  </si>
  <si>
    <t>01/20/2020 12:27:16</t>
  </si>
  <si>
    <t>01/20/2020 12:27:27</t>
  </si>
  <si>
    <t>01/20/2020 12:27:41</t>
  </si>
  <si>
    <t>01/20/2020 12:27:47</t>
  </si>
  <si>
    <t>01/20/2020 12:27:52</t>
  </si>
  <si>
    <t>01/20/2020 12:27:53</t>
  </si>
  <si>
    <t>01/20/2020 12:24:24</t>
  </si>
  <si>
    <t>01/20/2020 12:26:20</t>
  </si>
  <si>
    <t>01/20/2020 12:27:08</t>
  </si>
  <si>
    <t>01/20/2020 12:25:34</t>
  </si>
  <si>
    <t>01/20/2020 12:23:55</t>
  </si>
  <si>
    <t>erro fatal DANIEL PEREIRA DE LIMA.PNG</t>
  </si>
  <si>
    <t>\\acsfs\ACS\001 - Qualidade Lilian\PAULO\Pasta Tainara\erro fatal DANIEL PEREIRA DE LIMA.PNG</t>
  </si>
  <si>
    <t>01/20/2020 12:27:33</t>
  </si>
  <si>
    <t>01/20/2020 12:29:23</t>
  </si>
  <si>
    <t>Não confirmado 715278.crdownload</t>
  </si>
  <si>
    <t>\\acsfs\Deptos\Operacao\Banco_Votorantim\Supervisao\Maristela\CRBV vendas\Desligamento\Não confirmado 715278.crdownload</t>
  </si>
  <si>
    <t>01/20/2020 12:27:12</t>
  </si>
  <si>
    <t>01/20/2020 12:30:23</t>
  </si>
  <si>
    <t>http:///batch/drive/v2internal?%24ct=multipart%2Fmixed%3B%20boundary%3D%22%3D%3D%3D%3D%3Dimq7rwhb2ot2%3D%3D%3D%3D%3D%22&amp;key=AIzaSyAy9VVXHSpS2IJpptzYtGbLP3-3_l0aBk4</t>
  </si>
  <si>
    <t>01/20/2020 12:27:13</t>
  </si>
  <si>
    <t>http:///batch/drive/v2internal?%24ct=multipart%2Fmixed%3B%20boundary%3D%22%3D%3D%3D%3D%3Dd0fufz3qz618%3D%3D%3D%3D%3D%22&amp;key=AIzaSyAy9VVXHSpS2IJpptzYtGbLP3-3_l0aBk4</t>
  </si>
  <si>
    <t>01/20/2020 12:27:15</t>
  </si>
  <si>
    <t>http:///batch/drive/v2internal?%24ct=multipart%2Fmixed%3B%20boundary%3D%22%3D%3D%3D%3D%3Dg2nhvxayii7c%3D%3D%3D%3D%3D%22&amp;key=AIzaSyAy9VVXHSpS2IJpptzYtGbLP3-3_l0aBk4</t>
  </si>
  <si>
    <t>Evidencia talita.PNG</t>
  </si>
  <si>
    <t>01/20/2020 12:28:40</t>
  </si>
  <si>
    <t>01/20/2020 12:28:51</t>
  </si>
  <si>
    <t>01/20/2020 12:25:53</t>
  </si>
  <si>
    <t>01/20/2020 12:25:54</t>
  </si>
  <si>
    <t>lu216162ur7r0.tmp</t>
  </si>
  <si>
    <t>\\acsfs\profiles$\BRUNAAR\Numero\lu216162ur7r0.tmp</t>
  </si>
  <si>
    <t>01/20/2020 12:28:19</t>
  </si>
  <si>
    <t>ca50cd54-ba93-4aa6-b999-b128eac7fb46.tmp</t>
  </si>
  <si>
    <t>\\acsfs\profiles$\LUISPLS\Downloads\ca50cd54-ba93-4aa6-b999-b128eac7fb46.tmp</t>
  </si>
  <si>
    <t>01/20/2020 12:32:23</t>
  </si>
  <si>
    <t>01/20/2020 12:27:09</t>
  </si>
  <si>
    <t>01/20/2020 12:27:39</t>
  </si>
  <si>
    <t>01/20/2020 12:28:09</t>
  </si>
  <si>
    <t>01/20/2020 12:30:39</t>
  </si>
  <si>
    <t>01/20/2020 12:31:09</t>
  </si>
  <si>
    <t>01/20/2020 12:33:23</t>
  </si>
  <si>
    <t>01/20/2020 12:30:40</t>
  </si>
  <si>
    <t>01/20/2020 12:31:47</t>
  </si>
  <si>
    <t>01/20/2020 12:28:33</t>
  </si>
  <si>
    <t>01/20/2020 12:29:57</t>
  </si>
  <si>
    <t>01/20/2020 12:30:14</t>
  </si>
  <si>
    <t>01/20/2020 12:30:34</t>
  </si>
  <si>
    <t>01/20/2020 12:30:50</t>
  </si>
  <si>
    <t>01/20/2020 12:31:10</t>
  </si>
  <si>
    <t>100044252113717;andrelpsa@algartech.com;antoniocoj@algartech.com;joaogvc@algartech.com;josiascdsj@algartech.com;leonardoao@algartech.com;marianadjc@algartech.com;maristelavodq@bv.algartech.com;paulacn@algartech.com;qualidadealgarbv@algartech.com;supervisaobancovotorantim@algartech.com;taysdss@algartech.com;thiagolrc@bv.algartech.com;</t>
  </si>
  <si>
    <t>100044252113717,andrelpsa@algartech.com,antoniocoj@algartech.com,joaogvc@algartech.com,josiascdsj@algartech.com,leonardoao@algartech.com,marianadjc@algartech.com,maristelavodq@bv.algartech.com,paulacn@algartech.com,qualidadealgarbv@algartech.com,supervisaobancovotorantim@algartech.com,taysdss@algartech.com,thiagolrc@bv.algartech.com</t>
  </si>
  <si>
    <t>01/20/2020 12:31:13</t>
  </si>
  <si>
    <t>01/20/2020 12:31:19</t>
  </si>
  <si>
    <t>01/20/2020 12:31:24</t>
  </si>
  <si>
    <t>01/20/2020 12:31:28</t>
  </si>
  <si>
    <t>01/20/2020 12:31:31</t>
  </si>
  <si>
    <t>01/20/2020 12:32:13</t>
  </si>
  <si>
    <t>01/20/2020 12:32:41</t>
  </si>
  <si>
    <t>01/20/2020 12:32:43</t>
  </si>
  <si>
    <t>01/20/2020 12:30:19</t>
  </si>
  <si>
    <t>01/20/2020 12:31:55</t>
  </si>
  <si>
    <t>5c755290-afb3-4e8f-ab24-5cce6de02fc3.tmp</t>
  </si>
  <si>
    <t>\\acsfs\profiles$\paulovadc\Downloads\5c755290-afb3-4e8f-ab24-5cce6de02fc3.tmp</t>
  </si>
  <si>
    <t>01/20/2020 12:32:31</t>
  </si>
  <si>
    <t>85ec4c66-6d20-46c0-bf71-993aca74eefa.tmp</t>
  </si>
  <si>
    <t>\\acsfs\profiles$\monicargds\Downloads\85ec4c66-6d20-46c0-bf71-993aca74eefa.tmp</t>
  </si>
  <si>
    <t>01/20/2020 12:32:42</t>
  </si>
  <si>
    <t>c2844b07-8238-4f2a-973f-a6ae6b2ab27e.tmp</t>
  </si>
  <si>
    <t>\\acsfs\profiles$\monicargds\Downloads\c2844b07-8238-4f2a-973f-a6ae6b2ab27e.tmp</t>
  </si>
  <si>
    <t>01/20/2020 12:30:13</t>
  </si>
  <si>
    <t>01/20/2020 12:35:22</t>
  </si>
  <si>
    <t>http:///batch/drive/v2internal?%24ct=multipart%2Fmixed%3B%20boundary%3D%22%3D%3D%3D%3D%3Dtz1nzgr6fmne%3D%3D%3D%3D%3D%22&amp;key=AIzaSyAy9VVXHSpS2IJpptzYtGbLP3-3_l0aBk4</t>
  </si>
  <si>
    <t>http:///batch/drive/v2internal?%24ct=multipart%2Fmixed%3B%20boundary%3D%22%3D%3D%3D%3D%3Deuwv0o3suhuq%3D%3D%3D%3D%3D%22&amp;key=AIzaSyAy9VVXHSpS2IJpptzYtGbLP3-3_l0aBk4</t>
  </si>
  <si>
    <t>http:///batch/drive/v2internal?%24ct=multipart%2Fmixed%3B%20boundary%3D%22%3D%3D%3D%3D%3Dvff1m2brgzin%3D%3D%3D%3D%3D%22&amp;key=AIzaSyAy9VVXHSpS2IJpptzYtGbLP3-3_l0aBk4</t>
  </si>
  <si>
    <t>01/20/2020 12:34:26</t>
  </si>
  <si>
    <t>eda29939-b78c-4ccb-a291-3c65cb1a6612.tmp</t>
  </si>
  <si>
    <t>\\acsfs\profiles$\THYAGOSP\Downloads\eda29939-b78c-4ccb-a291-3c65cb1a6612.tmp</t>
  </si>
  <si>
    <t>01/20/2020 12:30:11</t>
  </si>
  <si>
    <t>3ab6de12-99c3-4b95-abe1-428c5bf56857.tmp</t>
  </si>
  <si>
    <t>\\acsfs\profiles$\LUISPLS\Downloads\3ab6de12-99c3-4b95-abe1-428c5bf56857.tmp</t>
  </si>
  <si>
    <t>01/20/2020 12:36:23</t>
  </si>
  <si>
    <t>01/20/2020 12:35:37</t>
  </si>
  <si>
    <t>157955bd-ed44-4fd1-b2b9-a8c2ea35a9ea.tmp</t>
  </si>
  <si>
    <t>\\acsfs\profiles$\gabrielhca\Downloads\157955bd-ed44-4fd1-b2b9-a8c2ea35a9ea.tmp</t>
  </si>
  <si>
    <t>01/20/2020 12:37:23</t>
  </si>
  <si>
    <t>01/20/2020 12:33:09</t>
  </si>
  <si>
    <t>01/20/2020 12:33:39</t>
  </si>
  <si>
    <t>01/20/2020 12:34:09</t>
  </si>
  <si>
    <t>01/20/2020 12:35:09</t>
  </si>
  <si>
    <t>01/20/2020 12:35:39</t>
  </si>
  <si>
    <t>01/20/2020 12:36:09</t>
  </si>
  <si>
    <t>01/20/2020 12:35:17</t>
  </si>
  <si>
    <t>01/20/2020 12:38:23</t>
  </si>
  <si>
    <t>01/20/2020 12:36:45</t>
  </si>
  <si>
    <t>RELATORIO DE LOGIN - FINANCEIRA - 17-01 - - Cópia.xlsm</t>
  </si>
  <si>
    <t>\\acsfs\DEPTOS\Operacao\PCP\5 - Comum\PLANEJAMENTO BV\14 - ACOMPANHAMENTO\1 - REPORT ACOMPANHAMENTO\2020\1 - JANEIRO\FINANCEIRA\Login Logout Financeira\RELATORIO DE LOGIN - FINANCEIRA - 17-01 - - Cópia.xlsm</t>
  </si>
  <si>
    <t>01/20/2020 12:36:54</t>
  </si>
  <si>
    <t>RELATORIO DE LOGIN - FINANCEIRA - 18-01 - Cópia.xlsm</t>
  </si>
  <si>
    <t>\\acsfs\DEPTOS\Operacao\PCP\5 - Comum\PLANEJAMENTO BV\14 - ACOMPANHAMENTO\1 - REPORT ACOMPANHAMENTO\2020\1 - JANEIRO\FINANCEIRA\Login Logout Financeira\RELATORIO DE LOGIN - FINANCEIRA - 18-01 - Cópia.xlsm</t>
  </si>
  <si>
    <t>01/20/2020 12:37:10</t>
  </si>
  <si>
    <t>01/20/2020 12:40:23</t>
  </si>
  <si>
    <t>http:///batch/drive/v2internal?%24ct=multipart%2Fmixed%3B%20boundary%3D%22%3D%3D%3D%3D%3D5k26lfx6s8vf%3D%3D%3D%3D%3D%22&amp;key=AIzaSyAy9VVXHSpS2IJpptzYtGbLP3-3_l0aBk4</t>
  </si>
  <si>
    <t>http://ancestorhasaugmentedpermissions,andrelpsa@algartech.com,containsunsubscribedchildren,displayname,domain,emailaddress,file(kind,fileid,filesize,hasthumbnail,hasvisitorpermissions,id,id),items(deleted,ken,kind,lastmodifyinguser(kind,lastviewedbymedate,maristelavodq@bv.algartech.com,modifiedbymedate,modifieddate,ontainsunsubscribedchildren,owners(kind,per,permissionid,picture,shared,sharedwithmedate,supervisaobancovotorantim@algartech.com,thiagolrc@bv.algartech.com,thumbnailversion,title,userpermission(role),workspaceids</t>
  </si>
  <si>
    <t>http:///batch/drive/v2internal?%24ct=multipart%2Fmixed%3B%20boundary%3D%22%3D%3D%3D%3D%3Dmuwfjvi8kx6q%3D%3D%3D%3D%3D%22&amp;key=AIzaSyAy9VVXHSpS2IJpptzYtGbLP3-3_l0aBk4</t>
  </si>
  <si>
    <t>01/20/2020 12:37:11</t>
  </si>
  <si>
    <t>http:///batch/drive/v2internal?%24ct=multipart%2Fmixed%3B%20boundary%3D%22%3D%3D%3D%3D%3Dtj4uyqe8zm0%3D%3D%3D%3D%3D%22&amp;key=AIzaSyAy9VVXHSpS2IJpptzYtGbLP3-3_l0aBk4</t>
  </si>
  <si>
    <t>01/20/2020 12:35:45</t>
  </si>
  <si>
    <t>lu216162ur7r4.tmp</t>
  </si>
  <si>
    <t>\\acsfs\profiles$\BRUNAAR\Numero\lu216162ur7r4.tmp</t>
  </si>
  <si>
    <t>01/20/2020 12:41:23</t>
  </si>
  <si>
    <t>01/20/2020 12:38:14</t>
  </si>
  <si>
    <t>447b96b3-319b-4760-b1d0-7c3b099a5062.tmp</t>
  </si>
  <si>
    <t>\\acsfs\profiles$\ALYNYA\Downloads\447b96b3-319b-4760-b1d0-7c3b099a5062.tmp</t>
  </si>
  <si>
    <t>01/20/2020 12:40:30</t>
  </si>
  <si>
    <t>0d7be947-c554-414e-a922-5d13f28fc0b3.tmp</t>
  </si>
  <si>
    <t>\\acsfs\profiles$\ALYNYA\Downloads\0d7be947-c554-414e-a922-5d13f28fc0b3.tmp</t>
  </si>
  <si>
    <t>01/20/2020 12:42:23</t>
  </si>
  <si>
    <t>01/20/2020 12:37:39</t>
  </si>
  <si>
    <t>01/20/2020 12:38:09</t>
  </si>
  <si>
    <t>01/20/2020 12:38:39</t>
  </si>
  <si>
    <t>01/20/2020 12:39:09</t>
  </si>
  <si>
    <t>01/20/2020 12:39:39</t>
  </si>
  <si>
    <t>01/20/2020 12:43:23</t>
  </si>
  <si>
    <t>01/20/2020 12:38:57</t>
  </si>
  <si>
    <t>01/20/2020 12:40:11</t>
  </si>
  <si>
    <t>01/20/2020 12:45:23</t>
  </si>
  <si>
    <t>http://outlook.office365.com/owa/service.svc?action=findconversation&amp;app=mail&amp;n=82</t>
  </si>
  <si>
    <t>http:///batch/drive/v2internal?%24ct=multipart%2Fmixed%3B%20boundary%3D%22%3D%3D%3D%3D%3Dsw957ae3zps1%3D%3D%3D%3D%3D%22&amp;key=AIzaSyAy9VVXHSpS2IJpptzYtGbLP3-3_l0aBk4</t>
  </si>
  <si>
    <t>01/20/2020 12:40:12</t>
  </si>
  <si>
    <t>http:///batch/drive/v2internal?%24ct=multipart%2Fmixed%3B%20boundary%3D%22%3D%3D%3D%3D%3Djrafk36f1d4p%3D%3D%3D%3D%3D%22&amp;key=AIzaSyAy9VVXHSpS2IJpptzYtGbLP3-3_l0aBk4</t>
  </si>
  <si>
    <t>01/20/2020 12:43:50</t>
  </si>
  <si>
    <t>01/20/2020 12:43:52</t>
  </si>
  <si>
    <t>lu240763wrvj4.tmp</t>
  </si>
  <si>
    <t>\\acsfs\profiles$\dhiulliananads\My Documents\lu240763wrvj4.tmp</t>
  </si>
  <si>
    <t>\\acsfs\profiles$\dhiulliananads\My Documents\lu240763wrvj4.tmp\</t>
  </si>
  <si>
    <t>\\acsfs\profiles$\dhiulliananads\My Documents\lu240763wrvj4.tmp\META-INF\</t>
  </si>
  <si>
    <t>\\acsfs\profiles$\dhiulliananads\My Documents\lu240763wrvj4.tmp\Thumbnails\</t>
  </si>
  <si>
    <t>01/20/2020 12:40:37</t>
  </si>
  <si>
    <t>01/20/2020 12:41:47</t>
  </si>
  <si>
    <t>01/20/2020 12:41:56</t>
  </si>
  <si>
    <t>01/20/2020 12:43:47</t>
  </si>
  <si>
    <t>01/20/2020 12:44:19</t>
  </si>
  <si>
    <t>01/20/2020 12:46:23</t>
  </si>
  <si>
    <t>9e483453-4609-4029-987e-2b33e95d648a.tmp</t>
  </si>
  <si>
    <t>\\acsfs\profiles$\mariagsg\Downloads\9e483453-4609-4029-987e-2b33e95d648a.tmp</t>
  </si>
  <si>
    <t>01/20/2020 12:43:29</t>
  </si>
  <si>
    <t>ec155374-98a0-4171-b261-8f825340348c.tmp</t>
  </si>
  <si>
    <t>\\acsfs\profiles$\sarahbal\Downloads\ec155374-98a0-4171-b261-8f825340348c.tmp</t>
  </si>
  <si>
    <t>01/20/2020 12:43:40</t>
  </si>
  <si>
    <t>a50dd6f3-ae23-4778-9849-3238d0a20e6b.tmp</t>
  </si>
  <si>
    <t>\\acsfs\profiles$\sarahbal\Downloads\a50dd6f3-ae23-4778-9849-3238d0a20e6b.tmp</t>
  </si>
  <si>
    <t>01/20/2020 12:43:51</t>
  </si>
  <si>
    <t>5d7118f1-9673-4a16-bffc-f86aa2da91c0.tmp</t>
  </si>
  <si>
    <t>\\acsfs\profiles$\sarahbal\Downloads\5d7118f1-9673-4a16-bffc-f86aa2da91c0.tmp</t>
  </si>
  <si>
    <t>01/20/2020 12:47:22</t>
  </si>
  <si>
    <t>01/20/2020 12:42:52</t>
  </si>
  <si>
    <t>01/20/2020 12:42:53</t>
  </si>
  <si>
    <t>01/20/2020 12:42:54</t>
  </si>
  <si>
    <t>01/20/2020 12:42:55</t>
  </si>
  <si>
    <t>01/20/2020 12:42:56</t>
  </si>
  <si>
    <t>01/20/2020 12:42:57</t>
  </si>
  <si>
    <t>01/20/2020 12:42:58</t>
  </si>
  <si>
    <t>01/20/2020 12:42:59</t>
  </si>
  <si>
    <t>01/20/2020 12:43:00</t>
  </si>
  <si>
    <t>01/20/2020 12:43:01</t>
  </si>
  <si>
    <t>01/20/2020 12:43:02</t>
  </si>
  <si>
    <t>01/20/2020 12:43:03</t>
  </si>
  <si>
    <t>01/20/2020 12:43:04</t>
  </si>
  <si>
    <t>01/20/2020 12:43:05</t>
  </si>
  <si>
    <t>01/20/2020 12:43:06</t>
  </si>
  <si>
    <t>01/20/2020 12:43:07</t>
  </si>
  <si>
    <t>01/20/2020 12:43:08</t>
  </si>
  <si>
    <t>01/20/2020 12:43:09</t>
  </si>
  <si>
    <t>01/20/2020 12:43:10</t>
  </si>
  <si>
    <t>01/20/2020 12:43:11</t>
  </si>
  <si>
    <t>01/20/2020 12:43:12</t>
  </si>
  <si>
    <t>01/20/2020 12:42:09</t>
  </si>
  <si>
    <t>01/20/2020 12:45:09</t>
  </si>
  <si>
    <t>01/20/2020 12:46:39</t>
  </si>
  <si>
    <t>01/20/2020 12:44:39</t>
  </si>
  <si>
    <t>01/20/2020 12:44:46</t>
  </si>
  <si>
    <t>01/20/2020 12:44:58</t>
  </si>
  <si>
    <t>01/20/2020 12:42:33</t>
  </si>
  <si>
    <t>01/20/2020 12:42:34</t>
  </si>
  <si>
    <t>lu422805ca6bc.tmp</t>
  </si>
  <si>
    <t>\\acsfs\profiles$\ALYNYA\My Documents\lu422805ca6bc.tmp</t>
  </si>
  <si>
    <t>\\acsfs\profiles$\ALYNYA\My Documents\lu422805ca6bc.tmp\</t>
  </si>
  <si>
    <t>\\acsfs\profiles$\ALYNYA\My Documents\lu422805ca6bc.tmp\META-INF\</t>
  </si>
  <si>
    <t>\\acsfs\profiles$\ALYNYA\My Documents\lu422805ca6bc.tmp\Thumbnails\</t>
  </si>
  <si>
    <t>01/20/2020 12:42:47</t>
  </si>
  <si>
    <t>01/20/2020 12:49:22</t>
  </si>
  <si>
    <t>01/20/2020 12:48:06</t>
  </si>
  <si>
    <t>01/20/2020 12:46:02</t>
  </si>
  <si>
    <t>01/20/2020 12:50:23</t>
  </si>
  <si>
    <t>79baa146-ca0a-4d69-948a-0405da49e899.tmp</t>
  </si>
  <si>
    <t>\\acsfs\profiles$\inarajst\Downloads\79baa146-ca0a-4d69-948a-0405da49e899.tmp</t>
  </si>
  <si>
    <t>01/20/2020 12:47:58</t>
  </si>
  <si>
    <t>92b36901-b9ab-49f3-816e-5c98fb6bb654.tmp</t>
  </si>
  <si>
    <t>\\acsfs\profiles$\dhiulliananads\Downloads\92b36901-b9ab-49f3-816e-5c98fb6bb654.tmp</t>
  </si>
  <si>
    <t>01/20/2020 12:52:23</t>
  </si>
  <si>
    <t>01/20/2020 12:50:09</t>
  </si>
  <si>
    <t>01/20/2020 12:48:09</t>
  </si>
  <si>
    <t>af850ab7-fc13-4fd1-9e87-a804aa1cc37a.tmp</t>
  </si>
  <si>
    <t>\\acsfs\profiles$\laylaams\Downloads\af850ab7-fc13-4fd1-9e87-a804aa1cc37a.tmp</t>
  </si>
  <si>
    <t>01/20/2020 12:49:40</t>
  </si>
  <si>
    <t>24f05e95-46b7-4f54-8bb8-4c56738ac644.tmp</t>
  </si>
  <si>
    <t>\\acsfs\profiles$\laylaams\Downloads\24f05e95-46b7-4f54-8bb8-4c56738ac644.tmp</t>
  </si>
  <si>
    <t>01/20/2020 12:53:23</t>
  </si>
  <si>
    <t>01/20/2020 12:49:38</t>
  </si>
  <si>
    <t>01/20/2020 12:49:53</t>
  </si>
  <si>
    <t>andrelpsa@algartech.com;antoniocoj@algartech.com;ricardodfm@algartech.com.br;</t>
  </si>
  <si>
    <t>andrelpsa@algartech.com,antoniocoj@algartech.com,ricardodfm@algartech.com.br</t>
  </si>
  <si>
    <t>01/20/2020 12:50:07</t>
  </si>
  <si>
    <t>01/20/2020 12:50:10</t>
  </si>
  <si>
    <t>01/20/2020 12:50:12</t>
  </si>
  <si>
    <t>01/20/2020 12:50:19</t>
  </si>
  <si>
    <t>01/20/2020 12:50:28</t>
  </si>
  <si>
    <t>01/20/2020 12:51:01</t>
  </si>
  <si>
    <t>andrelpsa@algartech.com;antoniocoj@algartech.com;joaogvc@algartech.com;marianadjc@algartech.com;planejamentodeoperacoesetrafego@bv.com.br;raphaelmco@algartech.com.br;ricardodfm@algartech.com.br;taysdss@algartech.com;</t>
  </si>
  <si>
    <t>andrelpsa@algartech.com,antoniocoj@algartech.com,joaogvc@algartech.com,marianadjc@algartech.com,planejamentodeoperacoesetrafego@bv.com.br,raphaelmco@algartech.com.br,ricardodfm@algartech.com.br,taysdss@algartech.com</t>
  </si>
  <si>
    <t>01/20/2020 12:51:06</t>
  </si>
  <si>
    <t>01/20/2020 12:51:10</t>
  </si>
  <si>
    <t>01/20/2020 12:51:24</t>
  </si>
  <si>
    <t>01/20/2020 12:51:36</t>
  </si>
  <si>
    <t>01/20/2020 12:51:58</t>
  </si>
  <si>
    <t>01/20/2020 12:52:05</t>
  </si>
  <si>
    <t>01/20/2020 12:52:18</t>
  </si>
  <si>
    <t>RELATORIO DE LOGIN - FINANCEIRA - 18-01 - SAC.xlsm</t>
  </si>
  <si>
    <t>\\acsfs\DEPTOS\Operacao\PCP\5 - Comum\PLANEJAMENTO BV\14 - ACOMPANHAMENTO\1 - REPORT ACOMPANHAMENTO\2020\1 - JANEIRO\FINANCEIRA\Login Logout Financeira\RELATORIO DE LOGIN - FINANCEIRA - 18-01 - SAC.xlsm</t>
  </si>
  <si>
    <t>01/20/2020 12:49:02</t>
  </si>
  <si>
    <t>01/20/2020 12:54:23</t>
  </si>
  <si>
    <t>a13dc9cf-0743-4082-a142-523fb2a0754d.tmp</t>
  </si>
  <si>
    <t>\\acsfs\profiles$\valeriasda\Downloads\a13dc9cf-0743-4082-a142-523fb2a0754d.tmp</t>
  </si>
  <si>
    <t>01/20/2020 12:49:56</t>
  </si>
  <si>
    <t>01/20/2020 12:55:23</t>
  </si>
  <si>
    <t>01/20/2020 12:49:57</t>
  </si>
  <si>
    <t>lu216162ur7r8.tmp</t>
  </si>
  <si>
    <t>\\acsfs\profiles$\BRUNAAR\Numero\lu216162ur7r8.tmp</t>
  </si>
  <si>
    <t>01/20/2020 12:50:00</t>
  </si>
  <si>
    <t>lu216162ur7rc.tmp</t>
  </si>
  <si>
    <t>\\acsfs\profiles$\BRUNAAR\Numero\lu216162ur7rc.tmp</t>
  </si>
  <si>
    <t>01/20/2020 12:52:06</t>
  </si>
  <si>
    <t>91ce4be3-c5e9-4b5c-9e4e-dd97f87f2029.tmp</t>
  </si>
  <si>
    <t>\\acsfs\profiles$\dhiulliananads\Downloads\91ce4be3-c5e9-4b5c-9e4e-dd97f87f2029.tmp</t>
  </si>
  <si>
    <t>01/20/2020 12:56:23</t>
  </si>
  <si>
    <t>ANDREZA CAROLINE AGUIAR PIRES FERREIRA (5145).contact</t>
  </si>
  <si>
    <t>\\acsfs\profiles$\andrezacapf\Contacts\ANDREZA CAROLINE AGUIAR PIRES FERREIRA (5145).contact</t>
  </si>
  <si>
    <t>01/20/2020 12:51:43</t>
  </si>
  <si>
    <t>01/20/2020 12:51:44</t>
  </si>
  <si>
    <t>01/20/2020 12:51:45</t>
  </si>
  <si>
    <t>01/20/2020 12:51:46</t>
  </si>
  <si>
    <t>01/20/2020 12:51:47</t>
  </si>
  <si>
    <t>01/20/2020 12:51:48</t>
  </si>
  <si>
    <t>01/20/2020 12:51:49</t>
  </si>
  <si>
    <t>01/20/2020 12:51:57</t>
  </si>
  <si>
    <t>01/20/2020 12:53:02</t>
  </si>
  <si>
    <t>db23a7ed-f10f-4e75-8a0e-ab0c7e0ff7ee.tmp</t>
  </si>
  <si>
    <t>\\acsfs\profiles$\andrezacapf\Downloads\db23a7ed-f10f-4e75-8a0e-ab0c7e0ff7ee.tmp</t>
  </si>
  <si>
    <t>01/20/2020 12:55:07</t>
  </si>
  <si>
    <t>43bc00e5-2a65-4be5-98e1-62a65056fef9.tmp</t>
  </si>
  <si>
    <t>\\acsfs\profiles$\andrezacapf\Downloads\43bc00e5-2a65-4be5-98e1-62a65056fef9.tmp</t>
  </si>
  <si>
    <t>01/20/2020 12:55:08</t>
  </si>
  <si>
    <t>c6907346-5fb4-4a29-9885-61b174c997fa.tmp</t>
  </si>
  <si>
    <t>\\acsfs\profiles$\andrezacapf\Downloads\c6907346-5fb4-4a29-9885-61b174c997fa.tmp</t>
  </si>
  <si>
    <t>01/20/2020 12:55:11</t>
  </si>
  <si>
    <t>77cc3555-b781-4f43-9c6f-05767b4e91e0.tmp</t>
  </si>
  <si>
    <t>\\acsfs\profiles$\andrezacapf\Downloads\77cc3555-b781-4f43-9c6f-05767b4e91e0.tmp</t>
  </si>
  <si>
    <t>01/20/2020 12:55:40</t>
  </si>
  <si>
    <t>c6b10f5b-89bf-4342-9617-7dacaf397f18.tmp</t>
  </si>
  <si>
    <t>\\acsfs\profiles$\andrezacapf\Downloads\c6b10f5b-89bf-4342-9617-7dacaf397f18.tmp</t>
  </si>
  <si>
    <t>01/20/2020 12:57:23</t>
  </si>
  <si>
    <t>01/20/2020 12:55:09</t>
  </si>
  <si>
    <t>01/20/2020 12:55:39</t>
  </si>
  <si>
    <t>01/20/2020 12:56:39</t>
  </si>
  <si>
    <t>01/20/2020 12:52:53</t>
  </si>
  <si>
    <t>88ab14d2-ae77-434d-bd05-b26eace2b34e.tmp</t>
  </si>
  <si>
    <t>\\acsfs\profiles$\lorrainerdl\Downloads\88ab14d2-ae77-434d-bd05-b26eace2b34e.tmp</t>
  </si>
  <si>
    <t>01/20/2020 12:52:31</t>
  </si>
  <si>
    <t>39f9829b-9fab-40d4-8aff-104861cee34b.tmp</t>
  </si>
  <si>
    <t>\\acsfs\profiles$\regisedsj\Downloads\39f9829b-9fab-40d4-8aff-104861cee34b.tmp</t>
  </si>
  <si>
    <t>01/20/2020 12:52:32</t>
  </si>
  <si>
    <t>d29fbc83-9d59-493d-8249-a8d5d1c19f1e.tmp</t>
  </si>
  <si>
    <t>\\acsfs\profiles$\regisedsj\Downloads\d29fbc83-9d59-493d-8249-a8d5d1c19f1e.tmp</t>
  </si>
  <si>
    <t>01/20/2020 12:53:36</t>
  </si>
  <si>
    <t>ba137a9c-3e60-43af-b713-488e01652945.tmp</t>
  </si>
  <si>
    <t>\\acsfs\profiles$\regisedsj\Downloads\ba137a9c-3e60-43af-b713-488e01652945.tmp</t>
  </si>
  <si>
    <t>01/20/2020 12:53:52</t>
  </si>
  <si>
    <t>01/20/2020 12:58:23</t>
  </si>
  <si>
    <t>01/20/2020 12:54:22</t>
  </si>
  <si>
    <t>01/20/2020 12:54:35</t>
  </si>
  <si>
    <t>01/20/2020 12:55:48</t>
  </si>
  <si>
    <t>6c490c39-3e8f-4eec-a847-565eb32887ea.tmp</t>
  </si>
  <si>
    <t>\\acsfs\profiles$\gabrielsma\Downloads\6c490c39-3e8f-4eec-a847-565eb32887ea.tmp</t>
  </si>
  <si>
    <t>01/20/2020 12:56:01</t>
  </si>
  <si>
    <t>Não confirmado 547237.crdownload</t>
  </si>
  <si>
    <t>\\acsfs\ACS\Gabriel da Silva\Contemporânea\Acessos\Não confirmado 547237.crdownload</t>
  </si>
  <si>
    <t>63ee7b88-c3f6-480e-9227-290dff6504f5.tmp</t>
  </si>
  <si>
    <t>\\acsfs\profiles$\gabrielsma\Downloads\63ee7b88-c3f6-480e-9227-290dff6504f5.tmp</t>
  </si>
  <si>
    <t>Não confirmado 608467.crdownload</t>
  </si>
  <si>
    <t>\\acsfs\ACS\Gabriel da Silva\Contemporânea\VENDAS\Não confirmado 608467.crdownload</t>
  </si>
  <si>
    <t>01/20/2020 12:56:07</t>
  </si>
  <si>
    <t>5c6681f6-d265-4b7b-be27-c78fdfacc529.tmp</t>
  </si>
  <si>
    <t>\\acsfs\profiles$\gabrielsma\Downloads\5c6681f6-d265-4b7b-be27-c78fdfacc529.tmp</t>
  </si>
  <si>
    <t>\\acsfs\profiles$\gabrielsma\Downloads\5c6681f6-d265-4b7b-be27-c78fdfacc529.tmp\xl\</t>
  </si>
  <si>
    <t>\\acsfs\profiles$\gabrielsma\Downloads\5c6681f6-d265-4b7b-be27-c78fdfacc529.tmp\xl\worksheets\</t>
  </si>
  <si>
    <t>\\acsfs\profiles$\gabrielsma\Downloads\5c6681f6-d265-4b7b-be27-c78fdfacc529.tmp\xl\_rels\</t>
  </si>
  <si>
    <t>\\acsfs\profiles$\gabrielsma\Downloads\5c6681f6-d265-4b7b-be27-c78fdfacc529.tmp\</t>
  </si>
  <si>
    <t>\\acsfs\profiles$\gabrielsma\Downloads\5c6681f6-d265-4b7b-be27-c78fdfacc529.tmp\_rels\</t>
  </si>
  <si>
    <t>01/20/2020 12:56:53</t>
  </si>
  <si>
    <t>01/20/2020 12:55:53</t>
  </si>
  <si>
    <t>01/20/2020 12:59:01</t>
  </si>
  <si>
    <t>01/20/2020 13:00:23</t>
  </si>
  <si>
    <t>344d5469-bca2-49e7-b8e1-616e4e83bf63.tmp</t>
  </si>
  <si>
    <t>\\acsfs\profiles$\wedersonbadr\My Documents\My Music\344d5469-bca2-49e7-b8e1-616e4e83bf63.tmp</t>
  </si>
  <si>
    <t>01/20/2020 12:55:43</t>
  </si>
  <si>
    <t>01/20/2020 13:01:23</t>
  </si>
  <si>
    <t>68789b3e-5b71-4afc-b0e9-31a9a04ea1da.tmp</t>
  </si>
  <si>
    <t>\\acsfs\profiles$\andrezacapf\Downloads\68789b3e-5b71-4afc-b0e9-31a9a04ea1da.tmp</t>
  </si>
  <si>
    <t>dc1d49a8-394d-48e5-b9ea-0b0206401f0a.tmp</t>
  </si>
  <si>
    <t>\\acsfs\profiles$\andrezacapf\Downloads\dc1d49a8-394d-48e5-b9ea-0b0206401f0a.tmp</t>
  </si>
  <si>
    <t>01/20/2020 12:56:17</t>
  </si>
  <si>
    <t>bb8f4cca-db8d-4e88-adf5-af62b8fbbc2a.tmp</t>
  </si>
  <si>
    <t>\\acsfs\profiles$\andrezacapf\Downloads\bb8f4cca-db8d-4e88-adf5-af62b8fbbc2a.tmp</t>
  </si>
  <si>
    <t>01/20/2020 12:56:56</t>
  </si>
  <si>
    <t>01/20/2020 13:02:23</t>
  </si>
  <si>
    <t>01/20/2020 12:57:39</t>
  </si>
  <si>
    <t>01/20/2020 12:58:09</t>
  </si>
  <si>
    <t>01/20/2020 13:01:39</t>
  </si>
  <si>
    <t>01/20/2020 13:02:00</t>
  </si>
  <si>
    <t>01/20/2020 12:59:43</t>
  </si>
  <si>
    <t>01/20/2020 13:03:24</t>
  </si>
  <si>
    <t>01/20/2020 13:01:10</t>
  </si>
  <si>
    <t>01/20/2020 13:04:24</t>
  </si>
  <si>
    <t>Não confirmado 825783.crdownload</t>
  </si>
  <si>
    <t>\\acsfs\Deptos\Operacao\Banco_Votorantim\Supervisao\Maristela\CRBV vendas\Desligamento\Não confirmado 825783.crdownload</t>
  </si>
  <si>
    <t>01/20/2020 13:02:21</t>
  </si>
  <si>
    <t>atestado Patrick.7z</t>
  </si>
  <si>
    <t>\\acsfs\Deptos\Operacao\Banco_Votorantim\Supervisao\Maristela\CRBV vendas\Desligamento\atestado Patrick.7z</t>
  </si>
  <si>
    <t>\\acsfs\Deptos\Operacao\Banco_Votorantim\Supervisao\Maristela\CRBV vendas\Desligamento\atestado Patrick.7z\</t>
  </si>
  <si>
    <t>atestado Patrick.pdf</t>
  </si>
  <si>
    <t>01/20/2020 12:58:59</t>
  </si>
  <si>
    <t>01/20/2020 12:59:07</t>
  </si>
  <si>
    <t>01/20/2020 12:59:40</t>
  </si>
  <si>
    <t>01/20/2020 12:59:58</t>
  </si>
  <si>
    <t>01/20/2020 13:00:16</t>
  </si>
  <si>
    <t>01/20/2020 13:00:35</t>
  </si>
  <si>
    <t>01/20/2020 13:00:42</t>
  </si>
  <si>
    <t>01/20/2020 13:00:45</t>
  </si>
  <si>
    <t>01/20/2020 13:01:21</t>
  </si>
  <si>
    <t>01/20/2020 13:01:29</t>
  </si>
  <si>
    <t>01/20/2020 13:01:31</t>
  </si>
  <si>
    <t>01/20/2020 13:01:40</t>
  </si>
  <si>
    <t>01/20/2020 13:01:48</t>
  </si>
  <si>
    <t>01/20/2020 13:01:54</t>
  </si>
  <si>
    <t>01/20/2020 13:02:04</t>
  </si>
  <si>
    <t>01/20/2020 13:02:13</t>
  </si>
  <si>
    <t>01/20/2020 13:02:22</t>
  </si>
  <si>
    <t>01/20/2020 13:02:25</t>
  </si>
  <si>
    <t>01/20/2020 13:02:30</t>
  </si>
  <si>
    <t>01/20/2020 13:02:58</t>
  </si>
  <si>
    <t>01/20/2020 13:03:00</t>
  </si>
  <si>
    <t>01/20/2020 13:03:51</t>
  </si>
  <si>
    <t>01/20/2020 13:05:23</t>
  </si>
  <si>
    <t>d0fc4894-5111-453f-8b62-c0ccda3b53ba.tmp</t>
  </si>
  <si>
    <t>\\acsfs\profiles$\quindaizaagds\Downloads\d0fc4894-5111-453f-8b62-c0ccda3b53ba.tmp</t>
  </si>
  <si>
    <t>01/20/2020 13:01:53</t>
  </si>
  <si>
    <t>Controle%20de%20Erros%20operacionais%20-%20Dezembro%20-ATUALIZADA.ods_0.ods</t>
  </si>
  <si>
    <t>\\acsfs\profiles$\wedersonbadr\My Documents\Controle%20de%20Erros%20operacionais%20-%20Dezembro%20-ATUALIZADA.ods_0.ods</t>
  </si>
  <si>
    <t>\\acsfs\profiles$\wedersonbadr\My Documents\Controle%20de%20Erros%20operacionais%20-%20Dezembro%20-ATUALIZADA.ods_0.ods\Basic\</t>
  </si>
  <si>
    <t>\\acsfs\profiles$\wedersonbadr\My Documents\Controle%20de%20Erros%20operacionais%20-%20Dezembro%20-ATUALIZADA.ods_0.ods\Basic\Standard\</t>
  </si>
  <si>
    <t>\\acsfs\profiles$\wedersonbadr\My Documents\Controle%20de%20Erros%20operacionais%20-%20Dezembro%20-ATUALIZADA.ods_0.ods\Basic\VBAProject\</t>
  </si>
  <si>
    <t>EstaPastaDeTrabalho.xml</t>
  </si>
  <si>
    <t>MÃ³dulo6.xml</t>
  </si>
  <si>
    <t>MÃ³dulo9.xml</t>
  </si>
  <si>
    <t>Planilha1.xml</t>
  </si>
  <si>
    <t>Planilha10.xml</t>
  </si>
  <si>
    <t>Planilha11.xml</t>
  </si>
  <si>
    <t>Planilha111.xml</t>
  </si>
  <si>
    <t>Planilha12.xml</t>
  </si>
  <si>
    <t>Planilha13.xml</t>
  </si>
  <si>
    <t>Planilha15.xml</t>
  </si>
  <si>
    <t>Planilha16.xml</t>
  </si>
  <si>
    <t>Planilha17.xml</t>
  </si>
  <si>
    <t>Planilha18.xml</t>
  </si>
  <si>
    <t>Planilha4.xml</t>
  </si>
  <si>
    <t>Planilha5.xml</t>
  </si>
  <si>
    <t>Planilha7.xml</t>
  </si>
  <si>
    <t>Planilha9.xml</t>
  </si>
  <si>
    <t>\\acsfs\profiles$\wedersonbadr\My Documents\Controle%20de%20Erros%20operacionais%20-%20Dezembro%20-ATUALIZADA.ods_0.ods\</t>
  </si>
  <si>
    <t>\\acsfs\profiles$\wedersonbadr\My Documents\Controle%20de%20Erros%20operacionais%20-%20Dezembro%20-ATUALIZADA.ods_0.ods\META-INF\</t>
  </si>
  <si>
    <t>\\acsfs\profiles$\wedersonbadr\My Documents\Controle%20de%20Erros%20operacionais%20-%20Dezembro%20-ATUALIZADA.ods_0.ods\Object 1\</t>
  </si>
  <si>
    <t>\\acsfs\profiles$\wedersonbadr\My Documents\Controle%20de%20Erros%20operacionais%20-%20Dezembro%20-ATUALIZADA.ods_0.ods\Object 2\</t>
  </si>
  <si>
    <t>\\acsfs\profiles$\wedersonbadr\My Documents\Controle%20de%20Erros%20operacionais%20-%20Dezembro%20-ATUALIZADA.ods_0.ods\Object 3\</t>
  </si>
  <si>
    <t>\\acsfs\profiles$\wedersonbadr\My Documents\Controle%20de%20Erros%20operacionais%20-%20Dezembro%20-ATUALIZADA.ods_0.ods\Object 4\</t>
  </si>
  <si>
    <t>\\acsfs\profiles$\wedersonbadr\My Documents\Controle%20de%20Erros%20operacionais%20-%20Dezembro%20-ATUALIZADA.ods_0.ods\Object 5\</t>
  </si>
  <si>
    <t>\\acsfs\profiles$\wedersonbadr\My Documents\Controle%20de%20Erros%20operacionais%20-%20Dezembro%20-ATUALIZADA.ods_0.ods\Object 6\</t>
  </si>
  <si>
    <t>\\acsfs\profiles$\wedersonbadr\My Documents\Controle%20de%20Erros%20operacionais%20-%20Dezembro%20-ATUALIZADA.ods_0.ods\Object 7\</t>
  </si>
  <si>
    <t>\\acsfs\profiles$\wedersonbadr\My Documents\Controle%20de%20Erros%20operacionais%20-%20Dezembro%20-ATUALIZADA.ods_0.ods\ObjectReplacements\</t>
  </si>
  <si>
    <t>Object 1</t>
  </si>
  <si>
    <t>Object 2</t>
  </si>
  <si>
    <t>Object 3</t>
  </si>
  <si>
    <t>Object 4</t>
  </si>
  <si>
    <t>Object 5</t>
  </si>
  <si>
    <t>Object 6</t>
  </si>
  <si>
    <t>Object 7</t>
  </si>
  <si>
    <t>\\acsfs\profiles$\wedersonbadr\My Documents\Controle%20de%20Erros%20operacionais%20-%20Dezembro%20-ATUALIZADA.ods_0.ods\Pictures\</t>
  </si>
  <si>
    <t>1000020100000108000000A4443F60EABA761BA1.png</t>
  </si>
  <si>
    <t>1000020100000135000000A3D967C3626B4644AE.png</t>
  </si>
  <si>
    <t>10000201000009B1000005E7D2E321C8E8BC1F85.png</t>
  </si>
  <si>
    <t>\\acsfs\profiles$\wedersonbadr\My Documents\Controle%20de%20Erros%20operacionais%20-%20Dezembro%20-ATUALIZADA.ods_0.ods\Thumbnails\</t>
  </si>
  <si>
    <t>.~lock.Relatorio de Vendas - Auditoria BV Financeira - Janeiro_ -_.xlsm#</t>
  </si>
  <si>
    <t>\\acsfs\profiles$\wedersonbadr\Downloads\.~lock.Relatorio de Vendas - Auditoria BV Financeira - Janeiro_ -_.xlsm#</t>
  </si>
  <si>
    <t>01/20/2020 13:00:26</t>
  </si>
  <si>
    <t>lu13028luoy.tmp</t>
  </si>
  <si>
    <t>\\acsfs\profiles$\LUISPLS\My Documents\Nova pasta\lu13028luoy.tmp</t>
  </si>
  <si>
    <t>\\acsfs\profiles$\LUISPLS\My Documents\Nova pasta\lu13028luoy.tmp\</t>
  </si>
  <si>
    <t>\\acsfs\profiles$\LUISPLS\My Documents\Nova pasta\lu13028luoy.tmp\META-INF\</t>
  </si>
  <si>
    <t>\\acsfs\profiles$\LUISPLS\My Documents\Nova pasta\lu13028luoy.tmp\Thumbnails\</t>
  </si>
  <si>
    <t>01/20/2020 13:01:57</t>
  </si>
  <si>
    <t>01/20/2020 13:06:22</t>
  </si>
  <si>
    <t>01/20/2020 13:01:58</t>
  </si>
  <si>
    <t>01/20/2020 13:01:59</t>
  </si>
  <si>
    <t>01/20/2020 13:02:01</t>
  </si>
  <si>
    <t>01/20/2020 13:02:02</t>
  </si>
  <si>
    <t>01/20/2020 13:02:03</t>
  </si>
  <si>
    <t>01/20/2020 13:02:05</t>
  </si>
  <si>
    <t>01/20/2020 13:02:06</t>
  </si>
  <si>
    <t>01/20/2020 13:02:07</t>
  </si>
  <si>
    <t>01/20/2020 13:02:08</t>
  </si>
  <si>
    <t>01/20/2020 13:02:09</t>
  </si>
  <si>
    <t>01/20/2020 13:02:10</t>
  </si>
  <si>
    <t>01/20/2020 13:02:11</t>
  </si>
  <si>
    <t>01/20/2020 13:02:12</t>
  </si>
  <si>
    <t>01/20/2020 13:02:14</t>
  </si>
  <si>
    <t>01/20/2020 13:02:15</t>
  </si>
  <si>
    <t>01/20/2020 13:02:16</t>
  </si>
  <si>
    <t>01/20/2020 13:04:32</t>
  </si>
  <si>
    <t>01/20/2020 13:07:23</t>
  </si>
  <si>
    <t>01/20/2020 13:02:39</t>
  </si>
  <si>
    <t>01/20/2020 13:08:23</t>
  </si>
  <si>
    <t>01/20/2020 13:03:35</t>
  </si>
  <si>
    <t>01/20/2020 13:03:39</t>
  </si>
  <si>
    <t>01/20/2020 13:03:27</t>
  </si>
  <si>
    <t>01/20/2020 13:03:55</t>
  </si>
  <si>
    <t>01/20/2020 13:04:03</t>
  </si>
  <si>
    <t>01/20/2020 13:04:06</t>
  </si>
  <si>
    <t>01/20/2020 13:04:09</t>
  </si>
  <si>
    <t>01/20/2020 13:04:16</t>
  </si>
  <si>
    <t>01/20/2020 13:04:20</t>
  </si>
  <si>
    <t>01/20/2020 13:04:27</t>
  </si>
  <si>
    <t>01/20/2020 13:04:42</t>
  </si>
  <si>
    <t>RELATORIO DE LOGIN - FINANCEIRA - 19-01 - SAC.xlsm</t>
  </si>
  <si>
    <t>\\acsfs\DEPTOS\Operacao\PCP\5 - Comum\PLANEJAMENTO BV\14 - ACOMPANHAMENTO\1 - REPORT ACOMPANHAMENTO\2020\1 - JANEIRO\FINANCEIRA\Login Logout Financeira\RELATORIO DE LOGIN - FINANCEIRA - 19-01 - SAC.xlsm</t>
  </si>
  <si>
    <t>01/20/2020 13:04:49</t>
  </si>
  <si>
    <t>mail.google.com/_/upload?authuser=0&amp;dcp=asu-n&amp;upload_id=AEnB2Uruv2A5O_ik9UgougASNRBQuicK1_5UKXqsCoUnyM7A8rSJfyv5O4N7hw0vfLVJyQsVpLYIF4pXiwIo4zXD6BDfeej1RA&amp;upload_protocol=resumable</t>
  </si>
  <si>
    <t>01/20/2020 13:04:54</t>
  </si>
  <si>
    <t>01/20/2020 13:05:07</t>
  </si>
  <si>
    <t>01/20/2020 13:05:11</t>
  </si>
  <si>
    <t>01/20/2020 13:05:08</t>
  </si>
  <si>
    <t>8d173581-117b-4295-ac54-8afc7a885cd3.tmp</t>
  </si>
  <si>
    <t>\\acsfs\profiles$\paulovadc\Downloads\8d173581-117b-4295-ac54-8afc7a885cd3.tmp</t>
  </si>
  <si>
    <t>01/20/2020 13:09:23</t>
  </si>
  <si>
    <t>01/20/2020 13:06:57</t>
  </si>
  <si>
    <t>17/01/2020;</t>
  </si>
  <si>
    <t>https://17/01/2020</t>
  </si>
  <si>
    <t>01/20/2020 13:07:08</t>
  </si>
  <si>
    <t>https://algar.folhasinergyrh.com.br/afastamento/upload?id=0&amp;idsolicitacao=22363</t>
  </si>
  <si>
    <t>01/20/2020 13:05:18</t>
  </si>
  <si>
    <t>01/20/2020 13:05:48</t>
  </si>
  <si>
    <t>01/20/2020 13:06:11</t>
  </si>
  <si>
    <t>01/20/2020 13:06:37</t>
  </si>
  <si>
    <t>01/20/2020 13:06:42</t>
  </si>
  <si>
    <t>01/20/2020 13:06:53</t>
  </si>
  <si>
    <t>01/20/2020 13:06:55</t>
  </si>
  <si>
    <t>01/20/2020 13:07:52</t>
  </si>
  <si>
    <t>01/20/2020 13:10:23</t>
  </si>
  <si>
    <t>01/20/2020 13:07:53</t>
  </si>
  <si>
    <t>lu240763wrvj9.tmp</t>
  </si>
  <si>
    <t>\\acsfs\profiles$\dhiulliananads\My Documents\lu240763wrvj9.tmp</t>
  </si>
  <si>
    <t>\\acsfs\profiles$\dhiulliananads\My Documents\lu240763wrvj9.tmp\</t>
  </si>
  <si>
    <t>\\acsfs\profiles$\dhiulliananads\My Documents\lu240763wrvj9.tmp\META-INF\</t>
  </si>
  <si>
    <t>\\acsfs\profiles$\dhiulliananads\My Documents\lu240763wrvj9.tmp\Thumbnails\</t>
  </si>
  <si>
    <t>01/20/2020 13:07:55</t>
  </si>
  <si>
    <t>lu240763wrvje.tmp</t>
  </si>
  <si>
    <t>\\acsfs\profiles$\dhiulliananads\My Documents\lu240763wrvje.tmp</t>
  </si>
  <si>
    <t>\\acsfs\profiles$\dhiulliananads\My Documents\lu240763wrvje.tmp\</t>
  </si>
  <si>
    <t>\\acsfs\profiles$\dhiulliananads\My Documents\lu240763wrvje.tmp\META-INF\</t>
  </si>
  <si>
    <t>\\acsfs\profiles$\dhiulliananads\My Documents\lu240763wrvje.tmp\Thumbnails\</t>
  </si>
  <si>
    <t>01/20/2020 13:08:54</t>
  </si>
  <si>
    <t>fraude 1.PNG</t>
  </si>
  <si>
    <t>\\acsfs\profiles$\nayarasds\Downloads\fraude 1.PNG</t>
  </si>
  <si>
    <t>01/20/2020 13:09:25</t>
  </si>
  <si>
    <t>fraude 2.PNG</t>
  </si>
  <si>
    <t>\\acsfs\profiles$\nayarasds\Downloads\fraude 2.PNG</t>
  </si>
  <si>
    <t>01/20/2020 13:12:23</t>
  </si>
  <si>
    <t>01/20/2020 13:08:09</t>
  </si>
  <si>
    <t>01/20/2020 13:08:39</t>
  </si>
  <si>
    <t>01/20/2020 13:09:09</t>
  </si>
  <si>
    <t>01/20/2020 13:09:39</t>
  </si>
  <si>
    <t>01/20/2020 13:10:14</t>
  </si>
  <si>
    <t>01/20/2020 13:13:23</t>
  </si>
  <si>
    <t>01/20/2020 13:10:15</t>
  </si>
  <si>
    <t>lu691285q20go.tmp</t>
  </si>
  <si>
    <t>\\acsfs\profiles$\ALEXANDREMM\lu691285q20go.tmp</t>
  </si>
  <si>
    <t>\\acsfs\profiles$\ALEXANDREMM\lu691285q20go.tmp\</t>
  </si>
  <si>
    <t>\\acsfs\profiles$\ALEXANDREMM\lu691285q20go.tmp\META-INF\</t>
  </si>
  <si>
    <t>\\acsfs\profiles$\ALEXANDREMM\lu691285q20go.tmp\Thumbnails\</t>
  </si>
  <si>
    <t>01/20/2020 13:09:45</t>
  </si>
  <si>
    <t>https://andrelpsa@algartech.com,antoniocoj@algartech.com,ricardodfm@algartech.com.br</t>
  </si>
  <si>
    <t>01/20/2020 13:10:37</t>
  </si>
  <si>
    <t>01/20/2020 13:15:23</t>
  </si>
  <si>
    <t>http:///batch/drive/v2internal?%24ct=multipart%2Fmixed%3B%20boundary%3D%22%3D%3D%3D%3D%3D69ff9gi7zzcj%3D%3D%3D%3D%3D%22&amp;key=AIzaSyAy9VVXHSpS2IJpptzYtGbLP3-3_l0aBk4</t>
  </si>
  <si>
    <t>http:///batch/drive/v2internal?%24ct=multipart%2Fmixed%3B%20boundary%3D%22%3D%3D%3D%3D%3Dbgb1qcghkkk7%3D%3D%3D%3D%3D%22&amp;key=AIzaSyAy9VVXHSpS2IJpptzYtGbLP3-3_l0aBk4</t>
  </si>
  <si>
    <t>01/20/2020 13:10:38</t>
  </si>
  <si>
    <t>01/20/2020 13:10:39</t>
  </si>
  <si>
    <t>http:///batch/drive/v2internal?%24ct=multipart%2Fmixed%3B%20boundary%3D%22%3D%3D%3D%3D%3Dtlsartg307se%3D%3D%3D%3D%3D%22&amp;key=AIzaSyAy9VVXHSpS2IJpptzYtGbLP3-3_l0aBk4</t>
  </si>
  <si>
    <t>01/20/2020 13:13:38</t>
  </si>
  <si>
    <t>http:///batch/drive/v2internal?%24ct=multipart%2Fmixed%3B%20boundary%3D%22%3D%3D%3D%3D%3Db9hm27oew7xe%3D%3D%3D%3D%3D%22&amp;key=AIzaSyAy9VVXHSpS2IJpptzYtGbLP3-3_l0aBk4</t>
  </si>
  <si>
    <t>01/20/2020 13:13:39</t>
  </si>
  <si>
    <t>http:///batch/drive/v2internal?%24ct=multipart%2Fmixed%3B%20boundary%3D%22%3D%3D%3D%3D%3Duqx0ezz1ta30%3D%3D%3D%3D%3D%22&amp;key=AIzaSyAy9VVXHSpS2IJpptzYtGbLP3-3_l0aBk4</t>
  </si>
  <si>
    <t>01/20/2020 13:13:40</t>
  </si>
  <si>
    <t>http:///batch/drive/v2internal?%24ct=multipart%2Fmixed%3B%20boundary%3D%22%3D%3D%3D%3D%3Dnuedwywsd8x9%3D%3D%3D%3D%3D%22&amp;key=AIzaSyAy9VVXHSpS2IJpptzYtGbLP3-3_l0aBk4</t>
  </si>
  <si>
    <t>01/20/2020 13:13:41</t>
  </si>
  <si>
    <t>01/20/2020 13:10:42</t>
  </si>
  <si>
    <t>lu13028lup3.tmp</t>
  </si>
  <si>
    <t>\\acsfs\profiles$\LUISPLS\My Documents\Nova pasta\lu13028lup3.tmp</t>
  </si>
  <si>
    <t>\\acsfs\profiles$\LUISPLS\My Documents\Nova pasta\lu13028lup3.tmp\</t>
  </si>
  <si>
    <t>\\acsfs\profiles$\LUISPLS\My Documents\Nova pasta\lu13028lup3.tmp\META-INF\</t>
  </si>
  <si>
    <t>\\acsfs\profiles$\LUISPLS\My Documents\Nova pasta\lu13028lup3.tmp\Thumbnails\</t>
  </si>
  <si>
    <t>01/20/2020 13:12:34</t>
  </si>
  <si>
    <t>01/20/2020 13:16:23</t>
  </si>
  <si>
    <t>8b619749-5fbb-49a1-a646-941d01a90d07.tmp</t>
  </si>
  <si>
    <t>\\acsfs\profiles$\mariajra\Downloads\8b619749-5fbb-49a1-a646-941d01a90d07.tmp</t>
  </si>
  <si>
    <t>01/20/2020 13:17:23</t>
  </si>
  <si>
    <t>01/20/2020 13:15:40</t>
  </si>
  <si>
    <t>01/20/2020 13:16:10</t>
  </si>
  <si>
    <t>01/20/2020 13:16:40</t>
  </si>
  <si>
    <t>01/20/2020 13:15:00</t>
  </si>
  <si>
    <t>01/20/2020 13:15:01</t>
  </si>
  <si>
    <t>lu10556ftxu.tmp</t>
  </si>
  <si>
    <t>\\acsfs\profiles$\VIVIANALDS\My Documents\lu10556ftxu.tmp</t>
  </si>
  <si>
    <t>\\acsfs\profiles$\VIVIANALDS\My Documents\lu10556ftxu.tmp\</t>
  </si>
  <si>
    <t>\\acsfs\profiles$\VIVIANALDS\My Documents\lu10556ftxu.tmp\META-INF\</t>
  </si>
  <si>
    <t>\\acsfs\profiles$\VIVIANALDS\My Documents\lu10556ftxu.tmp\Thumbnails\</t>
  </si>
  <si>
    <t>01/20/2020 13:16:53</t>
  </si>
  <si>
    <t>lu10556ftxy.tmp</t>
  </si>
  <si>
    <t>\\acsfs\profiles$\VIVIANALDS\My Documents\lu10556ftxy.tmp</t>
  </si>
  <si>
    <t>\\acsfs\profiles$\VIVIANALDS\My Documents\lu10556ftxy.tmp\</t>
  </si>
  <si>
    <t>\\acsfs\profiles$\VIVIANALDS\My Documents\lu10556ftxy.tmp\META-INF\</t>
  </si>
  <si>
    <t>\\acsfs\profiles$\VIVIANALDS\My Documents\lu10556ftxy.tmp\Thumbnails\</t>
  </si>
  <si>
    <t>01/20/2020 13:15:12</t>
  </si>
  <si>
    <t>01/20/2020 13:18:23</t>
  </si>
  <si>
    <t>01/20/2020 13:17:38</t>
  </si>
  <si>
    <t>830ed383-f6af-490c-a799-e41f93a7497a.tmp</t>
  </si>
  <si>
    <t>\\acsfs\profiles$\lucasgpe\Downloads\830ed383-f6af-490c-a799-e41f93a7497a.tmp</t>
  </si>
  <si>
    <t>01/20/2020 13:14:49</t>
  </si>
  <si>
    <t>01/20/2020 13:20:22</t>
  </si>
  <si>
    <t>01/20/2020 13:18:11</t>
  </si>
  <si>
    <t>1cd19b7f-36ac-4934-af44-2f0fb466c3e1.tmp</t>
  </si>
  <si>
    <t>\\acsfs\profiles$\quindaizaagds\Downloads\1cd19b7f-36ac-4934-af44-2f0fb466c3e1.tmp</t>
  </si>
  <si>
    <t>01/20/2020 13:21:23</t>
  </si>
  <si>
    <t>01/20/2020 13:16:33</t>
  </si>
  <si>
    <t>C:\Users\fernandaab\Downloads\LAUDO FERNANDA.docx\</t>
  </si>
  <si>
    <t>\\acsfs\Deptos\EDUCACAO EMPRESARIAL\FERNANDA MONIT\LAUDO FERNANDA.docx</t>
  </si>
  <si>
    <t>image10.wmf</t>
  </si>
  <si>
    <t>image20.wmf</t>
  </si>
  <si>
    <t>LAUDO FERNANDA.docx</t>
  </si>
  <si>
    <t>01/20/2020 13:16:34</t>
  </si>
  <si>
    <t>\\acsfs\Deptos\EDUCACAO EMPRESARIAL\FERNANDA MONIT\LAUDO FERNANDA.docx\</t>
  </si>
  <si>
    <t>\\acsfs\Deptos\EDUCACAO EMPRESARIAL\FERNANDA MONIT\LAUDO FERNANDA.docx\:Zone.Identifier:$DATA</t>
  </si>
  <si>
    <t>01/20/2020 13:16:42</t>
  </si>
  <si>
    <t>01/20/2020 13:16:43</t>
  </si>
  <si>
    <t>01/20/2020 13:16:52</t>
  </si>
  <si>
    <t>01/20/2020 13:17:02</t>
  </si>
  <si>
    <t>01/20/2020 13:17:10</t>
  </si>
  <si>
    <t>01/20/2020 13:22:23</t>
  </si>
  <si>
    <t>01/20/2020 13:17:40</t>
  </si>
  <si>
    <t>01/20/2020 13:18:10</t>
  </si>
  <si>
    <t>01/20/2020 13:18:40</t>
  </si>
  <si>
    <t>01/20/2020 13:19:40</t>
  </si>
  <si>
    <t>01/20/2020 13:20:10</t>
  </si>
  <si>
    <t>01/20/2020 13:20:40</t>
  </si>
  <si>
    <t>01/20/2020 13:21:01</t>
  </si>
  <si>
    <t>8c9029d7-efca-43b8-81a4-b931b6bbc18c.tmp</t>
  </si>
  <si>
    <t>\\acsfs\profiles$\regisedsj\Downloads\8c9029d7-efca-43b8-81a4-b931b6bbc18c.tmp</t>
  </si>
  <si>
    <t>01/20/2020 13:19:45</t>
  </si>
  <si>
    <t>lu10556fty2.tmp</t>
  </si>
  <si>
    <t>\\acsfs\profiles$\VIVIANALDS\My Documents\lu10556fty2.tmp</t>
  </si>
  <si>
    <t>\\acsfs\profiles$\VIVIANALDS\My Documents\lu10556fty2.tmp\</t>
  </si>
  <si>
    <t>\\acsfs\profiles$\VIVIANALDS\My Documents\lu10556fty2.tmp\META-INF\</t>
  </si>
  <si>
    <t>\\acsfs\profiles$\VIVIANALDS\My Documents\lu10556fty2.tmp\Thumbnails\</t>
  </si>
  <si>
    <t>01/20/2020 13:19:49</t>
  </si>
  <si>
    <t>01/20/2020 13:19:50</t>
  </si>
  <si>
    <t>lu10556fty6.tmp</t>
  </si>
  <si>
    <t>\\acsfs\profiles$\VIVIANALDS\My Documents\lu10556fty6.tmp</t>
  </si>
  <si>
    <t>\\acsfs\profiles$\VIVIANALDS\My Documents\lu10556fty6.tmp\</t>
  </si>
  <si>
    <t>\\acsfs\profiles$\VIVIANALDS\My Documents\lu10556fty6.tmp\META-INF\</t>
  </si>
  <si>
    <t>\\acsfs\profiles$\VIVIANALDS\My Documents\lu10556fty6.tmp\Thumbnails\</t>
  </si>
  <si>
    <t>01/20/2020 13:23:23</t>
  </si>
  <si>
    <t>01/20/2020 13:19:15</t>
  </si>
  <si>
    <t>Vendas Dezembro.txt</t>
  </si>
  <si>
    <t>\\acsfs\profiles$\lucasgpe\Desktop\Vendas Dezembro.txt</t>
  </si>
  <si>
    <t>01/20/2020 13:20:50</t>
  </si>
  <si>
    <t>01/20/2020 13:25:23</t>
  </si>
  <si>
    <t>01/20/2020 13:20:51</t>
  </si>
  <si>
    <t>01/20/2020 13:20:52</t>
  </si>
  <si>
    <t>01/20/2020 13:20:53</t>
  </si>
  <si>
    <t>01/20/2020 13:20:54</t>
  </si>
  <si>
    <t>01/20/2020 13:20:55</t>
  </si>
  <si>
    <t>01/20/2020 13:20:56</t>
  </si>
  <si>
    <t>01/20/2020 13:20:57</t>
  </si>
  <si>
    <t>01/20/2020 13:20:58</t>
  </si>
  <si>
    <t>01/20/2020 13:20:59</t>
  </si>
  <si>
    <t>01/20/2020 13:21:00</t>
  </si>
  <si>
    <t>01/20/2020 13:21:02</t>
  </si>
  <si>
    <t>01/20/2020 13:21:03</t>
  </si>
  <si>
    <t>01/20/2020 13:21:04</t>
  </si>
  <si>
    <t>01/20/2020 13:21:05</t>
  </si>
  <si>
    <t>01/20/2020 13:21:06</t>
  </si>
  <si>
    <t>01/20/2020 13:21:07</t>
  </si>
  <si>
    <t>01/20/2020 13:21:08</t>
  </si>
  <si>
    <t>01/20/2020 13:21:09</t>
  </si>
  <si>
    <t>01/20/2020 13:21:10</t>
  </si>
  <si>
    <t>01/20/2020 13:21:11</t>
  </si>
  <si>
    <t>01/20/2020 13:21:12</t>
  </si>
  <si>
    <t>01/20/2020 13:19:56</t>
  </si>
  <si>
    <t>79c6be70-f931-46c1-aa71-04747b6a2abd.tmp</t>
  </si>
  <si>
    <t>\\acsfs\profiles$\inarajst\Downloads\79c6be70-f931-46c1-aa71-04747b6a2abd.tmp</t>
  </si>
  <si>
    <t>01/20/2020 13:26:23</t>
  </si>
  <si>
    <t>01/20/2020 13:23:11</t>
  </si>
  <si>
    <t>10.200.67.47</t>
  </si>
  <si>
    <t>74-86-7A-FB-17-24</t>
  </si>
  <si>
    <t>VOTORANT-IB010</t>
  </si>
  <si>
    <t>\\acsfs\profiles$\leydianeamd\Contacts\</t>
  </si>
  <si>
    <t>LEYDIANE APARECIDA MOREIRA DUARTE (35).contact</t>
  </si>
  <si>
    <t>\\acsfs\profiles$\leydianeamd\Contacts\LEYDIANE APARECIDA MOREIRA DUARTE (35).contact</t>
  </si>
  <si>
    <t>01/20/2020 13:23:38</t>
  </si>
  <si>
    <t>\\acsfs\profiles$\leydianeamd\My Documents\My Videos\</t>
  </si>
  <si>
    <t>\\acsfs\profiles$\leydianeamd\My Documents\My Videos\desktop.ini</t>
  </si>
  <si>
    <t>01/20/2020 13:23:39</t>
  </si>
  <si>
    <t>01/20/2020 13:23:40</t>
  </si>
  <si>
    <t>\\acsfs\profiles$\leydianeamd\My Documents\My Pictures\</t>
  </si>
  <si>
    <t>\\acsfs\profiles$\leydianeamd\My Documents\My Pictures\desktop.ini</t>
  </si>
  <si>
    <t>\\acsfs\profiles$\leydianeamd\Contacts\desktop.ini</t>
  </si>
  <si>
    <t>01/20/2020 13:23:41</t>
  </si>
  <si>
    <t>\\acsfs\profiles$\leydianeamd\My Documents\My Music\</t>
  </si>
  <si>
    <t>\\acsfs\profiles$\leydianeamd\My Documents\My Music\desktop.ini</t>
  </si>
  <si>
    <t>01/20/2020 13:23:42</t>
  </si>
  <si>
    <t>\\acsfs\profiles$\leydianeamd\Searches\</t>
  </si>
  <si>
    <t>\\acsfs\profiles$\leydianeamd\Searches\desktop.ini</t>
  </si>
  <si>
    <t>\\acsfs\profiles$\leydianeamd\My Documents\desktop.ini</t>
  </si>
  <si>
    <t>01/20/2020 13:23:43</t>
  </si>
  <si>
    <t>\\acsfs\profiles$\leydianeamd\Saved Games\</t>
  </si>
  <si>
    <t>\\acsfs\profiles$\leydianeamd\Saved Games\desktop.ini</t>
  </si>
  <si>
    <t>01/20/2020 13:23:44</t>
  </si>
  <si>
    <t>01/20/2020 13:22:41</t>
  </si>
  <si>
    <t>6f4014a3-507c-4e6c-b437-d76a8af0af32.tmp</t>
  </si>
  <si>
    <t>\\acsfs\profiles$\larissaad\Downloads\6f4014a3-507c-4e6c-b437-d76a8af0af32.tmp</t>
  </si>
  <si>
    <t>01/20/2020 13:27:23</t>
  </si>
  <si>
    <t>01/20/2020 13:24:10</t>
  </si>
  <si>
    <t>01/20/2020 13:26:10</t>
  </si>
  <si>
    <t>01/20/2020 13:26:40</t>
  </si>
  <si>
    <t>01/20/2020 13:25:48</t>
  </si>
  <si>
    <t>01/20/2020 13:30:24</t>
  </si>
  <si>
    <t>ce1a025c-619d-4cc7-a0d8-3cfd684c95a7.tmp</t>
  </si>
  <si>
    <t>\\acsfs\profiles$\wedersonbadr\My Documents\My Music\ce1a025c-619d-4cc7-a0d8-3cfd684c95a7.tmp</t>
  </si>
  <si>
    <t>01/20/2020 13:32:23</t>
  </si>
  <si>
    <t>01/20/2020 13:31:40</t>
  </si>
  <si>
    <t>01/20/2020 13:27:57</t>
  </si>
  <si>
    <t>01/20/2020 13:33:23</t>
  </si>
  <si>
    <t>01/20/2020 13:27:58</t>
  </si>
  <si>
    <t>lu691285q20gv.tmp</t>
  </si>
  <si>
    <t>\\acsfs\profiles$\ALEXANDREMM\lu691285q20gv.tmp</t>
  </si>
  <si>
    <t>\\acsfs\profiles$\ALEXANDREMM\lu691285q20gv.tmp\</t>
  </si>
  <si>
    <t>\\acsfs\profiles$\ALEXANDREMM\lu691285q20gv.tmp\META-INF\</t>
  </si>
  <si>
    <t>\\acsfs\profiles$\ALEXANDREMM\lu691285q20gv.tmp\Thumbnails\</t>
  </si>
  <si>
    <t>01/20/2020 13:29:14</t>
  </si>
  <si>
    <t>01/20/2020 13:34:23</t>
  </si>
  <si>
    <t>01/20/2020 13:28:56</t>
  </si>
  <si>
    <t>72d228f3-46ba-4dac-930a-1d10f09571b9.tmp</t>
  </si>
  <si>
    <t>\\acsfs\profiles$\valeriasda\Downloads\72d228f3-46ba-4dac-930a-1d10f09571b9.tmp</t>
  </si>
  <si>
    <t>01/20/2020 13:33:20</t>
  </si>
  <si>
    <t>10.200.66.165</t>
  </si>
  <si>
    <t>01/20/2020 13:36:23</t>
  </si>
  <si>
    <t>01/20/2020 13:32:05</t>
  </si>
  <si>
    <t>25c41d22-35bf-4fe4-aafe-e56e50a4d875.tmp</t>
  </si>
  <si>
    <t>\\acsfs\profiles$\cintiadjl\Downloads\25c41d22-35bf-4fe4-aafe-e56e50a4d875.tmp</t>
  </si>
  <si>
    <t>01/20/2020 13:32:49</t>
  </si>
  <si>
    <t>7062b2db-cd34-488e-997c-e34a49bb2078.tmp</t>
  </si>
  <si>
    <t>\\acsfs\profiles$\larissaad\Downloads\7062b2db-cd34-488e-997c-e34a49bb2078.tmp</t>
  </si>
  <si>
    <t>01/20/2020 13:37:23</t>
  </si>
  <si>
    <t>01/20/2020 13:32:10</t>
  </si>
  <si>
    <t>01/20/2020 13:32:40</t>
  </si>
  <si>
    <t>01/20/2020 13:33:40</t>
  </si>
  <si>
    <t>01/20/2020 13:35:40</t>
  </si>
  <si>
    <t>01/20/2020 13:36:10</t>
  </si>
  <si>
    <t>01/20/2020 13:35:08</t>
  </si>
  <si>
    <t>01/20/2020 13:38:23</t>
  </si>
  <si>
    <t>01/20/2020 13:34:07</t>
  </si>
  <si>
    <t>d57f177d-909e-49f9-b7f7-5d18b9799ff1.tmp</t>
  </si>
  <si>
    <t>\\acsfs\profiles$\claudiajca\Downloads\d57f177d-909e-49f9-b7f7-5d18b9799ff1.tmp</t>
  </si>
  <si>
    <t>01/20/2020 13:37:02</t>
  </si>
  <si>
    <t>01/20/2020 13:39:20</t>
  </si>
  <si>
    <t>01/20/2020 13:40:23</t>
  </si>
  <si>
    <t>lu240763wrvjj.tmp</t>
  </si>
  <si>
    <t>\\acsfs\profiles$\dhiulliananads\My Documents\lu240763wrvjj.tmp</t>
  </si>
  <si>
    <t>\\acsfs\profiles$\dhiulliananads\My Documents\lu240763wrvjj.tmp\</t>
  </si>
  <si>
    <t>\\acsfs\profiles$\dhiulliananads\My Documents\lu240763wrvjj.tmp\META-INF\</t>
  </si>
  <si>
    <t>\\acsfs\profiles$\dhiulliananads\My Documents\lu240763wrvjj.tmp\Thumbnails\</t>
  </si>
  <si>
    <t>01/20/2020 13:35:00</t>
  </si>
  <si>
    <t>http:///batch/drive/v2internal?%24ct=multipart%2Fmixed%3B%20boundary%3D%22%3D%3D%3D%3D%3Dv808p4aabqko%3D%3D%3D%3D%3D%22&amp;key=AIzaSyAy9VVXHSpS2IJpptzYtGbLP3-3_l0aBk4</t>
  </si>
  <si>
    <t>http:///batch/drive/v2internal?%24ct=multipart%2Fmixed%3B%20boundary%3D%22%3D%3D%3D%3D%3D717v8hgi0nom%3D%3D%3D%3D%3D%22&amp;key=AIzaSyAy9VVXHSpS2IJpptzYtGbLP3-3_l0aBk4</t>
  </si>
  <si>
    <t>01/20/2020 13:35:01</t>
  </si>
  <si>
    <t>http:///batch/drive/v2internal?%24ct=multipart%2Fmixed%3B%20boundary%3D%22%3D%3D%3D%3D%3D8n6scigyfpyv%3D%3D%3D%3D%3D%22&amp;key=AIzaSyAy9VVXHSpS2IJpptzYtGbLP3-3_l0aBk4</t>
  </si>
  <si>
    <t>01/20/2020 13:38:04</t>
  </si>
  <si>
    <t>http:///batch/drive/v2internal?%24ct=multipart%2Fmixed%3B%20boundary%3D%22%3D%3D%3D%3D%3Dygbqkcjoa3i0%3D%3D%3D%3D%3D%22&amp;key=AIzaSyAy9VVXHSpS2IJpptzYtGbLP3-3_l0aBk4</t>
  </si>
  <si>
    <t>"mozilla/5.0 (windows nt 6.1) applewebkit/537.36 (khtml;1;13;13700109;13700607;13700883;13701139;13701214;13701298;13701418;13701458;13701577;13701589;13701613;13701625;13701657;13701749;13701825;13701901;13701921;13701949;13701953;13701969;13702064;13702088;1579520900840000;1579520901989000;1579522108972;1579534147818;45;5;621969351;[[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igit;kind;l-ckacf_7r3zozh1hhizn88xwetaapoebcpjm5ey2zyse1nt3xmnhcr-rz9s-zdg-5-xx2v8f_tzsvcfibwrle5qaq53vh6r8m19mnq0rhk68ibitnjgrsmrdalihic4l1lxyqga8ovr5etkjjbkmsgw0htomrw0ftovchx76kgoyskqvpqzuqo0mrsk-nevtbmaqaleloorbdq4mjvgtmunagardgcvqomsjf2dfmbefzskm2b2sgehmip1;lastmodifyinguser(kind;l</t>
  </si>
  <si>
    <t>http://"mozilla/5.0 (windows nt 6.1) applewebkit/537.36 (khtml,1,13,13700109,13700607,13700883,13701139,13701214,13701298,13701418,13701458,13701577,13701589,13701613,13701625,13701657,13701749,13701825,13701901,13701921,13701949,13701953,13701969,13702064,13702088,1579520900840000,1579520901989000,1579522108972,1579534147818,45,5,621969351,[[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igit,kind,l-ckacf_7r3zozh1hhizn88xwetaapoebcpjm5ey2zyse1nt3xmnhcr-rz9s-zdg-5-xx2v8f_tzsvcfibwrle5qaq53vh6r8m19mnq0rhk68ibitnjgrsmrdalihic4l1lxyqga8ovr5etkjjbkmsgw0htomrw0ftovchx76kgoyskqvpqzuqo0mrsk-nevtbmaqaleloorbdq4mjvgtmunagardgcvqomsjf2dfmbefzskm2b2sgehmip1,lastmodifyinguser</t>
  </si>
  <si>
    <t>01/20/2020 13:38:05</t>
  </si>
  <si>
    <t>http:///batch/drive/v2internal?%24ct=multipart%2Fmixed%3B%20boundary%3D%22%3D%3D%3D%3D%3Dqvhnf0xku1a1%3D%3D%3D%3D%3D%22&amp;key=AIzaSyAy9VVXHSpS2IJpptzYtGbLP3-3_l0aBk4</t>
  </si>
  <si>
    <t>01/20/2020 13:38:06</t>
  </si>
  <si>
    <t>http:///batch/drive/v2internal?%24ct=multipart%2Fmixed%3B%20boundary%3D%22%3D%3D%3D%3D%3Don7j0alj7kw%3D%3D%3D%3D%3D%22&amp;key=AIzaSyAy9VVXHSpS2IJpptzYtGbLP3-3_l0aBk4</t>
  </si>
  <si>
    <t>01/20/2020 13:38:07</t>
  </si>
  <si>
    <t>01/20/2020 13:39:28</t>
  </si>
  <si>
    <t>http:///batch/drive/v2internal?%24ct=multipart%2Fmixed%3B%20boundary%3D%22%3D%3D%3D%3D%3D8hqbssr1zng4%3D%3D%3D%3D%3D%22&amp;key=AIzaSyAy9VVXHSpS2IJpptzYtGbLP3-3_l0aBk4</t>
  </si>
  <si>
    <t>01/20/2020 13:39:29</t>
  </si>
  <si>
    <t>http:///batch/drive/v2internal?%24ct=multipart%2Fmixed%3B%20boundary%3D%22%3D%3D%3D%3D%3D3j0gbjc30mfy%3D%3D%3D%3D%3D%22&amp;key=AIzaSyAy9VVXHSpS2IJpptzYtGbLP3-3_l0aBk4</t>
  </si>
  <si>
    <t>01/20/2020 13:39:30</t>
  </si>
  <si>
    <t>http:///batch/drive/v2internal?%24ct=multipart%2Fmixed%3B%20boundary%3D%22%3D%3D%3D%3D%3Dfbxaoo7xqmz%3D%3D%3D%3D%3D%22&amp;key=AIzaSyAy9VVXHSpS2IJpptzYtGbLP3-3_l0aBk4</t>
  </si>
  <si>
    <t>01/20/2020 13:37:44</t>
  </si>
  <si>
    <t>01/20/2020 13:42:23</t>
  </si>
  <si>
    <t>01/20/2020 13:37:35</t>
  </si>
  <si>
    <t>b601d8c2-88c9-4eb4-a4ce-ec16f40eb97a.tmp</t>
  </si>
  <si>
    <t>\\acsfs\profiles$\brendadsl\Downloads\b601d8c2-88c9-4eb4-a4ce-ec16f40eb97a.tmp</t>
  </si>
  <si>
    <t>01/20/2020 13:37:36</t>
  </si>
  <si>
    <t>ca4a3b14-dad7-4abb-a616-7d26acff3193.tmp</t>
  </si>
  <si>
    <t>\\acsfs\profiles$\brendadsl\Downloads\ca4a3b14-dad7-4abb-a616-7d26acff3193.tmp</t>
  </si>
  <si>
    <t>80f7e0c2-81b8-4911-8fff-3bd3a106fa8f.tmp</t>
  </si>
  <si>
    <t>\\acsfs\profiles$\brendadsl\Downloads\80f7e0c2-81b8-4911-8fff-3bd3a106fa8f.tmp</t>
  </si>
  <si>
    <t>01/20/2020 13:37:39</t>
  </si>
  <si>
    <t>41729dfc-ffa8-4f27-b426-fd82de9b7407.tmp</t>
  </si>
  <si>
    <t>\\acsfs\profiles$\brendadsl\Downloads\41729dfc-ffa8-4f27-b426-fd82de9b7407.tmp</t>
  </si>
  <si>
    <t>01/20/2020 13:37:40</t>
  </si>
  <si>
    <t>cbeac6b3-11a1-4314-bc2d-482bd1c0bd35.tmp</t>
  </si>
  <si>
    <t>\\acsfs\profiles$\brendadsl\Downloads\cbeac6b3-11a1-4314-bc2d-482bd1c0bd35.tmp</t>
  </si>
  <si>
    <t>01/20/2020 13:38:58</t>
  </si>
  <si>
    <t>01/20/2020 13:43:23</t>
  </si>
  <si>
    <t>ae7dbbad-b968-46e1-b5dd-a797d34744a5.tmp</t>
  </si>
  <si>
    <t>\\acsfs\profiles$\claudiajca\Downloads\ae7dbbad-b968-46e1-b5dd-a797d34744a5.tmp</t>
  </si>
  <si>
    <t>01/20/2020 13:42:46</t>
  </si>
  <si>
    <t>01/20/2020 13:45:23</t>
  </si>
  <si>
    <t>http:///batch/drive/v2internal?%24ct=multipart%2Fmixed%3B%20boundary%3D%22%3D%3D%3D%3D%3Dh4tiexwyg6m0%3D%3D%3D%3D%3D%22&amp;key=AIzaSyAy9VVXHSpS2IJpptzYtGbLP3-3_l0aBk4</t>
  </si>
  <si>
    <t>1579537770772;57;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jbntaw-gzf-htfi7znf8al0bh9g_nyfojttzpojh1fe\";null;ontainsunsubscribedchildren;owners(kind;per;permissionid;picture;shared;sharedwithmedate;thumbnailversion;title;true]";userpermission(role);vchx76kgoyskqvpqzuqo0mrsk-nevtbmaqaleloorbdq4mjvgtmunag</t>
  </si>
  <si>
    <t>http://1579537770772,57,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jbntaw-gzf-htfi7znf8al0bh9g_nyfojttzpojh1fe\",null,ontainsunsubscribedchildren,owners(kind,per,permissionid,picture,shared,sharedwithmedate,thumbnailversion,title,true]",userpermission(role),vchx76kgoyskqvpqzuqo0mrsk-nevtbmaqaleloorbdq4mjv</t>
  </si>
  <si>
    <t>http:///batch/drive/v2internal?%24ct=multipart%2Fmixed%3B%20boundary%3D%22%3D%3D%3D%3D%3Dcgulknc4sv29%3D%3D%3D%3D%3D%22&amp;key=AIzaSyAy9VVXHSpS2IJpptzYtGbLP3-3_l0aBk4</t>
  </si>
  <si>
    <t>01/20/2020 13:42:47</t>
  </si>
  <si>
    <t>http:///batch/drive/v2internal?%24ct=multipart%2Fmixed%3B%20boundary%3D%22%3D%3D%3D%3D%3D1sze63bku1f7%3D%3D%3D%3D%3D%22&amp;key=AIzaSyAy9VVXHSpS2IJpptzYtGbLP3-3_l0aBk4</t>
  </si>
  <si>
    <t>01/20/2020 13:43:40</t>
  </si>
  <si>
    <t>9afbf84d-9640-4ed6-935b-0dfde738057b.tmp</t>
  </si>
  <si>
    <t>\\acsfs\profiles$\wedersonbadr\My Documents\My Music\9afbf84d-9640-4ed6-935b-0dfde738057b.tmp</t>
  </si>
  <si>
    <t>01/20/2020 13:43:53</t>
  </si>
  <si>
    <t>14f2d7b8-e6fb-4057-a2be-c9e71112e6bf.tmp</t>
  </si>
  <si>
    <t>\\acsfs\profiles$\georgendsq\Downloads\14f2d7b8-e6fb-4057-a2be-c9e71112e6bf.tmp</t>
  </si>
  <si>
    <t>01/20/2020 13:43:37</t>
  </si>
  <si>
    <t>01/20/2020 13:46:23</t>
  </si>
  <si>
    <t>01/20/2020 13:43:38</t>
  </si>
  <si>
    <t>01/20/2020 13:41:51</t>
  </si>
  <si>
    <t>lu1351610n8vg.tmp</t>
  </si>
  <si>
    <t>\\acsfs\profiles$\LORRAYNEVAM\lu1351610n8vg.tmp</t>
  </si>
  <si>
    <t>\\acsfs\profiles$\LORRAYNEVAM\lu1351610n8vg.tmp\</t>
  </si>
  <si>
    <t>\\acsfs\profiles$\LORRAYNEVAM\lu1351610n8vg.tmp\META-INF\</t>
  </si>
  <si>
    <t>\\acsfs\profiles$\LORRAYNEVAM\lu1351610n8vg.tmp\Thumbnails\</t>
  </si>
  <si>
    <t>01/20/2020 13:47:22</t>
  </si>
  <si>
    <t>01/20/2020 13:43:41</t>
  </si>
  <si>
    <t>01/20/2020 13:45:41</t>
  </si>
  <si>
    <t>01/20/2020 13:44:19</t>
  </si>
  <si>
    <t>01/20/2020 13:48:23</t>
  </si>
  <si>
    <t>01/20/2020 13:46:01</t>
  </si>
  <si>
    <t>01/20/2020 13:46:19</t>
  </si>
  <si>
    <t>01/20/2020 13:46:25</t>
  </si>
  <si>
    <t>01/20/2020 13:46:35</t>
  </si>
  <si>
    <t>01/20/2020 13:46:40</t>
  </si>
  <si>
    <t>01/20/2020 13:46:51</t>
  </si>
  <si>
    <t>01/20/2020 13:46:59</t>
  </si>
  <si>
    <t>01/20/2020 13:47:35</t>
  </si>
  <si>
    <t>01/20/2020 13:47:40</t>
  </si>
  <si>
    <t>01/20/2020 13:47:44</t>
  </si>
  <si>
    <t>01/20/2020 13:45:28</t>
  </si>
  <si>
    <t>3cf19077-bffe-4cce-8ac2-eed0bb5e81a7.tmp</t>
  </si>
  <si>
    <t>\\acsfs\profiles$\ingridsm\Downloads\3cf19077-bffe-4cce-8ac2-eed0bb5e81a7.tmp</t>
  </si>
  <si>
    <t>01/20/2020 13:46:45</t>
  </si>
  <si>
    <t>120591af-2f8b-45ef-ae08-c2305ed1324a.tmp</t>
  </si>
  <si>
    <t>\\acsfs\profiles$\ingridsm\Downloads\120591af-2f8b-45ef-ae08-c2305ed1324a.tmp</t>
  </si>
  <si>
    <t>01/20/2020 13:47:45</t>
  </si>
  <si>
    <t>b96ece70-c649-498d-84ea-7560d06f4073.tmp</t>
  </si>
  <si>
    <t>\\acsfs\profiles$\ingridsm\Downloads\b96ece70-c649-498d-84ea-7560d06f4073.tmp</t>
  </si>
  <si>
    <t>01/20/2020 13:45:22</t>
  </si>
  <si>
    <t>01/20/2020 13:49:22</t>
  </si>
  <si>
    <t>24c9fc87-fde5-42b3-af23-33ff848602d7.tmp</t>
  </si>
  <si>
    <t>\\acsfs\profiles$\LUCASBS\Downloads\24c9fc87-fde5-42b3-af23-33ff848602d7.tmp</t>
  </si>
  <si>
    <t>01/20/2020 13:45:48</t>
  </si>
  <si>
    <t>a7d8a63e-48d9-48a9-8e93-478385096830.tmp</t>
  </si>
  <si>
    <t>\\acsfs\profiles$\LUCASBS\Downloads\a7d8a63e-48d9-48a9-8e93-478385096830.tmp</t>
  </si>
  <si>
    <t>01/20/2020 13:46:46</t>
  </si>
  <si>
    <t>1dcd895e-3783-4119-bf10-75db74f7a7d1.tmp</t>
  </si>
  <si>
    <t>\\acsfs\profiles$\LUCASBS\Downloads\1dcd895e-3783-4119-bf10-75db74f7a7d1.tmp</t>
  </si>
  <si>
    <t>01/20/2020 13:48:48</t>
  </si>
  <si>
    <t>2651e6d5-39a3-416d-98c5-75fada5dc8c2.tmp</t>
  </si>
  <si>
    <t>\\acsfs\profiles$\gabrielamdp\Downloads\2651e6d5-39a3-416d-98c5-75fada5dc8c2.tmp</t>
  </si>
  <si>
    <t>9e6d9b95-4b5f-45ad-a6c4-dd99cc128ff6.tmp</t>
  </si>
  <si>
    <t>\\acsfs\profiles$\gabrielamdp\Downloads\9e6d9b95-4b5f-45ad-a6c4-dd99cc128ff6.tmp</t>
  </si>
  <si>
    <t>cff2b9ec-747c-4ee9-93c9-e8b09728b08b.tmp</t>
  </si>
  <si>
    <t>\\acsfs\profiles$\gabrielamdp\Downloads\cff2b9ec-747c-4ee9-93c9-e8b09728b08b.tmp</t>
  </si>
  <si>
    <t>01/20/2020 13:47:07</t>
  </si>
  <si>
    <t>05c9319e-30a2-4113-93c3-c27bbf044495.tmp</t>
  </si>
  <si>
    <t>\\acsfs\profiles$\geovannasm\Downloads\05c9319e-30a2-4113-93c3-c27bbf044495.tmp</t>
  </si>
  <si>
    <t>01/20/2020 13:44:14</t>
  </si>
  <si>
    <t>01/20/2020 13:50:23</t>
  </si>
  <si>
    <t>http:///batch/drive/v2internal?%24ct=multipart%2Fmixed%3B%20boundary%3D%22%3D%3D%3D%3D%3Dpn5cmzgeew7%3D%3D%3D%3D%3D%22&amp;key=AIzaSyAy9VVXHSpS2IJpptzYtGbLP3-3_l0aBk4</t>
  </si>
  <si>
    <t>"mozilla/5.0 (windows nt 6.1) applewebkit/537.36 (khtml;0;1;13;137;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579520900840000;1579520901989000;1579523011022;1579528729889;2400];27;4;5701393;6.1;621969351;8;82;84;["mozilla/5.0 (windows nt 6.1) applewebkit/537.36 (khtml;[1;[[13701450;[[null;[];[]]];[false;[null;adfn-csyrvwqermfbxam1mkavsrzjlg0rundo9gysmvmlrxxhlhfmqhcw7_ynhcatkqscdyldsiy;ancestorhasaugmentedpermissions;containsunsubscribedchildren;displayname;domain;drive.web-frontend_20200108.00_p2;emailaddress;fal;false;false];false]];fedb0gqd</t>
  </si>
  <si>
    <t>http://"mozilla/5.0 (windows nt 6.1) applewebkit/537.36 (khtml,0,1,13,137,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579520900840000,1579520901989000,1579523011022,1579528729889,2400],27,4,5701393,6.1,621969351,8,82,84,["mozilla/5.0 (windows nt 6.1) applewebkit/537.36 (khtml,[1,[[13701450,[[null,[],[]]],[false,[null,adfn-csyrvwqermfbxam1mkavsrzjlg0rundo9gysmvmlrxxhlhfmqhcw7_ynhcatkqscdyldsiy,ancestorhasaugmentedpermissions,containsunsubscribedchildren,displayname,domain,drive.web-frontend_20200108.00_p2,emailaddress,fal,false,false],false]],f</t>
  </si>
  <si>
    <t>01/20/2020 13:46:20</t>
  </si>
  <si>
    <t>http:///batch/drive/v2internal?%24ct=multipart%2Fmixed%3B%20boundary%3D%22%3D%3D%3D%3D%3Dt0g40jexftv5%3D%3D%3D%3D%3D%22&amp;key=AIzaSyAy9VVXHSpS2IJpptzYtGbLP3-3_l0aBk4</t>
  </si>
  <si>
    <t>01/20/2020 13:46:21</t>
  </si>
  <si>
    <t>http:///batch/drive/v2internal?%24ct=multipart%2Fmixed%3B%20boundary%3D%22%3D%3D%3D%3D%3Dq3vzwe6fifrb%3D%3D%3D%3D%3D%22&amp;key=AIzaSyAy9VVXHSpS2IJpptzYtGbLP3-3_l0aBk4</t>
  </si>
  <si>
    <t>01/20/2020 13:45:20</t>
  </si>
  <si>
    <t>2a201913-54f9-48c9-a618-30428411ac29.tmp</t>
  </si>
  <si>
    <t>\\acsfs\profiles$\georgendsq\Downloads\2a201913-54f9-48c9-a618-30428411ac29.tmp</t>
  </si>
  <si>
    <t>01/20/2020 13:46:08</t>
  </si>
  <si>
    <t>3e48d55c-2f3c-44d4-affd-e0970a1d6390.tmp</t>
  </si>
  <si>
    <t>\\acsfs\profiles$\georgendsq\Downloads\3e48d55c-2f3c-44d4-affd-e0970a1d6390.tmp</t>
  </si>
  <si>
    <t>01/20/2020 13:46:56</t>
  </si>
  <si>
    <t>22e62d59-cd0c-4bb3-bc10-5d29ed777572.tmp</t>
  </si>
  <si>
    <t>\\acsfs\profiles$\georgendsq\Downloads\22e62d59-cd0c-4bb3-bc10-5d29ed777572.tmp</t>
  </si>
  <si>
    <t>01/20/2020 13:47:11</t>
  </si>
  <si>
    <t>f24d8c81-2a53-42f8-9fb4-6c9c6bebee1f.tmp</t>
  </si>
  <si>
    <t>\\acsfs\profiles$\georgendsq\Downloads\f24d8c81-2a53-42f8-9fb4-6c9c6bebee1f.tmp</t>
  </si>
  <si>
    <t>01/20/2020 13:47:27</t>
  </si>
  <si>
    <t>61938b29-a614-45fb-b379-c14e3c06310c.tmp</t>
  </si>
  <si>
    <t>\\acsfs\profiles$\georgendsq\Downloads\61938b29-a614-45fb-b379-c14e3c06310c.tmp</t>
  </si>
  <si>
    <t>01/20/2020 13:51:22</t>
  </si>
  <si>
    <t>01/20/2020 13:46:18</t>
  </si>
  <si>
    <t>e4f218cf-9fa5-42a8-8ca4-2daf772ad761.tmp</t>
  </si>
  <si>
    <t>\\acsfs\profiles$\PEDROHAB\Downloads\e4f218cf-9fa5-42a8-8ca4-2daf772ad761.tmp</t>
  </si>
  <si>
    <t>01/20/2020 13:49:52</t>
  </si>
  <si>
    <t>01/20/2020 13:52:23</t>
  </si>
  <si>
    <t>01/20/2020 13:48:57</t>
  </si>
  <si>
    <t>7d38c71e-16e2-4642-bce6-8abc64b6d8cc.tmp</t>
  </si>
  <si>
    <t>\\acsfs\profiles$\brendadsl\Downloads\7d38c71e-16e2-4642-bce6-8abc64b6d8cc.tmp</t>
  </si>
  <si>
    <t>01/20/2020 13:53:22</t>
  </si>
  <si>
    <t>01/20/2020 13:52:13</t>
  </si>
  <si>
    <t>01/20/2020 13:47:53</t>
  </si>
  <si>
    <t>01/20/2020 13:48:29</t>
  </si>
  <si>
    <t>01/20/2020 13:48:38</t>
  </si>
  <si>
    <t>01/20/2020 13:48:40</t>
  </si>
  <si>
    <t>01/20/2020 13:48:47</t>
  </si>
  <si>
    <t>01/20/2020 13:48:54</t>
  </si>
  <si>
    <t>01/20/2020 13:48:59</t>
  </si>
  <si>
    <t>01/20/2020 13:49:13</t>
  </si>
  <si>
    <t>01/20/2020 13:49:20</t>
  </si>
  <si>
    <t>01/20/2020 13:49:31</t>
  </si>
  <si>
    <t>01/20/2020 13:49:57</t>
  </si>
  <si>
    <t>01/20/2020 13:50:00</t>
  </si>
  <si>
    <t>01/20/2020 13:50:02</t>
  </si>
  <si>
    <t>01/20/2020 13:50:08</t>
  </si>
  <si>
    <t>01/20/2020 13:50:12</t>
  </si>
  <si>
    <t>01/20/2020 13:50:21</t>
  </si>
  <si>
    <t>01/20/2020 13:50:33</t>
  </si>
  <si>
    <t>01/20/2020 13:50:36</t>
  </si>
  <si>
    <t>01/20/2020 13:49:10</t>
  </si>
  <si>
    <t>01/20/2020 13:49:32</t>
  </si>
  <si>
    <t>https://andrelpsa@algartech.com,antoniocoj@algartech.com,joaogvc@algartech.com,josiascdsj@algartech.com,leonardoao@algartech.com,marianadjc@algartech.com,maristelavodq@bv.algartech.com,paulacn@algartech.com,qualidadealgarbv@algartech.com,supervisaobancovotorantim@algartech.com,taysdss@algartech.com,thiagolrc@bv.algartech.com</t>
  </si>
  <si>
    <t>01/20/2020 13:54:23</t>
  </si>
  <si>
    <t>01/20/2020 13:51:30</t>
  </si>
  <si>
    <t>4095079c-ebc1-4cf5-b212-1d9acaf66bc8.tmp</t>
  </si>
  <si>
    <t>\\acsfs\profiles$\gabrielamdp\Downloads\4095079c-ebc1-4cf5-b212-1d9acaf66bc8.tmp</t>
  </si>
  <si>
    <t>01/20/2020 13:51:32</t>
  </si>
  <si>
    <t>01/20/2020 13:55:22</t>
  </si>
  <si>
    <t>3b5fb475-9fcd-44f2-8319-c4152b1c080b.tmp</t>
  </si>
  <si>
    <t>\\acsfs\profiles$\wedersonbadr\My Documents\My Music\3b5fb475-9fcd-44f2-8319-c4152b1c080b.tmp</t>
  </si>
  <si>
    <t>01/20/2020 13:56:22</t>
  </si>
  <si>
    <t>01/20/2020 13:55:24</t>
  </si>
  <si>
    <t>9b6dfa1e-aa0f-4930-a69b-35979766abac.tmp</t>
  </si>
  <si>
    <t>\\acsfs\profiles$\edicarlosdl\Downloads\9b6dfa1e-aa0f-4930-a69b-35979766abac.tmp</t>
  </si>
  <si>
    <t>01/20/2020 13:55:28</t>
  </si>
  <si>
    <t>59a048a2-b2d6-486b-b8cd-f1391170a4ac.tmp</t>
  </si>
  <si>
    <t>\\acsfs\profiles$\edicarlosdl\Downloads\59a048a2-b2d6-486b-b8cd-f1391170a4ac.tmp</t>
  </si>
  <si>
    <t>01/20/2020 13:54:54</t>
  </si>
  <si>
    <t>9d0bb328-5c1b-48a1-8d63-8337d43110b8.tmp</t>
  </si>
  <si>
    <t>\\acsfs\profiles$\regisadsa\Downloads\9d0bb328-5c1b-48a1-8d63-8337d43110b8.tmp</t>
  </si>
  <si>
    <t>01/20/2020 13:56:01</t>
  </si>
  <si>
    <t>9810ef68-21ab-4ae8-99fa-5ff6de96d056.tmp</t>
  </si>
  <si>
    <t>\\acsfs\profiles$\regisadsa\Downloads\9810ef68-21ab-4ae8-99fa-5ff6de96d056.tmp</t>
  </si>
  <si>
    <t>01/20/2020 13:57:22</t>
  </si>
  <si>
    <t>01/20/2020 13:55:01</t>
  </si>
  <si>
    <t>bc27fde2-f145-419d-8cd2-cd1938a46e87.tmp</t>
  </si>
  <si>
    <t>\\acsfs\profiles$\brendadsl\Downloads\bc27fde2-f145-419d-8cd2-cd1938a46e87.tmp</t>
  </si>
  <si>
    <t>01/20/2020 13:54:22</t>
  </si>
  <si>
    <t>01/20/2020 13:58:22</t>
  </si>
  <si>
    <t>01/20/2020 13:56:45</t>
  </si>
  <si>
    <t>01/20/2020 13:55:11</t>
  </si>
  <si>
    <t>01/20/2020 13:56:12</t>
  </si>
  <si>
    <t>01/20/2020 13:56:17</t>
  </si>
  <si>
    <t>01/20/2020 13:56:20</t>
  </si>
  <si>
    <t>01/20/2020 13:56:53</t>
  </si>
  <si>
    <t>antoniocoj@algartech.com;joaogvc@algartech.com;leonardoao@algartech.com;marianadjc@algartech.com;paulacn@algartech.com;planejamentodeoperacoesetrafego@bv.com.br;rafaelggs@algartech.com;raphaelmco@algartech.com.br;ricardodfm@algartech.com.br;taysdss@algartech.com;thiagordu@algartech.com;viniciussg@algartech.com;</t>
  </si>
  <si>
    <t>antoniocoj@algartech.com,joaogvc@algartech.com,leonardoao@algartech.com,marianadjc@algartech.com,paulacn@algartech.com,planejamentodeoperacoesetrafego@bv.com.br,rafaelggs@algartech.com,raphaelmco@algartech.com.br,ricardodfm@algartech.com.br,taysdss@algartech.com,thiagordu@algartech.com,viniciussg@algartech.com</t>
  </si>
  <si>
    <t>01/20/2020 13:57:10</t>
  </si>
  <si>
    <t>01/20/2020 13:57:29</t>
  </si>
  <si>
    <t>01/20/2020 13:57:41</t>
  </si>
  <si>
    <t>01/20/2020 13:57:44</t>
  </si>
  <si>
    <t>01/20/2020 13:54:34</t>
  </si>
  <si>
    <t>01/20/2020 13:55:20</t>
  </si>
  <si>
    <t>\\udpavonfs01\AVON\00 - ACOMPANHAMENTO AVON\04 - BACKOFFICE CORNERSTONE\2020\01.2020\RELATORIO\17.01.2020\Acompanhamento Backoffice Cornerstone JAN.20.xlsx</t>
  </si>
  <si>
    <t>01/20/2020 13:58:03</t>
  </si>
  <si>
    <t>01/20/2020 13:59:22</t>
  </si>
  <si>
    <t>7b1c7c20-3217-4eb6-991e-e150b44cb3d6.tmp</t>
  </si>
  <si>
    <t>\\acsfs\profiles$\gabrielamdp\Downloads\7b1c7c20-3217-4eb6-991e-e150b44cb3d6.tmp</t>
  </si>
  <si>
    <t>01/20/2020 14:01:22</t>
  </si>
  <si>
    <t>01/20/2020 13:56:24</t>
  </si>
  <si>
    <t>96c1cee5-304b-4484-a3c9-95fe4dd72052.tmp</t>
  </si>
  <si>
    <t>\\acsfs\profiles$\regisadsa\Downloads\96c1cee5-304b-4484-a3c9-95fe4dd72052.tmp</t>
  </si>
  <si>
    <t>01/20/2020 13:57:31</t>
  </si>
  <si>
    <t>f9b8d524-868e-4b56-a16a-3e3ba4d3fa4e.tmp</t>
  </si>
  <si>
    <t>\\acsfs\profiles$\regisadsa\Downloads\f9b8d524-868e-4b56-a16a-3e3ba4d3fa4e.tmp</t>
  </si>
  <si>
    <t>01/20/2020 13:59:53</t>
  </si>
  <si>
    <t>\\acsfs\profiles$\matheusmax\My Documents\My Pictures\</t>
  </si>
  <si>
    <t>\\acsfs\profiles$\matheusmax\My Documents\My Videos\desktop.ini</t>
  </si>
  <si>
    <t>01/20/2020 13:59:55</t>
  </si>
  <si>
    <t>\\acsfs\profiles$\matheusmax\My Documents\My Videos\</t>
  </si>
  <si>
    <t>01/20/2020 13:59:57</t>
  </si>
  <si>
    <t>01/20/2020 13:59:59</t>
  </si>
  <si>
    <t>01/20/2020 14:00:00</t>
  </si>
  <si>
    <t>01/20/2020 14:00:02</t>
  </si>
  <si>
    <t>\\acsfs\profiles$\matheusmax\My Documents\My Music\</t>
  </si>
  <si>
    <t>\\acsfs\profiles$\matheusmax\My Documents\My Pictures\desktop.ini</t>
  </si>
  <si>
    <t>01/20/2020 14:00:04</t>
  </si>
  <si>
    <t>01/20/2020 14:00:05</t>
  </si>
  <si>
    <t>01/20/2020 14:00:06</t>
  </si>
  <si>
    <t>01/20/2020 14:00:07</t>
  </si>
  <si>
    <t>01/20/2020 14:00:09</t>
  </si>
  <si>
    <t>\\acsfs\profiles$\matheusmax\Contacts\</t>
  </si>
  <si>
    <t>\\acsfs\profiles$\matheusmax\Contacts\desktop.ini</t>
  </si>
  <si>
    <t>01/20/2020 14:00:11</t>
  </si>
  <si>
    <t>01/20/2020 14:00:12</t>
  </si>
  <si>
    <t>01/20/2020 14:00:13</t>
  </si>
  <si>
    <t>01/20/2020 14:00:15</t>
  </si>
  <si>
    <t>01/20/2020 14:00:16</t>
  </si>
  <si>
    <t>01/20/2020 14:00:17</t>
  </si>
  <si>
    <t>\\acsfs\profiles$\matheusmax\My Documents\</t>
  </si>
  <si>
    <t>\\acsfs\profiles$\matheusmax\Favorites\desktop.ini</t>
  </si>
  <si>
    <t>01/20/2020 14:00:18</t>
  </si>
  <si>
    <t>01/20/2020 14:00:20</t>
  </si>
  <si>
    <t>01/20/2020 14:00:21</t>
  </si>
  <si>
    <t>01/20/2020 14:00:24</t>
  </si>
  <si>
    <t>01/20/2020 14:00:25</t>
  </si>
  <si>
    <t>01/20/2020 14:00:26</t>
  </si>
  <si>
    <t>01/20/2020 14:00:27</t>
  </si>
  <si>
    <t>\\acsfs\profiles$\matheusmax\My Documents\My Music\desktop.ini</t>
  </si>
  <si>
    <t>01/20/2020 14:00:30</t>
  </si>
  <si>
    <t>01/20/2020 14:00:31</t>
  </si>
  <si>
    <t>01/20/2020 14:00:32</t>
  </si>
  <si>
    <t>01/20/2020 14:00:33</t>
  </si>
  <si>
    <t>01/20/2020 14:00:35</t>
  </si>
  <si>
    <t>\\acsfs\profiles$\matheusmax\Searches\</t>
  </si>
  <si>
    <t>\\acsfs\profiles$\matheusmax\Searches\desktop.ini</t>
  </si>
  <si>
    <t>01/20/2020 14:00:37</t>
  </si>
  <si>
    <t>01/20/2020 14:00:38</t>
  </si>
  <si>
    <t>01/20/2020 14:00:40</t>
  </si>
  <si>
    <t>01/20/2020 14:00:41</t>
  </si>
  <si>
    <t>01/20/2020 14:00:43</t>
  </si>
  <si>
    <t>\\acsfs\profiles$\matheusmax\Downloads\desktop.ini</t>
  </si>
  <si>
    <t>01/20/2020 14:00:45</t>
  </si>
  <si>
    <t>01/20/2020 14:00:47</t>
  </si>
  <si>
    <t>\\acsfs\profiles$\matheusmax\Favorites\</t>
  </si>
  <si>
    <t>\\acsfs\profiles$\matheusmax\My Documents\desktop.ini</t>
  </si>
  <si>
    <t>01/20/2020 14:00:48</t>
  </si>
  <si>
    <t>01/20/2020 14:00:50</t>
  </si>
  <si>
    <t>01/20/2020 14:00:51</t>
  </si>
  <si>
    <t>01/20/2020 14:00:53</t>
  </si>
  <si>
    <t>01/20/2020 14:00:54</t>
  </si>
  <si>
    <t>01/20/2020 14:00:56</t>
  </si>
  <si>
    <t>\\acsfs\profiles$\matheusmax\Saved Games\desktop.ini</t>
  </si>
  <si>
    <t>01/20/2020 14:00:58</t>
  </si>
  <si>
    <t>01/20/2020 14:01:13</t>
  </si>
  <si>
    <t>winrt--{S-1-5-21-602162358-764733703-839522115-347219}-.searchconnector-ms</t>
  </si>
  <si>
    <t>\\acsfs\profiles$\matheusmax\Searches\winrt--{S-1-5-21-602162358-764733703-839522115-347219}-.searchconnector-ms</t>
  </si>
  <si>
    <t>01/20/2020 13:58:57</t>
  </si>
  <si>
    <t>Sistemas -.txt</t>
  </si>
  <si>
    <t>\\acsfs\profiles$\larissaad\My Documents\Sistemas -.txt</t>
  </si>
  <si>
    <t>01/20/2020 14:02:23</t>
  </si>
  <si>
    <t>01/20/2020 13:58:49</t>
  </si>
  <si>
    <t>9fb7fcde-8fe2-4495-bca2-212ad0bc5ab8.tmp</t>
  </si>
  <si>
    <t>\\acsfs\profiles$\rafaelacdoc\Downloads\9fb7fcde-8fe2-4495-bca2-212ad0bc5ab8.tmp</t>
  </si>
  <si>
    <t>01/20/2020 14:03:22</t>
  </si>
  <si>
    <t>01/20/2020 13:58:05</t>
  </si>
  <si>
    <t>01/20/2020 13:58:12</t>
  </si>
  <si>
    <t>01/20/2020 13:58:26</t>
  </si>
  <si>
    <t>01/20/2020 13:58:38</t>
  </si>
  <si>
    <t>01/20/2020 13:58:40</t>
  </si>
  <si>
    <t>01/20/2020 13:58:45</t>
  </si>
  <si>
    <t>01/20/2020 13:58:52</t>
  </si>
  <si>
    <t>01/20/2020 13:59:06</t>
  </si>
  <si>
    <t>01/20/2020 13:59:10</t>
  </si>
  <si>
    <t>01/20/2020 13:59:20</t>
  </si>
  <si>
    <t>01/20/2020 13:59:47</t>
  </si>
  <si>
    <t>01/20/2020 13:59:54</t>
  </si>
  <si>
    <t>01/20/2020 14:00:28</t>
  </si>
  <si>
    <t>01/20/2020 14:00:59</t>
  </si>
  <si>
    <t>01/20/2020 14:01:04</t>
  </si>
  <si>
    <t>01/20/2020 14:02:50</t>
  </si>
  <si>
    <t>01/20/2020 14:04:23</t>
  </si>
  <si>
    <t>ef087f7e-e5c8-44da-bf76-5a1e58a0623b.tmp</t>
  </si>
  <si>
    <t>\\acsfs\profiles$\luanarda\Downloads\ef087f7e-e5c8-44da-bf76-5a1e58a0623b.tmp</t>
  </si>
  <si>
    <t>01/20/2020 14:01:18</t>
  </si>
  <si>
    <t>22b2f704-aef6-42ca-9b79-c757e5140c63.tmp</t>
  </si>
  <si>
    <t>\\acsfs\profiles$\milenaas\Downloads\22b2f704-aef6-42ca-9b79-c757e5140c63.tmp</t>
  </si>
  <si>
    <t>01/20/2020 14:05:22</t>
  </si>
  <si>
    <t>01/20/2020 14:00:42</t>
  </si>
  <si>
    <t>01/20/2020 14:00:44</t>
  </si>
  <si>
    <t>01/20/2020 14:00:49</t>
  </si>
  <si>
    <t>01/20/2020 14:00:55</t>
  </si>
  <si>
    <t>01/20/2020 14:01:01</t>
  </si>
  <si>
    <t>01/20/2020 14:01:02</t>
  </si>
  <si>
    <t>01/20/2020 14:01:03</t>
  </si>
  <si>
    <t>01/20/2020 14:01:05</t>
  </si>
  <si>
    <t>01/20/2020 14:01:07</t>
  </si>
  <si>
    <t>01/20/2020 14:01:10</t>
  </si>
  <si>
    <t>01/20/2020 14:01:14</t>
  </si>
  <si>
    <t>01/20/2020 14:01:16</t>
  </si>
  <si>
    <t>01/20/2020 14:01:17</t>
  </si>
  <si>
    <t>01/20/2020 14:01:19</t>
  </si>
  <si>
    <t>01/20/2020 14:01:21</t>
  </si>
  <si>
    <t>01/20/2020 14:01:23</t>
  </si>
  <si>
    <t>01/20/2020 14:01:25</t>
  </si>
  <si>
    <t>01/20/2020 14:01:27</t>
  </si>
  <si>
    <t>01/20/2020 14:01:28</t>
  </si>
  <si>
    <t>01/20/2020 14:01:29</t>
  </si>
  <si>
    <t>01/20/2020 14:01:30</t>
  </si>
  <si>
    <t>01/20/2020 14:01:31</t>
  </si>
  <si>
    <t>01/20/2020 14:01:32</t>
  </si>
  <si>
    <t>01/20/2020 14:03:26</t>
  </si>
  <si>
    <t>fed228c7-9264-4549-b207-7f2462555eac.tmp</t>
  </si>
  <si>
    <t>\\acsfs\profiles$\joycemmdl\Downloads\fed228c7-9264-4549-b207-7f2462555eac.tmp</t>
  </si>
  <si>
    <t>01/20/2020 14:04:35</t>
  </si>
  <si>
    <t>c:\users\adilsonloj\desktop\medidas disciplinares\</t>
  </si>
  <si>
    <t>formulário - aviso de suspensão disciplinar falta valeria.doc</t>
  </si>
  <si>
    <t>01/20/2020 14:06:23</t>
  </si>
  <si>
    <t>Luiza Beth Rodrigues da Costa.pdf</t>
  </si>
  <si>
    <t>\\acsfs\Deptos\EDUCACAO EMPRESARIAL\FERNANDA MONIT\Luiza Beth Rodrigues da Costa.pdf</t>
  </si>
  <si>
    <t>01/20/2020 14:03:28</t>
  </si>
  <si>
    <t>3215440c-c90e-4b9a-87e0-c57542af1928.tmp</t>
  </si>
  <si>
    <t>\\acsfs\profiles$\matheusmax\Downloads\3215440c-c90e-4b9a-87e0-c57542af1928.tmp</t>
  </si>
  <si>
    <t>01/20/2020 14:05:29</t>
  </si>
  <si>
    <t>Unconfirmed 72520.crdownload</t>
  </si>
  <si>
    <t>\\acsfs\profiles$\matheusmax\Downloads\Unconfirmed 72520.crdownload</t>
  </si>
  <si>
    <t>01/20/2020 14:05:57</t>
  </si>
  <si>
    <t>7c8da041-c3cc-4f5c-aa0d-afbfaec9d2f6.tmp</t>
  </si>
  <si>
    <t>\\acsfs\profiles$\matheusmax\Downloads\7c8da041-c3cc-4f5c-aa0d-afbfaec9d2f6.tmp</t>
  </si>
  <si>
    <t>01/20/2020 14:07:22</t>
  </si>
  <si>
    <t>01/20/2020 14:06:34</t>
  </si>
  <si>
    <t>01/20/2020 14:08:23</t>
  </si>
  <si>
    <t>9f92e410-dd5a-43a1-9eb7-a57a0b7333e4.tmp</t>
  </si>
  <si>
    <t>\\acsfs\profiles$\jessicafc\Downloads\9f92e410-dd5a-43a1-9eb7-a57a0b7333e4.tmp</t>
  </si>
  <si>
    <t>01/20/2020 14:07:47</t>
  </si>
  <si>
    <t>01/20/2020 14:04:50</t>
  </si>
  <si>
    <t>01/20/2020 14:08:02</t>
  </si>
  <si>
    <t>01/20/2020 14:05:41</t>
  </si>
  <si>
    <t>11f58d0c-6695-4ac0-bf4b-4391d4785ee2.tmp</t>
  </si>
  <si>
    <t>\\acsfs\profiles$\adelvinsonle\Downloads\11f58d0c-6695-4ac0-bf4b-4391d4785ee2.tmp</t>
  </si>
  <si>
    <t>01/20/2020 14:07:48</t>
  </si>
  <si>
    <t>01/20/2020 14:09:22</t>
  </si>
  <si>
    <t>01/20/2020 14:08:53</t>
  </si>
  <si>
    <t>01/20/2020 14:06:36</t>
  </si>
  <si>
    <t>01/20/2020 14:05:12</t>
  </si>
  <si>
    <t>01/20/2020 14:10:23</t>
  </si>
  <si>
    <t>Não confirmado 828787.crdownload</t>
  </si>
  <si>
    <t>\\acsfs\profiles$\joycemmdl\Downloads\Não confirmado 828787.crdownload</t>
  </si>
  <si>
    <t>ea50040c-3d6c-4be7-86de-a53e840f2a15.tmp</t>
  </si>
  <si>
    <t>\\acsfs\profiles$\joycemmdl\Downloads\ea50040c-3d6c-4be7-86de-a53e840f2a15.tmp</t>
  </si>
  <si>
    <t>01/20/2020 14:07:43</t>
  </si>
  <si>
    <t>b8a56dc5-6cf0-467e-8d41-174994f64440.tmp</t>
  </si>
  <si>
    <t>\\acsfs\profiles$\joycemmdl\Downloads\b8a56dc5-6cf0-467e-8d41-174994f64440.tmp</t>
  </si>
  <si>
    <t>f5f621df-7b5f-4271-88e5-028cc39c0ea9.tmp</t>
  </si>
  <si>
    <t>\\acsfs\profiles$\joycemmdl\Downloads\f5f621df-7b5f-4271-88e5-028cc39c0ea9.tmp</t>
  </si>
  <si>
    <t>01/20/2020 14:11:22</t>
  </si>
  <si>
    <t>01/20/2020 14:06:11</t>
  </si>
  <si>
    <t>01/20/2020 14:07:20</t>
  </si>
  <si>
    <t>de1987f6-fa39-4a0e-be42-a33337fa409a.tmp</t>
  </si>
  <si>
    <t>\\acsfs\profiles$\edicarlosdl\Downloads\de1987f6-fa39-4a0e-be42-a33337fa409a.tmp</t>
  </si>
  <si>
    <t>01/20/2020 14:07:07</t>
  </si>
  <si>
    <t>https://udpmailboxap01.acs.com.br:8443/h/search?si=0&amp;so=0&amp;sc=79101&amp;sfi=2&amp;st=conversation&amp;action=compose</t>
  </si>
  <si>
    <t>gabrielbmdl@bv.algartech.com;</t>
  </si>
  <si>
    <t>https://gabrielbmdl@bv.algartech.com</t>
  </si>
  <si>
    <t>01/20/2020 14:06:33</t>
  </si>
  <si>
    <t>4acf85ab-120c-43da-9212-b1234defa573.tmp</t>
  </si>
  <si>
    <t>\\acsfs\profiles$\gabrielhca\Downloads\4acf85ab-120c-43da-9212-b1234defa573.tmp</t>
  </si>
  <si>
    <t>01/20/2020 14:09:17</t>
  </si>
  <si>
    <t>01/20/2020 14:09:30</t>
  </si>
  <si>
    <t>01/20/2020 14:06:57</t>
  </si>
  <si>
    <t>8609d3d5-232b-4580-825a-6a53432be3f3.tmp</t>
  </si>
  <si>
    <t>\\acsfs\profiles$\matheusmax\Downloads\8609d3d5-232b-4580-825a-6a53432be3f3.tmp</t>
  </si>
  <si>
    <t>01/20/2020 14:06:31</t>
  </si>
  <si>
    <t>01/20/2020 14:06:40</t>
  </si>
  <si>
    <t>01/20/2020 14:12:23</t>
  </si>
  <si>
    <t>01/20/2020 14:09:13</t>
  </si>
  <si>
    <t>d7bdc569-f419-401d-9874-c8f78e522a29.tmp</t>
  </si>
  <si>
    <t>\\acsfs\profiles$\LAISLG\Downloads\d7bdc569-f419-401d-9874-c8f78e522a29.tmp</t>
  </si>
  <si>
    <t>01/20/2020 14:10:33</t>
  </si>
  <si>
    <t>abe4c203-222a-4b1a-886d-52a57e4e55c1.tmp</t>
  </si>
  <si>
    <t>\\acsfs\profiles$\LAISLG\Downloads\abe4c203-222a-4b1a-886d-52a57e4e55c1.tmp</t>
  </si>
  <si>
    <t>01/20/2020 14:11:43</t>
  </si>
  <si>
    <t>01/20/2020 14:10:24</t>
  </si>
  <si>
    <t>01/20/2020 14:13:22</t>
  </si>
  <si>
    <t>01/20/2020 14:10:42</t>
  </si>
  <si>
    <t>01/20/2020 14:09:41</t>
  </si>
  <si>
    <t>9070dd91-ff57-49e6-9184-e9dc4e69ec35.tmp</t>
  </si>
  <si>
    <t>\\acsfs\profiles$\Flaviojmm\Downloads\9070dd91-ff57-49e6-9184-e9dc4e69ec35.tmp</t>
  </si>
  <si>
    <t>01/20/2020 14:08:07</t>
  </si>
  <si>
    <t>01/20/2020 14:08:20</t>
  </si>
  <si>
    <t>01/20/2020 14:08:27</t>
  </si>
  <si>
    <t>01/20/2020 14:08:34</t>
  </si>
  <si>
    <t>01/20/2020 14:08:45</t>
  </si>
  <si>
    <t>01/20/2020 14:08:58</t>
  </si>
  <si>
    <t>01/20/2020 14:09:18</t>
  </si>
  <si>
    <t>01/20/2020 14:09:33</t>
  </si>
  <si>
    <t>01/20/2020 14:09:49</t>
  </si>
  <si>
    <t>01/20/2020 14:09:57</t>
  </si>
  <si>
    <t>01/20/2020 14:10:09</t>
  </si>
  <si>
    <t>01/20/2020 14:10:12</t>
  </si>
  <si>
    <t>01/20/2020 14:10:21</t>
  </si>
  <si>
    <t>01/20/2020 14:10:30</t>
  </si>
  <si>
    <t>01/20/2020 14:10:45</t>
  </si>
  <si>
    <t>01/20/2020 14:10:49</t>
  </si>
  <si>
    <t>01/20/2020 14:10:52</t>
  </si>
  <si>
    <t>01/20/2020 14:10:58</t>
  </si>
  <si>
    <t>01/20/2020 14:11:01</t>
  </si>
  <si>
    <t>01/20/2020 14:11:05</t>
  </si>
  <si>
    <t>01/20/2020 14:11:12</t>
  </si>
  <si>
    <t>01/20/2020 14:11:23</t>
  </si>
  <si>
    <t>01/20/2020 14:11:36</t>
  </si>
  <si>
    <t>01/20/2020 14:11:46</t>
  </si>
  <si>
    <t>01/20/2020 14:11:49</t>
  </si>
  <si>
    <t>01/20/2020 14:11:54</t>
  </si>
  <si>
    <t>01/20/2020 14:12:00</t>
  </si>
  <si>
    <t>01/20/2020 14:12:11</t>
  </si>
  <si>
    <t>01/20/2020 14:12:17</t>
  </si>
  <si>
    <t>01/20/2020 14:12:27</t>
  </si>
  <si>
    <t>01/20/2020 14:12:35</t>
  </si>
  <si>
    <t>01/20/2020 14:12:39</t>
  </si>
  <si>
    <t>01/20/2020 14:12:44</t>
  </si>
  <si>
    <t>01/20/2020 14:12:50</t>
  </si>
  <si>
    <t>01/20/2020 14:12:54</t>
  </si>
  <si>
    <t>01/20/2020 14:13:04</t>
  </si>
  <si>
    <t>Pausas - CARTÕES - Cópia.xlsb</t>
  </si>
  <si>
    <t>\\acsfs\DEPTOS\Operacao\PCP\5 - Comum\PLANEJAMENTO BV\14 - ACOMPANHAMENTO\1 - REPORT ACOMPANHAMENTO\2020\1 - JANEIRO\CARTÕES\Pausas CARTÕES\Pausas - CARTÕES - Cópia.xlsb</t>
  </si>
  <si>
    <t>01/20/2020 14:14:23</t>
  </si>
  <si>
    <t>7346ea0b-da74-4826-8214-531332ca99cf.tmp</t>
  </si>
  <si>
    <t>\\acsfs\profiles$\gabrielamdp\Downloads\7346ea0b-da74-4826-8214-531332ca99cf.tmp</t>
  </si>
  <si>
    <t>01/20/2020 14:11:31</t>
  </si>
  <si>
    <t>01/20/2020 14:13:23</t>
  </si>
  <si>
    <t>01/20/2020 14:15:22</t>
  </si>
  <si>
    <t>3c482bbe-20b8-4c47-8cd4-2f83938e52c9.tmp</t>
  </si>
  <si>
    <t>\\acsfs\profiles$\victorgl\Downloads\3c482bbe-20b8-4c47-8cd4-2f83938e52c9.tmp</t>
  </si>
  <si>
    <t>01/20/2020 14:13:34</t>
  </si>
  <si>
    <t>daf7ba32-6c67-4869-8b6b-926b747b7338.tmp</t>
  </si>
  <si>
    <t>\\acsfs\profiles$\victorgl\Downloads\daf7ba32-6c67-4869-8b6b-926b747b7338.tmp</t>
  </si>
  <si>
    <t>01/20/2020 14:10:31</t>
  </si>
  <si>
    <t>01/20/2020 14:11:16</t>
  </si>
  <si>
    <t>01/20/2020 14:16:23</t>
  </si>
  <si>
    <t>01/20/2020 14:14:45</t>
  </si>
  <si>
    <t>01/20/2020 14:12:24</t>
  </si>
  <si>
    <t>d91e91cc-a70c-4eff-bef0-406416294e65.tmp</t>
  </si>
  <si>
    <t>\\acsfs\profiles$\larissaad\Downloads\d91e91cc-a70c-4eff-bef0-406416294e65.tmp</t>
  </si>
  <si>
    <t>01/20/2020 14:17:22</t>
  </si>
  <si>
    <t>01/20/2020 14:17:01</t>
  </si>
  <si>
    <t>44e98b1f-d256-4298-bd9f-533da9388724.tmp</t>
  </si>
  <si>
    <t>\\acsfs\profiles$\regisedsj\Downloads\44e98b1f-d256-4298-bd9f-533da9388724.tmp</t>
  </si>
  <si>
    <t>01/20/2020 14:18:23</t>
  </si>
  <si>
    <t>01/20/2020 14:16:01</t>
  </si>
  <si>
    <t>\\udpavonfs01\AVON\00 - ACOMPANHAMENTO AVON\04 - BACKOFFICE CORNERSTONE\2020\01.2020\RELATORIO\17.01.2020\</t>
  </si>
  <si>
    <t>01/20/2020 14:14:34</t>
  </si>
  <si>
    <t>Pausas - CARTÕES - Enviar.xlsb</t>
  </si>
  <si>
    <t>\\acsfs\DEPTOS\Operacao\PCP\5 - Comum\PLANEJAMENTO BV\14 - ACOMPANHAMENTO\1 - REPORT ACOMPANHAMENTO\2020\1 - JANEIRO\CARTÕES\Pausas CARTÕES\Pausas - CARTÕES - Enviar.xlsb</t>
  </si>
  <si>
    <t>01/20/2020 14:14:40</t>
  </si>
  <si>
    <t>mail.google.com/_/upload?authuser=0&amp;dcp=asu-n&amp;upload_id=AEnB2UoEcZT2Zb97qTGu-sSuyVloxFx2__vDagg7cDhJ7IuGWQTgUgeS9Tat836WymkJIHybzO_5Fi_Yw60vBik8b2Kyt_aXlbS6cRhsdMvMQo5hmR7ICBY&amp;upload_protocol=resumable</t>
  </si>
  <si>
    <t>01/20/2020 14:14:43</t>
  </si>
  <si>
    <t>01/20/2020 14:14:50</t>
  </si>
  <si>
    <t>01/20/2020 14:14:55</t>
  </si>
  <si>
    <t>01/20/2020 14:15:06</t>
  </si>
  <si>
    <t>antoniocoj@algartech.com;joaogvc@algartech.com;leonardoao@algartech.com;marianadjc@algartech.com;paulacn@algartech.com;planejamentodeoperacoesetrafego@bv.com.br;rafaelggs@algartech.com;raphaelmco@algartech.com.br;ricardodfm@algartech.com.br;sofiamses@algartech.com;taysdss@algartech.com;thiagordu@algartech.com;viniciussg@algartech.com;</t>
  </si>
  <si>
    <t>antoniocoj@algartech.com,joaogvc@algartech.com,leonardoao@algartech.com,marianadjc@algartech.com,paulacn@algartech.com,planejamentodeoperacoesetrafego@bv.com.br,rafaelggs@algartech.com,raphaelmco@algartech.com.br,ricardodfm@algartech.com.br,sofiamses@algartech.com,taysdss@algartech.com,thiagordu@algartech.com,viniciussg@algartech.com</t>
  </si>
  <si>
    <t>01/20/2020 14:19:22</t>
  </si>
  <si>
    <t>01/20/2020 14:17:33</t>
  </si>
  <si>
    <t>01/20/2020 14:15:11</t>
  </si>
  <si>
    <t>01/20/2020 14:20:22</t>
  </si>
  <si>
    <t>5c6eaeeb-d7fe-4ff1-ae7c-471c8b5da5e4.tmp</t>
  </si>
  <si>
    <t>\\acsfs\profiles$\victorgl\Downloads\5c6eaeeb-d7fe-4ff1-ae7c-471c8b5da5e4.tmp</t>
  </si>
  <si>
    <t>01/20/2020 14:17:34</t>
  </si>
  <si>
    <t>Dimensionamento_Janeiro Financeira_3ºCiclo (1).xlsx</t>
  </si>
  <si>
    <t>\\acsfs\DEPTOS\Operacao\Banco_Votorantim\Qualidade\Anderson\Dimensionamento Elii kk\Dimensionamento_Janeiro Financeira_3ºCiclo (1).xlsx</t>
  </si>
  <si>
    <t>\\acsfs\DEPTOS\Operacao\Banco_Votorantim\Qualidade\Anderson\Dimensionamento Elii kk\Dimensionamento_Janeiro Financeira_3ºCiclo (1).xlsx\</t>
  </si>
  <si>
    <t>\\acsfs\DEPTOS\Operacao\Banco_Votorantim\Qualidade\Anderson\Dimensionamento Elii kk\Dimensionamento_Janeiro Financeira_3ºCiclo (1).xlsx\:Zone.Identifier:$DATA</t>
  </si>
  <si>
    <t>01/20/2020 14:21:23</t>
  </si>
  <si>
    <t>01/20/2020 14:17:46</t>
  </si>
  <si>
    <t>01/20/2020 14:17:47</t>
  </si>
  <si>
    <t>01/20/2020 14:18:13</t>
  </si>
  <si>
    <t>01/20/2020 14:19:19</t>
  </si>
  <si>
    <t>01/20/2020 14:17:21</t>
  </si>
  <si>
    <t>01/20/2020 14:17:30</t>
  </si>
  <si>
    <t>01/20/2020 14:17:48</t>
  </si>
  <si>
    <t>kesiadof@algartech.com;lilianls@algartech.com;talmaiardo@algartech.com;</t>
  </si>
  <si>
    <t>kesiadof@algartech.com,lilianls@algartech.com,talmaiardo@algartech.com</t>
  </si>
  <si>
    <t>01/20/2020 14:18:17</t>
  </si>
  <si>
    <t>01/20/2020 14:18:19</t>
  </si>
  <si>
    <t>01/20/2020 14:18:43</t>
  </si>
  <si>
    <t>01/20/2020 14:18:58</t>
  </si>
  <si>
    <t>01/20/2020 14:19:00</t>
  </si>
  <si>
    <t>01/20/2020 14:22:22</t>
  </si>
  <si>
    <t>01/20/2020 14:17:13</t>
  </si>
  <si>
    <t>01/20/2020 14:17:43</t>
  </si>
  <si>
    <t>01/20/2020 14:18:02</t>
  </si>
  <si>
    <t>01/20/2020 14:23:23</t>
  </si>
  <si>
    <t>01/20/2020 14:20:20</t>
  </si>
  <si>
    <t>Karen Jane Santos Silva (24).contact</t>
  </si>
  <si>
    <t>\\acsfs\profiles$\KARENJSS\Contacts\Karen Jane Santos Silva (24).contact</t>
  </si>
  <si>
    <t>01/20/2020 14:20:31</t>
  </si>
  <si>
    <t>01/20/2020 14:20:32</t>
  </si>
  <si>
    <t>01/20/2020 14:20:33</t>
  </si>
  <si>
    <t>01/20/2020 14:20:34</t>
  </si>
  <si>
    <t>01/20/2020 14:20:35</t>
  </si>
  <si>
    <t>01/20/2020 14:20:36</t>
  </si>
  <si>
    <t>01/20/2020 14:20:37</t>
  </si>
  <si>
    <t>01/20/2020 14:20:38</t>
  </si>
  <si>
    <t>01/20/2020 14:20:57</t>
  </si>
  <si>
    <t>01/20/2020 14:20:58</t>
  </si>
  <si>
    <t>01/20/2020 14:20:59</t>
  </si>
  <si>
    <t>01/20/2020 14:21:00</t>
  </si>
  <si>
    <t>01/20/2020 14:24:23</t>
  </si>
  <si>
    <t>01/20/2020 14:21:55</t>
  </si>
  <si>
    <t>16ff0ba5-3525-4d41-982c-90460293104b.tmp</t>
  </si>
  <si>
    <t>\\acsfs\profiles$\philipegsf\Downloads\16ff0ba5-3525-4d41-982c-90460293104b.tmp</t>
  </si>
  <si>
    <t>01/20/2020 14:23:40</t>
  </si>
  <si>
    <t>3e2f421d-fdb2-4686-8b85-c9051fb5a767.tmp</t>
  </si>
  <si>
    <t>\\acsfs\profiles$\philipegsf\Downloads\3e2f421d-fdb2-4686-8b85-c9051fb5a767.tmp</t>
  </si>
  <si>
    <t>01/20/2020 14:22:36</t>
  </si>
  <si>
    <t>01/20/2020 14:26:23</t>
  </si>
  <si>
    <t>01/20/2020 14:22:42</t>
  </si>
  <si>
    <t>01/20/2020 14:27:23</t>
  </si>
  <si>
    <t>01/20/2020 14:24:13</t>
  </si>
  <si>
    <t>01/20/2020 14:28:23</t>
  </si>
  <si>
    <t>01/20/2020 14:27:47</t>
  </si>
  <si>
    <t>XLOG_maxmillianosv_13012020_170259.log</t>
  </si>
  <si>
    <t>\\acsfs\profiles$\maxmillianosv\My Documents\xworkcenter\logs\XLOG_maxmillianosv_13012020_170259.log</t>
  </si>
  <si>
    <t>\\acsfs\profiles$\maxmillianosv\My Documents\dbxwc\</t>
  </si>
  <si>
    <t>\\acsfs\profiles$\maxmillianosv\My Documents\dbxwc\dbxwc.xwc</t>
  </si>
  <si>
    <t>\\acsfs\profiles$\maxmillianosv\My Documents\xworkcenter\logs\wrapper.log</t>
  </si>
  <si>
    <t>01/20/2020 14:27:51</t>
  </si>
  <si>
    <t>\\acsfs\profiles$\maxmillianosv\My Documents\</t>
  </si>
  <si>
    <t>scripts.txt</t>
  </si>
  <si>
    <t>\\acsfs\profiles$\maxmillianosv\My Documents\scripts.txt</t>
  </si>
  <si>
    <t>01/20/2020 14:23:19</t>
  </si>
  <si>
    <t>cae0d3dc-d806-468c-9458-bbea938e0089.tmp</t>
  </si>
  <si>
    <t>\\acsfs\profiles$\KARENJSS\Downloads\cae0d3dc-d806-468c-9458-bbea938e0089.tmp</t>
  </si>
  <si>
    <t>01/20/2020 14:24:25</t>
  </si>
  <si>
    <t>7956537e-e6a7-4f9d-9028-969d9e9356f1.tmp</t>
  </si>
  <si>
    <t>\\acsfs\profiles$\KARENJSS\Downloads\7956537e-e6a7-4f9d-9028-969d9e9356f1.tmp</t>
  </si>
  <si>
    <t>01/20/2020 14:25:16</t>
  </si>
  <si>
    <t>8325854e-a140-4811-908c-54f236722127.tmp</t>
  </si>
  <si>
    <t>\\acsfs\profiles$\KARENJSS\Downloads\8325854e-a140-4811-908c-54f236722127.tmp</t>
  </si>
  <si>
    <t>01/20/2020 14:25:22</t>
  </si>
  <si>
    <t>8c0abb25-e050-46c6-b420-dfcbf17dba39.tmp</t>
  </si>
  <si>
    <t>\\acsfs\profiles$\KARENJSS\Downloads\8c0abb25-e050-46c6-b420-dfcbf17dba39.tmp</t>
  </si>
  <si>
    <t>01/20/2020 14:23:55</t>
  </si>
  <si>
    <t>ca764289-5936-4c5d-9c64-a97f0c1d666d.tmp</t>
  </si>
  <si>
    <t>\\acsfs\profiles$\fabianobmf\Downloads\ca764289-5936-4c5d-9c64-a97f0c1d666d.tmp</t>
  </si>
  <si>
    <t>01/20/2020 14:25:52</t>
  </si>
  <si>
    <t>ba3e33ae-21a1-4e16-b36e-cb2f9d6ce665.tmp</t>
  </si>
  <si>
    <t>\\acsfs\profiles$\fabianobmf\Downloads\ba3e33ae-21a1-4e16-b36e-cb2f9d6ce665.tmp</t>
  </si>
  <si>
    <t>01/20/2020 14:30:23</t>
  </si>
  <si>
    <t>01/20/2020 14:25:07</t>
  </si>
  <si>
    <t>Valor Prêmio por Operador Janeiro - até 19.01.pdf</t>
  </si>
  <si>
    <t>\\acsfs\DEPTOS\Operacao\Banco_Votorantim\Comum\00 - COMUM - BV CARTÕES\EQUIPE ADILSON\Vendas\Valor Prêmio por Operador Janeiro - até 19.01.pdf</t>
  </si>
  <si>
    <t>01/20/2020 14:28:16</t>
  </si>
  <si>
    <t>01/20/2020 14:29:34</t>
  </si>
  <si>
    <t>01/20/2020 14:31:23</t>
  </si>
  <si>
    <t>01/20/2020 14:26:04</t>
  </si>
  <si>
    <t>Protocolo 175269997 Cliente Luiza Beth Rodrigues da Costa.pdf</t>
  </si>
  <si>
    <t>\\acsfs\Deptos\EDUCACAO EMPRESARIAL\FERNANDA MONIT\Protocolo 175269997 Cliente Luiza Beth Rodrigues da Costa.pdf</t>
  </si>
  <si>
    <t>01/20/2020 14:28:00</t>
  </si>
  <si>
    <t>Protocolo 175388427 ClienteLuiza Beth Rodrigues da Costa.pdf</t>
  </si>
  <si>
    <t>\\acsfs\Deptos\EDUCACAO EMPRESARIAL\FERNANDA MONIT\Protocolo 175388427 ClienteLuiza Beth Rodrigues da Costa.pdf</t>
  </si>
  <si>
    <t>01/20/2020 14:30:03</t>
  </si>
  <si>
    <t>db1ab779-9987-4f96-898f-dc4455a3e5bb.tmp</t>
  </si>
  <si>
    <t>\\acsfs\profiles$\talitafdc\Downloads\db1ab779-9987-4f96-898f-dc4455a3e5bb.tmp</t>
  </si>
  <si>
    <t>01/20/2020 14:27:27</t>
  </si>
  <si>
    <t>fac4aa14-917f-4e13-872d-e141934b52df.tmp</t>
  </si>
  <si>
    <t>\\acsfs\profiles$\ERICALSR\Downloads\fac4aa14-917f-4e13-872d-e141934b52df.tmp</t>
  </si>
  <si>
    <t>01/20/2020 14:30:47</t>
  </si>
  <si>
    <t>5b7aa0a6-bbd7-4d18-8e9c-e2e9eee5fcc4.tmp</t>
  </si>
  <si>
    <t>\\acsfs\profiles$\sarahbal\Downloads\5b7aa0a6-bbd7-4d18-8e9c-e2e9eee5fcc4.tmp</t>
  </si>
  <si>
    <t>01/20/2020 14:32:23</t>
  </si>
  <si>
    <t>01/20/2020 14:27:14</t>
  </si>
  <si>
    <t>01/20/2020 14:27:44</t>
  </si>
  <si>
    <t>01/20/2020 14:31:51</t>
  </si>
  <si>
    <t>01/20/2020 14:33:23</t>
  </si>
  <si>
    <t>91f7f996-0a05-4263-8027-7817d232474c.tmp</t>
  </si>
  <si>
    <t>\\acsfs\profiles$\maxmillianosv\Downloads\91f7f996-0a05-4263-8027-7817d232474c.tmp</t>
  </si>
  <si>
    <t>01/20/2020 14:31:54</t>
  </si>
  <si>
    <t>1bed4e55-2631-44ba-a3dc-c66dbd3ac1e3.tmp</t>
  </si>
  <si>
    <t>\\acsfs\profiles$\maxmillianosv\Downloads\1bed4e55-2631-44ba-a3dc-c66dbd3ac1e3.tmp</t>
  </si>
  <si>
    <t>01/20/2020 14:29:29</t>
  </si>
  <si>
    <t>01/20/2020 14:34:23</t>
  </si>
  <si>
    <t>9931910b-8aea-4a0f-80a1-464ddfe1650c.tmp</t>
  </si>
  <si>
    <t>\\acsfs\profiles$\geovannasm\Downloads\9931910b-8aea-4a0f-80a1-464ddfe1650c.tmp</t>
  </si>
  <si>
    <t>01/20/2020 14:32:32</t>
  </si>
  <si>
    <t>01/20/2020 14:35:23</t>
  </si>
  <si>
    <t>b5a223a3-6833-4328-afe1-35b5413433dd.tmp</t>
  </si>
  <si>
    <t>\\acsfs\profiles$\victorgl\Downloads\b5a223a3-6833-4328-afe1-35b5413433dd.tmp</t>
  </si>
  <si>
    <t>01/20/2020 14:33:10</t>
  </si>
  <si>
    <t>.~lock.Relatorio de Vendas - Auditoria BV Financeira - Janeiro_ -_(auditadas).xlsm#</t>
  </si>
  <si>
    <t>\\acsfs\profiles$\wedersonbadr\Downloads\.~lock.Relatorio de Vendas - Auditoria BV Financeira - Janeiro_ -_(auditadas).xlsm#</t>
  </si>
  <si>
    <t>01/20/2020 14:33:18</t>
  </si>
  <si>
    <t>Relatorio de Vendas - Auditoria BV Financeira - Janeiro_ -_(auditadas).xlsm</t>
  </si>
  <si>
    <t>\\acsfs\profiles$\wedersonbadr\Downloads\Relatorio de Vendas - Auditoria BV Financeira - Janeiro_ -_(auditadas).xlsm</t>
  </si>
  <si>
    <t>01/20/2020 14:36:23</t>
  </si>
  <si>
    <t>01/20/2020 14:32:13</t>
  </si>
  <si>
    <t>01/20/2020 14:32:15</t>
  </si>
  <si>
    <t>01/20/2020 14:32:16</t>
  </si>
  <si>
    <t>01/20/2020 14:33:25</t>
  </si>
  <si>
    <t>01/20/2020 14:33:32</t>
  </si>
  <si>
    <t>01/20/2020 14:34:49</t>
  </si>
  <si>
    <t>01/20/2020 14:35:24</t>
  </si>
  <si>
    <t>01/20/2020 14:33:19</t>
  </si>
  <si>
    <t>65f8fdff-7829-4e47-8b06-a8451ba0cb75.tmp</t>
  </si>
  <si>
    <t>\\acsfs\profiles$\websondsa\Downloads\65f8fdff-7829-4e47-8b06-a8451ba0cb75.tmp</t>
  </si>
  <si>
    <t>01/20/2020 14:34:21</t>
  </si>
  <si>
    <t>01/20/2020 14:34:33</t>
  </si>
  <si>
    <t>Formulário - Aviso de 2ª Advertência Disciplinar.doc</t>
  </si>
  <si>
    <t>01/20/2020 14:37:24</t>
  </si>
  <si>
    <t>01/20/2020 14:36:45</t>
  </si>
  <si>
    <t>01/20/2020 14:37:10</t>
  </si>
  <si>
    <t>01/20/2020 14:38:23</t>
  </si>
  <si>
    <t>01/20/2020 14:37:11</t>
  </si>
  <si>
    <t>lu691285q20gz.tmp</t>
  </si>
  <si>
    <t>\\acsfs\profiles$\ALEXANDREMM\lu691285q20gz.tmp</t>
  </si>
  <si>
    <t>\\acsfs\profiles$\ALEXANDREMM\lu691285q20gz.tmp\</t>
  </si>
  <si>
    <t>\\acsfs\profiles$\ALEXANDREMM\lu691285q20gz.tmp\META-INF\</t>
  </si>
  <si>
    <t>01/20/2020 14:34:31</t>
  </si>
  <si>
    <t>01/20/2020 14:37:02</t>
  </si>
  <si>
    <t>01/20/2020 14:35:36</t>
  </si>
  <si>
    <t>01/20/2020 14:39:23</t>
  </si>
  <si>
    <t>01/20/2020 14:40:23</t>
  </si>
  <si>
    <t>01/20/2020 14:39:07</t>
  </si>
  <si>
    <t>01/20/2020 14:39:09</t>
  </si>
  <si>
    <t>01/20/2020 14:36:16</t>
  </si>
  <si>
    <t>01/20/2020 14:41:23</t>
  </si>
  <si>
    <t>01/20/2020 14:36:14</t>
  </si>
  <si>
    <t>01/20/2020 14:36:19</t>
  </si>
  <si>
    <t>01/20/2020 14:36:40</t>
  </si>
  <si>
    <t>bvs-centralcartoes@bv.com.br;cintia.souza-domingues@dxc.com;eduardo.santana@bv.com.br;fernandorsju@algartech.com;kesiadof@algartech.com;lilianls@algartech.com;marianeps@algartech.com;talmaiardo@algartech.com;thiagordu@algartech.com;</t>
  </si>
  <si>
    <t>bvs-centralcartoes@bv.com.br,cintia.souza-domingues@dxc.com,eduardo.santana@bv.com.br,fernandorsju@algartech.com,kesiadof@algartech.com,lilianls@algartech.com,marianeps@algartech.com,talmaiardo@algartech.com,thiagordu@algartech.com</t>
  </si>
  <si>
    <t>01/20/2020 14:36:51</t>
  </si>
  <si>
    <t>01/20/2020 14:37:01</t>
  </si>
  <si>
    <t>01/20/2020 14:37:38</t>
  </si>
  <si>
    <t>01/20/2020 14:37:44</t>
  </si>
  <si>
    <t>01/20/2020 14:37:57</t>
  </si>
  <si>
    <t>mail.google.com/_/upload?authuser=0&amp;dcp=asu-n&amp;upload_id=AEnB2UpU2PNrSJCSn9J2rHcQ1aUd59Fr-lNJ9ZVw6n5Nvk2rLC6QmviR79bqfXYcH0Mm0nzf_kvvpg_2kAG_e3lQTRlWUeakjw&amp;upload_protocol=resumable</t>
  </si>
  <si>
    <t>Fernando Freitas Silva_1_6779309717349022001_1_32.wav</t>
  </si>
  <si>
    <t>01/20/2020 14:38:22</t>
  </si>
  <si>
    <t>mail.google.com/_/upload?authuser=0&amp;dcp=asu-n&amp;upload_id=AEnB2UrNul_cMbkG5qkpfj_oNgmeiHbMfuKPI5BBYMzK80kgoC28YL9hLrlTerdATSePFQ4QsH44Ox_psUto-KeO4mfgHKhLmg&amp;upload_protocol=resumable</t>
  </si>
  <si>
    <t>Edicarlos Dias Lima_1_6780064218548870293_1_32.wav</t>
  </si>
  <si>
    <t>01/20/2020 14:36:35</t>
  </si>
  <si>
    <t>01/20/2020 14:42:23</t>
  </si>
  <si>
    <t>01/20/2020 14:38:15</t>
  </si>
  <si>
    <t>01/20/2020 14:38:45</t>
  </si>
  <si>
    <t>01/20/2020 14:39:15</t>
  </si>
  <si>
    <t>01/20/2020 14:41:15</t>
  </si>
  <si>
    <t>01/20/2020 14:41:45</t>
  </si>
  <si>
    <t>01/20/2020 14:41:39</t>
  </si>
  <si>
    <t>01/20/2020 14:43:23</t>
  </si>
  <si>
    <t>01/20/2020 14:43:12</t>
  </si>
  <si>
    <t>01/20/2020 14:44:23</t>
  </si>
  <si>
    <t>87f1d06f-882e-4091-b8cf-ff5db6cc5011.tmp</t>
  </si>
  <si>
    <t>\\acsfs\profiles$\maxmillianosv\Downloads\87f1d06f-882e-4091-b8cf-ff5db6cc5011.tmp</t>
  </si>
  <si>
    <t>01/20/2020 14:41:42</t>
  </si>
  <si>
    <t>01/20/2020 14:41:48</t>
  </si>
  <si>
    <t>01/20/2020 14:41:53</t>
  </si>
  <si>
    <t>01/20/2020 14:42:06</t>
  </si>
  <si>
    <t>01/20/2020 14:42:10</t>
  </si>
  <si>
    <t>01/20/2020 14:42:14</t>
  </si>
  <si>
    <t>01/20/2020 14:42:19</t>
  </si>
  <si>
    <t>01/20/2020 14:42:30</t>
  </si>
  <si>
    <t>01/20/2020 14:42:34</t>
  </si>
  <si>
    <t>01/20/2020 14:42:36</t>
  </si>
  <si>
    <t>01/20/2020 14:42:51</t>
  </si>
  <si>
    <t>01/20/2020 14:42:57</t>
  </si>
  <si>
    <t>01/20/2020 14:39:57</t>
  </si>
  <si>
    <t>01/20/2020 14:45:22</t>
  </si>
  <si>
    <t>f2f6fa8f-c2d6-48bf-b6a5-b05b9c631151.tmp</t>
  </si>
  <si>
    <t>\\acsfs\profiles$\henriqueco\Downloads\f2f6fa8f-c2d6-48bf-b6a5-b05b9c631151.tmp</t>
  </si>
  <si>
    <t>01/20/2020 14:40:30</t>
  </si>
  <si>
    <t>29427357-3678-4276-8b36-4867740143e2.tmp</t>
  </si>
  <si>
    <t>\\acsfs\profiles$\henriqueco\Downloads\29427357-3678-4276-8b36-4867740143e2.tmp</t>
  </si>
  <si>
    <t>01/20/2020 14:41:40</t>
  </si>
  <si>
    <t>66b4ed44-513d-417a-8136-91fea83afb9f.tmp</t>
  </si>
  <si>
    <t>\\acsfs\profiles$\henriqueco\Downloads\66b4ed44-513d-417a-8136-91fea83afb9f.tmp</t>
  </si>
  <si>
    <t>01/20/2020 14:46:23</t>
  </si>
  <si>
    <t>01/20/2020 14:43:56</t>
  </si>
  <si>
    <t>01/20/2020 14:43:58</t>
  </si>
  <si>
    <t>01/20/2020 14:45:29</t>
  </si>
  <si>
    <t>c1d6865a-fad1-4e18-8e15-b2f7c3bb5e00.tmp</t>
  </si>
  <si>
    <t>\\acsfs\profiles$\sarahbal\Downloads\c1d6865a-fad1-4e18-8e15-b2f7c3bb5e00.tmp</t>
  </si>
  <si>
    <t>01/20/2020 14:45:37</t>
  </si>
  <si>
    <t>01/20/2020 14:45:44</t>
  </si>
  <si>
    <t>01/20/2020 14:42:22</t>
  </si>
  <si>
    <t>01/20/2020 14:47:23</t>
  </si>
  <si>
    <t>01/20/2020 14:44:15</t>
  </si>
  <si>
    <t>01/20/2020 14:44:45</t>
  </si>
  <si>
    <t>01/20/2020 14:45:45</t>
  </si>
  <si>
    <t>01/20/2020 14:48:23</t>
  </si>
  <si>
    <t>01/20/2020 14:44:38</t>
  </si>
  <si>
    <t>01/20/2020 14:49:22</t>
  </si>
  <si>
    <t>13d2d303-e8bb-447a-bc45-2f1a37ade3c9.tmp</t>
  </si>
  <si>
    <t>\\acsfs\profiles$\maxmillianosv\Downloads\13d2d303-e8bb-447a-bc45-2f1a37ade3c9.tmp</t>
  </si>
  <si>
    <t>01/20/2020 14:46:16</t>
  </si>
  <si>
    <t>01/20/2020 14:46:17</t>
  </si>
  <si>
    <t>01/20/2020 14:46:18</t>
  </si>
  <si>
    <t>01/20/2020 14:46:19</t>
  </si>
  <si>
    <t>01/20/2020 14:46:20</t>
  </si>
  <si>
    <t>01/20/2020 14:46:21</t>
  </si>
  <si>
    <t>01/20/2020 14:46:22</t>
  </si>
  <si>
    <t>01/20/2020 14:46:24</t>
  </si>
  <si>
    <t>01/20/2020 14:46:25</t>
  </si>
  <si>
    <t>01/20/2020 14:46:26</t>
  </si>
  <si>
    <t>01/20/2020 14:46:27</t>
  </si>
  <si>
    <t>01/20/2020 14:46:28</t>
  </si>
  <si>
    <t>01/20/2020 14:46:29</t>
  </si>
  <si>
    <t>01/20/2020 14:46:30</t>
  </si>
  <si>
    <t>01/20/2020 14:46:31</t>
  </si>
  <si>
    <t>01/20/2020 14:46:32</t>
  </si>
  <si>
    <t>01/20/2020 14:46:33</t>
  </si>
  <si>
    <t>01/20/2020 14:46:34</t>
  </si>
  <si>
    <t>01/20/2020 14:46:35</t>
  </si>
  <si>
    <t>01/20/2020 14:46:36</t>
  </si>
  <si>
    <t>01/20/2020 14:45:28</t>
  </si>
  <si>
    <t>81780e2e-bbbe-4c23-90dd-47f084fb0921.tmp</t>
  </si>
  <si>
    <t>\\acsfs\profiles$\gabrielamdp\Downloads\81780e2e-bbbe-4c23-90dd-47f084fb0921.tmp</t>
  </si>
  <si>
    <t>01/20/2020 14:51:22</t>
  </si>
  <si>
    <t>01/20/2020 14:49:28</t>
  </si>
  <si>
    <t>ad9e85c0-5297-467b-a779-b4de30a2f681.tmp</t>
  </si>
  <si>
    <t>\\acsfs\profiles$\esterasg\Downloads\ad9e85c0-5297-467b-a779-b4de30a2f681.tmp</t>
  </si>
  <si>
    <t>01/20/2020 14:49:37</t>
  </si>
  <si>
    <t>27573fdf-cff8-4462-b56e-b6b28d7ed8e7.tmp</t>
  </si>
  <si>
    <t>\\acsfs\profiles$\matheusmax\Downloads\27573fdf-cff8-4462-b56e-b6b28d7ed8e7.tmp</t>
  </si>
  <si>
    <t>01/20/2020 14:49:52</t>
  </si>
  <si>
    <t>b91fad8b-5ddd-418f-aa22-e2d2d187980b.tmp</t>
  </si>
  <si>
    <t>\\acsfs\profiles$\larissaad\Downloads\b91fad8b-5ddd-418f-aa22-e2d2d187980b.tmp</t>
  </si>
  <si>
    <t>01/20/2020 14:52:23</t>
  </si>
  <si>
    <t>01/20/2020 14:47:15</t>
  </si>
  <si>
    <t>01/20/2020 14:47:45</t>
  </si>
  <si>
    <t>01/20/2020 14:48:15</t>
  </si>
  <si>
    <t>01/20/2020 14:50:24</t>
  </si>
  <si>
    <t>0b35fdf7-cd4f-41ef-a746-079cae9ddf34.tmp</t>
  </si>
  <si>
    <t>\\acsfs\profiles$\wenderbnm\Downloads\0b35fdf7-cd4f-41ef-a746-079cae9ddf34.tmp</t>
  </si>
  <si>
    <t>01/20/2020 14:51:16</t>
  </si>
  <si>
    <t>01/20/2020 14:53:22</t>
  </si>
  <si>
    <t>01/20/2020 14:48:17</t>
  </si>
  <si>
    <t>01/20/2020 14:54:23</t>
  </si>
  <si>
    <t>desligamento - equipe Marta.zip</t>
  </si>
  <si>
    <t>https://andrelpsa@algartech.com</t>
  </si>
  <si>
    <t>C:\Users\robsonams\Documents\desligamento - equipe Marta.zip\</t>
  </si>
  <si>
    <t>desligamento - equipe Marta.pdf</t>
  </si>
  <si>
    <t>01/20/2020 14:49:49</t>
  </si>
  <si>
    <t>https://algar.folhasinergyrh.com.br/rescisao/upload?id=0&amp;idsolicitacao=22381&amp;idprerescisao=0</t>
  </si>
  <si>
    <t>19/02/2020;andrelpsa@algartech.com;</t>
  </si>
  <si>
    <t>https://19/02/2020,andrelpsa@algartech.com</t>
  </si>
  <si>
    <t>01/20/2020 14:53:31</t>
  </si>
  <si>
    <t>flora.lira@bv.com.br;</t>
  </si>
  <si>
    <t>flora.lira@bv.com.br</t>
  </si>
  <si>
    <t>01/20/2020 14:53:17</t>
  </si>
  <si>
    <t>01/20/2020 14:51:56</t>
  </si>
  <si>
    <t>01/20/2020 14:56:23</t>
  </si>
  <si>
    <t>01/20/2020 14:51:59</t>
  </si>
  <si>
    <t>01/20/2020 14:54:34</t>
  </si>
  <si>
    <t>01/20/2020 14:52:01</t>
  </si>
  <si>
    <t>RECLAMAÇÃO OUVIDORIA E FILAS 20-01.xlsx</t>
  </si>
  <si>
    <t>\\acsfs\Deptos\EDUCACAO EMPRESARIAL\FERNANDA MONIT\Fernanda\RECLAMAÇÃO OUVIDORIA E FILAS 20-01.xlsx</t>
  </si>
  <si>
    <t>01/20/2020 14:54:56</t>
  </si>
  <si>
    <t>01/20/2020 14:55:00</t>
  </si>
  <si>
    <t>01/20/2020 14:55:01</t>
  </si>
  <si>
    <t>01/20/2020 14:55:08</t>
  </si>
  <si>
    <t>01/20/2020 14:55:10</t>
  </si>
  <si>
    <t>01/20/2020 14:55:15</t>
  </si>
  <si>
    <t>01/20/2020 14:55:20</t>
  </si>
  <si>
    <t>01/20/2020 14:55:21</t>
  </si>
  <si>
    <t>01/20/2020 14:55:24</t>
  </si>
  <si>
    <t>01/20/2020 14:55:26</t>
  </si>
  <si>
    <t>01/20/2020 14:55:27</t>
  </si>
  <si>
    <t>01/20/2020 14:55:32</t>
  </si>
  <si>
    <t>01/20/2020 14:55:34</t>
  </si>
  <si>
    <t>01/20/2020 14:55:35</t>
  </si>
  <si>
    <t>01/20/2020 14:55:37</t>
  </si>
  <si>
    <t>01/20/2020 14:55:39</t>
  </si>
  <si>
    <t>01/20/2020 14:55:40</t>
  </si>
  <si>
    <t>01/20/2020 14:55:41</t>
  </si>
  <si>
    <t>01/20/2020 14:55:42</t>
  </si>
  <si>
    <t>01/20/2020 14:55:43</t>
  </si>
  <si>
    <t>01/20/2020 14:55:44</t>
  </si>
  <si>
    <t>01/20/2020 14:55:45</t>
  </si>
  <si>
    <t>01/20/2020 14:55:46</t>
  </si>
  <si>
    <t>01/20/2020 14:55:47</t>
  </si>
  <si>
    <t>01/20/2020 14:52:53</t>
  </si>
  <si>
    <t>01/20/2020 14:57:22</t>
  </si>
  <si>
    <t>thaisdss</t>
  </si>
  <si>
    <t>\\acsfs\profiles$\thaisdss\My Documents\xworkcenter\lex\</t>
  </si>
  <si>
    <t>\\acsfs\profiles$\thaisdss\My Documents\xworkcenter\lex\temp.tlx</t>
  </si>
  <si>
    <t>01/20/2020 14:52:54</t>
  </si>
  <si>
    <t>01/20/2020 14:52:55</t>
  </si>
  <si>
    <t>01/20/2020 14:52:56</t>
  </si>
  <si>
    <t>01/20/2020 14:52:57</t>
  </si>
  <si>
    <t>01/20/2020 14:52:58</t>
  </si>
  <si>
    <t>01/20/2020 14:52:59</t>
  </si>
  <si>
    <t>01/20/2020 14:53:00</t>
  </si>
  <si>
    <t>01/20/2020 14:53:01</t>
  </si>
  <si>
    <t>01/20/2020 14:53:02</t>
  </si>
  <si>
    <t>01/20/2020 14:53:03</t>
  </si>
  <si>
    <t>01/20/2020 14:53:04</t>
  </si>
  <si>
    <t>01/20/2020 14:53:05</t>
  </si>
  <si>
    <t>01/20/2020 14:53:06</t>
  </si>
  <si>
    <t>01/20/2020 14:53:07</t>
  </si>
  <si>
    <t>01/20/2020 14:53:08</t>
  </si>
  <si>
    <t>01/20/2020 14:53:09</t>
  </si>
  <si>
    <t>01/20/2020 14:53:10</t>
  </si>
  <si>
    <t>01/20/2020 14:53:11</t>
  </si>
  <si>
    <t>01/20/2020 14:53:12</t>
  </si>
  <si>
    <t>01/20/2020 14:53:13</t>
  </si>
  <si>
    <t>01/20/2020 14:53:14</t>
  </si>
  <si>
    <t>01/20/2020 14:53:15</t>
  </si>
  <si>
    <t>01/20/2020 14:53:16</t>
  </si>
  <si>
    <t>01/20/2020 14:53:19</t>
  </si>
  <si>
    <t>01/20/2020 14:53:20</t>
  </si>
  <si>
    <t>01/20/2020 14:52:46</t>
  </si>
  <si>
    <t>01/20/2020 14:56:53</t>
  </si>
  <si>
    <t>01/20/2020 14:58:23</t>
  </si>
  <si>
    <t>01/20/2020 14:59:01</t>
  </si>
  <si>
    <t>01/20/2020 14:59:23</t>
  </si>
  <si>
    <t>e834d5a8-0ccc-41de-9404-fcfa5b5beab6.tmp</t>
  </si>
  <si>
    <t>\\acsfs\profiles$\geovannasm\Downloads\e834d5a8-0ccc-41de-9404-fcfa5b5beab6.tmp</t>
  </si>
  <si>
    <t>01/20/2020 15:00:23</t>
  </si>
  <si>
    <t>01/20/2020 14:57:40</t>
  </si>
  <si>
    <t>df93fe23-7b32-4cb9-82bc-e94374cf2ecc.tmp</t>
  </si>
  <si>
    <t>\\acsfs\profiles$\brunalas\Downloads\df93fe23-7b32-4cb9-82bc-e94374cf2ecc.tmp</t>
  </si>
  <si>
    <t>01/20/2020 14:58:47</t>
  </si>
  <si>
    <t>d7873442-00f8-4a54-8203-9736e7dce265.tmp</t>
  </si>
  <si>
    <t>\\acsfs\profiles$\brunalas\Downloads\d7873442-00f8-4a54-8203-9736e7dce265.tmp</t>
  </si>
  <si>
    <t>01/20/2020 14:59:26</t>
  </si>
  <si>
    <t>62b285b8-3f72-4bf4-85ee-78a3440fd01a.tmp</t>
  </si>
  <si>
    <t>\\acsfs\profiles$\victorgl\Downloads\62b285b8-3f72-4bf4-85ee-78a3440fd01a.tmp</t>
  </si>
  <si>
    <t>01/20/2020 15:01:23</t>
  </si>
  <si>
    <t>01/20/2020 14:55:50</t>
  </si>
  <si>
    <t>01/20/2020 14:55:51</t>
  </si>
  <si>
    <t>01/20/2020 14:55:52</t>
  </si>
  <si>
    <t>01/20/2020 14:55:53</t>
  </si>
  <si>
    <t>01/20/2020 14:55:57</t>
  </si>
  <si>
    <t>01/20/2020 14:55:58</t>
  </si>
  <si>
    <t>01/20/2020 14:55:59</t>
  </si>
  <si>
    <t>01/20/2020 14:56:01</t>
  </si>
  <si>
    <t>01/20/2020 14:56:03</t>
  </si>
  <si>
    <t>01/20/2020 14:56:04</t>
  </si>
  <si>
    <t>01/20/2020 14:56:06</t>
  </si>
  <si>
    <t>01/20/2020 14:56:07</t>
  </si>
  <si>
    <t>01/20/2020 14:56:48</t>
  </si>
  <si>
    <t>01/20/2020 14:59:34</t>
  </si>
  <si>
    <t>01/20/2020 15:02:23</t>
  </si>
  <si>
    <t>01/20/2020 14:58:08</t>
  </si>
  <si>
    <t>6388a6e8-da26-4944-9dd7-08e87da7bf79.tmp</t>
  </si>
  <si>
    <t>\\acsfs\profiles$\larissaad\Downloads\6388a6e8-da26-4944-9dd7-08e87da7bf79.tmp</t>
  </si>
  <si>
    <t>01/20/2020 15:01:17</t>
  </si>
  <si>
    <t>01/20/2020 15:01:47</t>
  </si>
  <si>
    <t>01/20/2020 14:59:18</t>
  </si>
  <si>
    <t>01/20/2020 15:03:23</t>
  </si>
  <si>
    <t>01/20/2020 15:02:21</t>
  </si>
  <si>
    <t>01/20/2020 15:02:33</t>
  </si>
  <si>
    <t>fernandaab@algartech.com;talmaiardo@algartech.com;</t>
  </si>
  <si>
    <t>fernandaab@algartech.com,talmaiardo@algartech.com</t>
  </si>
  <si>
    <t>01/20/2020 15:02:45</t>
  </si>
  <si>
    <t>fernandaab@algartech.com;talmaiardo@algartech.com;thiagordu@algartech.com;</t>
  </si>
  <si>
    <t>fernandaab@algartech.com,talmaiardo@algartech.com,thiagordu@algartech.com</t>
  </si>
  <si>
    <t>01/20/2020 15:03:49</t>
  </si>
  <si>
    <t>01/20/2020 15:04:23</t>
  </si>
  <si>
    <t>42ae0279-84f6-4957-9b68-861969b80d7d.tmp</t>
  </si>
  <si>
    <t>\\acsfs\profiles$\geovannasm\Downloads\42ae0279-84f6-4957-9b68-861969b80d7d.tmp</t>
  </si>
  <si>
    <t>01/20/2020 15:05:23</t>
  </si>
  <si>
    <t>01/20/2020 15:06:23</t>
  </si>
  <si>
    <t>01/20/2020 15:04:11</t>
  </si>
  <si>
    <t>9063054f-72b0-4bdd-99d3-22ac682e9a68.tmp</t>
  </si>
  <si>
    <t>\\acsfs\profiles$\rosileiam\Downloads\9063054f-72b0-4bdd-99d3-22ac682e9a68.tmp</t>
  </si>
  <si>
    <t>35c5f607-d751-4d5c-ad2c-d407fdf52a78.tmp</t>
  </si>
  <si>
    <t>\\acsfs\profiles$\rosileiam\Downloads\35c5f607-d751-4d5c-ad2c-d407fdf52a78.tmp</t>
  </si>
  <si>
    <t>01/20/2020 15:02:44</t>
  </si>
  <si>
    <t>01/20/2020 15:03:56</t>
  </si>
  <si>
    <t>01/20/2020 15:07:23</t>
  </si>
  <si>
    <t>01/20/2020 15:02:41</t>
  </si>
  <si>
    <t>cb1e78d9-c5c4-4134-a053-064ffdba9503.tmp</t>
  </si>
  <si>
    <t>\\acsfs\profiles$\fernandofs\Downloads\cb1e78d9-c5c4-4134-a053-064ffdba9503.tmp</t>
  </si>
  <si>
    <t>13b22b27-c970-4a77-ace7-ea5980d577df.tmp</t>
  </si>
  <si>
    <t>\\acsfs\profiles$\fernandofs\Downloads\13b22b27-c970-4a77-ace7-ea5980d577df.tmp</t>
  </si>
  <si>
    <t>01/20/2020 15:05:17</t>
  </si>
  <si>
    <t>01/20/2020 15:08:23</t>
  </si>
  <si>
    <t>01/20/2020 15:03:11</t>
  </si>
  <si>
    <t>01/20/2020 15:04:10</t>
  </si>
  <si>
    <t>01/20/2020 15:06:19</t>
  </si>
  <si>
    <t>01/20/2020 15:02:58</t>
  </si>
  <si>
    <t>01/20/2020 15:03:05</t>
  </si>
  <si>
    <t>01/20/2020 15:03:24</t>
  </si>
  <si>
    <t>01/20/2020 15:03:45</t>
  </si>
  <si>
    <t>01/20/2020 15:04:05</t>
  </si>
  <si>
    <t>01/20/2020 15:04:28</t>
  </si>
  <si>
    <t>01/20/2020 15:04:33</t>
  </si>
  <si>
    <t>01/20/2020 15:04:50</t>
  </si>
  <si>
    <t>01/20/2020 15:05:09</t>
  </si>
  <si>
    <t>01/20/2020 15:05:44</t>
  </si>
  <si>
    <t>01/20/2020 15:05:52</t>
  </si>
  <si>
    <t>01/20/2020 15:06:41</t>
  </si>
  <si>
    <t>01/20/2020 15:06:55</t>
  </si>
  <si>
    <t>01/20/2020 15:07:01</t>
  </si>
  <si>
    <t>01/20/2020 15:07:04</t>
  </si>
  <si>
    <t>01/20/2020 15:05:42</t>
  </si>
  <si>
    <t>01/20/2020 15:06:32</t>
  </si>
  <si>
    <t>https://antoniocoj@algartech.com,joaogvc@algartech.com,marianadjc@algartech.com,planejamentodeoperacoesetrafego@bv.com.br,raphaelmco@algartech.com.br,ricardodfm@algartech.com.br,taysdss@algartech.com</t>
  </si>
  <si>
    <t>01/20/2020 15:08:28</t>
  </si>
  <si>
    <t>01/20/2020 15:09:23</t>
  </si>
  <si>
    <t>01/20/2020 15:10:22</t>
  </si>
  <si>
    <t>01/20/2020 15:06:57</t>
  </si>
  <si>
    <t>\\acsfs\DEPTOS\Operacao\Banco_Votorantim\Supervisao\</t>
  </si>
  <si>
    <t>RELAT_FILAS_1001_DIAR_20191201_043429.CSV</t>
  </si>
  <si>
    <t>\\acsfs\DEPTOS\Operacao\Banco_Votorantim\Supervisao\RELAT_FILAS_1001_DIAR_20191201_043429.CSV</t>
  </si>
  <si>
    <t>01/20/2020 15:07:00</t>
  </si>
  <si>
    <t>RELAT_FILAS_1001_DIAR_20191202_041528.CSV</t>
  </si>
  <si>
    <t>\\acsfs\DEPTOS\Operacao\Banco_Votorantim\Supervisao\RELAT_FILAS_1001_DIAR_20191202_041528.CSV</t>
  </si>
  <si>
    <t>01/20/2020 15:07:07</t>
  </si>
  <si>
    <t>RELAT_FILAS_1001_DIAR_20191203_105430.CSV</t>
  </si>
  <si>
    <t>\\acsfs\DEPTOS\Operacao\Banco_Votorantim\Supervisao\RELAT_FILAS_1001_DIAR_20191203_105430.CSV</t>
  </si>
  <si>
    <t>01/20/2020 15:07:15</t>
  </si>
  <si>
    <t>RELAT_FILAS_1001_DIAR_20191204_080730.CSV</t>
  </si>
  <si>
    <t>\\acsfs\DEPTOS\Operacao\Banco_Votorantim\Supervisao\RELAT_FILAS_1001_DIAR_20191204_080730.CSV</t>
  </si>
  <si>
    <t>RELAT_FILAS_1001_DIAR_20191205_084032.CSV</t>
  </si>
  <si>
    <t>\\acsfs\DEPTOS\Operacao\Banco_Votorantim\Supervisao\RELAT_FILAS_1001_DIAR_20191205_084032.CSV</t>
  </si>
  <si>
    <t>01/20/2020 15:07:30</t>
  </si>
  <si>
    <t>RELAT_FILAS_1001_DIAR_20191206_083415.CSV</t>
  </si>
  <si>
    <t>\\acsfs\DEPTOS\Operacao\Banco_Votorantim\Supervisao\RELAT_FILAS_1001_DIAR_20191206_083415.CSV</t>
  </si>
  <si>
    <t>01/20/2020 15:07:37</t>
  </si>
  <si>
    <t>RELAT_FILAS_1001_DIAR_20191207_064600.CSV</t>
  </si>
  <si>
    <t>\\acsfs\DEPTOS\Operacao\Banco_Votorantim\Supervisao\RELAT_FILAS_1001_DIAR_20191207_064600.CSV</t>
  </si>
  <si>
    <t>01/20/2020 15:07:40</t>
  </si>
  <si>
    <t>RELAT_FILAS_1001_DIAR_20191208_061351.CSV</t>
  </si>
  <si>
    <t>\\acsfs\DEPTOS\Operacao\Banco_Votorantim\Supervisao\RELAT_FILAS_1001_DIAR_20191208_061351.CSV</t>
  </si>
  <si>
    <t>01/20/2020 15:07:42</t>
  </si>
  <si>
    <t>RELAT_FILAS_1001_DIAR_20191209_060320.CSV</t>
  </si>
  <si>
    <t>\\acsfs\DEPTOS\Operacao\Banco_Votorantim\Supervisao\RELAT_FILAS_1001_DIAR_20191209_060320.CSV</t>
  </si>
  <si>
    <t>01/20/2020 15:08:14</t>
  </si>
  <si>
    <t>RELAT_FILAS_1001_DIAR_20191210_100227.CSV</t>
  </si>
  <si>
    <t>\\acsfs\DEPTOS\Operacao\Banco_Votorantim\Supervisao\RELAT_FILAS_1001_DIAR_20191210_100227.CSV</t>
  </si>
  <si>
    <t>01/20/2020 15:08:25</t>
  </si>
  <si>
    <t>RELAT_FILAS_1001_DIAR_20191211_082042.CSV</t>
  </si>
  <si>
    <t>\\acsfs\DEPTOS\Operacao\Banco_Votorantim\Supervisao\RELAT_FILAS_1001_DIAR_20191211_082042.CSV</t>
  </si>
  <si>
    <t>01/20/2020 15:08:32</t>
  </si>
  <si>
    <t>RELAT_FILAS_1001_DIAR_20191212_070927.CSV</t>
  </si>
  <si>
    <t>\\acsfs\DEPTOS\Operacao\Banco_Votorantim\Supervisao\RELAT_FILAS_1001_DIAR_20191212_070927.CSV</t>
  </si>
  <si>
    <t>01/20/2020 15:08:41</t>
  </si>
  <si>
    <t>RELAT_FILAS_1001_DIAR_20191213_035059.CSV</t>
  </si>
  <si>
    <t>\\acsfs\DEPTOS\Operacao\Banco_Votorantim\Supervisao\RELAT_FILAS_1001_DIAR_20191213_035059.CSV</t>
  </si>
  <si>
    <t>01/20/2020 15:08:47</t>
  </si>
  <si>
    <t>RELAT_FILAS_1001_DIAR_20191214_040745.CSV</t>
  </si>
  <si>
    <t>\\acsfs\DEPTOS\Operacao\Banco_Votorantim\Supervisao\RELAT_FILAS_1001_DIAR_20191214_040745.CSV</t>
  </si>
  <si>
    <t>01/20/2020 15:08:50</t>
  </si>
  <si>
    <t>RELAT_FILAS_1001_DIAR_20191215_033126.CSV</t>
  </si>
  <si>
    <t>\\acsfs\DEPTOS\Operacao\Banco_Votorantim\Supervisao\RELAT_FILAS_1001_DIAR_20191215_033126.CSV</t>
  </si>
  <si>
    <t>01/20/2020 15:08:52</t>
  </si>
  <si>
    <t>RELAT_FILAS_1001_DIAR_20191216_031040.CSV</t>
  </si>
  <si>
    <t>\\acsfs\DEPTOS\Operacao\Banco_Votorantim\Supervisao\RELAT_FILAS_1001_DIAR_20191216_031040.CSV</t>
  </si>
  <si>
    <t>01/20/2020 15:09:01</t>
  </si>
  <si>
    <t>RELAT_FILAS_1001_DIAR_20191217_040113.CSV</t>
  </si>
  <si>
    <t>\\acsfs\DEPTOS\Operacao\Banco_Votorantim\Supervisao\RELAT_FILAS_1001_DIAR_20191217_040113.CSV</t>
  </si>
  <si>
    <t>01/20/2020 15:09:09</t>
  </si>
  <si>
    <t>RELAT_FILAS_1001_DIAR_20191218_041048.CSV</t>
  </si>
  <si>
    <t>\\acsfs\DEPTOS\Operacao\Banco_Votorantim\Supervisao\RELAT_FILAS_1001_DIAR_20191218_041048.CSV</t>
  </si>
  <si>
    <t>01/20/2020 15:09:17</t>
  </si>
  <si>
    <t>RELAT_FILAS_1001_DIAR_20191219_040003.CSV</t>
  </si>
  <si>
    <t>\\acsfs\DEPTOS\Operacao\Banco_Votorantim\Supervisao\RELAT_FILAS_1001_DIAR_20191219_040003.CSV</t>
  </si>
  <si>
    <t>01/20/2020 15:09:25</t>
  </si>
  <si>
    <t>RELAT_FILAS_1001_DIAR_20191220_035912.CSV</t>
  </si>
  <si>
    <t>\\acsfs\DEPTOS\Operacao\Banco_Votorantim\Supervisao\RELAT_FILAS_1001_DIAR_20191220_035912.CSV</t>
  </si>
  <si>
    <t>01/20/2020 15:09:32</t>
  </si>
  <si>
    <t>RELAT_FILAS_1001_DIAR_20191221_040411.CSV</t>
  </si>
  <si>
    <t>\\acsfs\DEPTOS\Operacao\Banco_Votorantim\Supervisao\RELAT_FILAS_1001_DIAR_20191221_040411.CSV</t>
  </si>
  <si>
    <t>01/20/2020 15:09:36</t>
  </si>
  <si>
    <t>RELAT_FILAS_1001_DIAR_20191222_033504.CSV</t>
  </si>
  <si>
    <t>\\acsfs\DEPTOS\Operacao\Banco_Votorantim\Supervisao\RELAT_FILAS_1001_DIAR_20191222_033504.CSV</t>
  </si>
  <si>
    <t>01/20/2020 15:09:38</t>
  </si>
  <si>
    <t>RELAT_FILAS_1001_DIAR_20191223_030619.CSV</t>
  </si>
  <si>
    <t>\\acsfs\DEPTOS\Operacao\Banco_Votorantim\Supervisao\RELAT_FILAS_1001_DIAR_20191223_030619.CSV</t>
  </si>
  <si>
    <t>01/20/2020 15:09:48</t>
  </si>
  <si>
    <t>RELAT_FILAS_1001_DIAR_20191224_034246.CSV</t>
  </si>
  <si>
    <t>\\acsfs\DEPTOS\Operacao\Banco_Votorantim\Supervisao\RELAT_FILAS_1001_DIAR_20191224_034246.CSV</t>
  </si>
  <si>
    <t>01/20/2020 15:09:52</t>
  </si>
  <si>
    <t>RELAT_FILAS_1001_DIAR_20191225_032644.CSV</t>
  </si>
  <si>
    <t>\\acsfs\DEPTOS\Operacao\Banco_Votorantim\Supervisao\RELAT_FILAS_1001_DIAR_20191225_032644.CSV</t>
  </si>
  <si>
    <t>01/20/2020 15:09:53</t>
  </si>
  <si>
    <t>RELAT_FILAS_1001_DIAR_20191226_030203.CSV</t>
  </si>
  <si>
    <t>\\acsfs\DEPTOS\Operacao\Banco_Votorantim\Supervisao\RELAT_FILAS_1001_DIAR_20191226_030203.CSV</t>
  </si>
  <si>
    <t>01/20/2020 15:10:01</t>
  </si>
  <si>
    <t>RELAT_FILAS_1001_DIAR_20191227_040522.CSV</t>
  </si>
  <si>
    <t>\\acsfs\DEPTOS\Operacao\Banco_Votorantim\Supervisao\RELAT_FILAS_1001_DIAR_20191227_040522.CSV</t>
  </si>
  <si>
    <t>01/20/2020 15:12:22</t>
  </si>
  <si>
    <t>01/20/2020 15:08:55</t>
  </si>
  <si>
    <t>01/20/2020 15:09:05</t>
  </si>
  <si>
    <t>01/20/2020 15:13:23</t>
  </si>
  <si>
    <t>XLOG_tiagosno_20012020_072526.log</t>
  </si>
  <si>
    <t>\\acsfs\profiles$\tiagosno\My Documents\xworkcenter\logs\XLOG_tiagosno_20012020_072526.log</t>
  </si>
  <si>
    <t>01/20/2020 15:08:33</t>
  </si>
  <si>
    <t>01/20/2020 15:08:04</t>
  </si>
  <si>
    <t>01/20/2020 15:10:13</t>
  </si>
  <si>
    <t>01/20/2020 15:13:01</t>
  </si>
  <si>
    <t>01/20/2020 15:15:24</t>
  </si>
  <si>
    <t>"mozilla/5.0 (windows nt 6.1) applewebkit/537.36 (khtml;0;0.371;0.371];0.668;0];1;104.93000000133179;1044.724999985192;1101.7899999860674;1119934;1119994;1133789;1159.734999993816;11c5m9ycfufsc7krihjn5d9wg8jcyqlqk;12.854];13;13.568;1311374;1316.9699999853037;1344469;1349384;135.741;13700014;13700109;13700167;13700185;13700235;13700451;13700563;13700607;13700883;13700946;13700951;13700982;13701078;13701139;13701207;13701214;13701235;13701239;13701262;13701276;13701298;13701418;13701422;13701430;13701450;13701458;13701486;13701506;13701506]];13701506]]];13701510;13701534;13701537;13701573;13701577;13701589;13701609;13701613;13701625;13701653;13701657;13701693;13701709]];13701709]]];13701749;13701825;13701833;13701901;13701905;13701909;13701921;13701945;13701949;13701953;13701957;13701969;13702064;13702068;13702084;13702088;1388000;1427.624999982072;1458239;1490604;15.344;15.344];15.552;15.552];1566309;1579518703539000;1579518704281000;1579518707089000];1579518710252000;1579520900840000;1579520901989000;15795332</t>
  </si>
  <si>
    <t>"mozilla/5.0 (windows nt 6.1) applewebkit/537.36 (khtml,0,0.371,0.371],0.668,0],1,104.93000000133179,1044.724999985192,1101.7899999860674,1119934,1119994,1133789,1159.734999993816,11c5m9ycfufsc7krihjn5d9wg8jcyqlqk,12.854],13,13.568,1311374,1316.9699999853037,1344469,1349384,135.741,13700014,13700109,13700167,13700185,13700235,13700451,13700563,13700607,13700883,13700946,13700951,13700982,13701078,13701139,13701207,13701214,13701235,13701239,13701262,13701276,13701298,13701418,13701422,13701430,13701450,13701458,13701486,13701506,13701506]],13701506]]],13701510,13701534,13701537,13701573,13701577,13701589,13701609,13701613,13701625,13701653,13701657,13701693,13701709]],13701709]]],13701749,13701825,13701833,13701901,13701905,13701909,13701921,13701945,13701949,13701953,13701957,13701969,13702064,13702068,13702084,13702088,1388000,1427.624999982072,1458239,1490604,15.344,15.344],15.552,15.552],1566309,1579518703539000,1579518704281000,1579518707089000],1579518710252000,1579520900840000,1579520901989000,15795332</t>
  </si>
  <si>
    <t>01/20/2020 15:13:05</t>
  </si>
  <si>
    <t>01/20/2020 15:13:11</t>
  </si>
  <si>
    <t>1579530234875;32;621969351;[];[]]];ancestorhasaugmentedpermissions;andrelps@algartech.com;containsunsubscribedchildren;displayname;domain;emailaddress;false;filesize;hasthumbnail;hasvisitorpermissions;id);items(kind;ken;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llntaw_tfgt8py7hw4lawr5s-tkjjyzlq5jtqphvnzu\";null;ontainsunsubscribedchildren;ouvidoria@algar.com.br;owners(kind;permission;permissionid;picture;thumbnailversion;true]";vchx76kgoyskqvpqzuqo0mrsk-nevtbmaqaleloorbdq4mjvgtmunagardgcvqomsjf2dfmbefzskm2b2</t>
  </si>
  <si>
    <t>1579530234875,32,621969351,[],[]]],ancestorhasaugmentedpermissions,andrelps@algartech.com,containsunsubscribedchildren,displayname,domain,emailaddress,false,filesize,hasthumbnail,hasvisitorpermissions,id),items(kind,ken,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llntaw_tfgt8py7hw4lawr5s-tkjjyzlq5jtqphvnzu\",null,ontainsunsubscribedchildren,ouvidoria@algar.com.br,owners(kind,permission,permissionid,picture,thumbnailversion,true]",vchx76kgoyskqvpqzuqo0mrsk-nevtbmaqaleloorbdq4mjvgtmunagardgcvqomsjf2dfmbefzskm2b2</t>
  </si>
  <si>
    <t>01/20/2020 15:13:51</t>
  </si>
  <si>
    <t>\\acsfs\profiles$\nayarasds\Downloads\$RECYCLE.BIN\</t>
  </si>
  <si>
    <t>$IH0W3ZM.PNG</t>
  </si>
  <si>
    <t>\\acsfs\profiles$\nayarasds\Downloads\$RECYCLE.BIN\$IH0W3ZM.PNG</t>
  </si>
  <si>
    <t>$IIVBE09.PNG</t>
  </si>
  <si>
    <t>\\acsfs\profiles$\nayarasds\Downloads\$RECYCLE.BIN\$IIVBE09.PNG</t>
  </si>
  <si>
    <t>01/20/2020 15:13:52</t>
  </si>
  <si>
    <t>$IVDJ1GI.PNG</t>
  </si>
  <si>
    <t>\\acsfs\profiles$\nayarasds\Downloads\$RECYCLE.BIN\$IVDJ1GI.PNG</t>
  </si>
  <si>
    <t>$IUZPDW8.PNG</t>
  </si>
  <si>
    <t>\\acsfs\profiles$\nayarasds\Downloads\$RECYCLE.BIN\$IUZPDW8.PNG</t>
  </si>
  <si>
    <t>$IVI6153.PNG</t>
  </si>
  <si>
    <t>\\acsfs\profiles$\nayarasds\Downloads\$RECYCLE.BIN\$IVI6153.PNG</t>
  </si>
  <si>
    <t>$I3P010A.PNG</t>
  </si>
  <si>
    <t>\\acsfs\profiles$\nayarasds\Downloads\$RECYCLE.BIN\$I3P010A.PNG</t>
  </si>
  <si>
    <t>$IEATSIE.pptx</t>
  </si>
  <si>
    <t>\\acsfs\profiles$\nayarasds\Downloads\$RECYCLE.BIN\$IEATSIE.pptx</t>
  </si>
  <si>
    <t>$INGI925.pptx</t>
  </si>
  <si>
    <t>\\acsfs\profiles$\nayarasds\Downloads\$RECYCLE.BIN\$INGI925.pptx</t>
  </si>
  <si>
    <t>01/20/2020 15:13:53</t>
  </si>
  <si>
    <t>$ICFKRLW.xbap</t>
  </si>
  <si>
    <t>\\acsfs\profiles$\nayarasds\Downloads\$RECYCLE.BIN\$ICFKRLW.xbap</t>
  </si>
  <si>
    <t>$I8T12F7.zip</t>
  </si>
  <si>
    <t>\\acsfs\profiles$\nayarasds\Downloads\$RECYCLE.BIN\$I8T12F7.zip</t>
  </si>
  <si>
    <t>$IHTS814.ica</t>
  </si>
  <si>
    <t>\\acsfs\profiles$\nayarasds\Downloads\$RECYCLE.BIN\$IHTS814.ica</t>
  </si>
  <si>
    <t>$IZQQALJ.ica</t>
  </si>
  <si>
    <t>\\acsfs\profiles$\nayarasds\Downloads\$RECYCLE.BIN\$IZQQALJ.ica</t>
  </si>
  <si>
    <t>$IJ3V612.ica</t>
  </si>
  <si>
    <t>\\acsfs\profiles$\nayarasds\Downloads\$RECYCLE.BIN\$IJ3V612.ica</t>
  </si>
  <si>
    <t>$I5JLRP6.ica</t>
  </si>
  <si>
    <t>\\acsfs\profiles$\nayarasds\Downloads\$RECYCLE.BIN\$I5JLRP6.ica</t>
  </si>
  <si>
    <t>01/20/2020 15:13:54</t>
  </si>
  <si>
    <t>$I7FLMWR.ica</t>
  </si>
  <si>
    <t>\\acsfs\profiles$\nayarasds\Downloads\$RECYCLE.BIN\$I7FLMWR.ica</t>
  </si>
  <si>
    <t>$IPVS9GR.ica</t>
  </si>
  <si>
    <t>\\acsfs\profiles$\nayarasds\Downloads\$RECYCLE.BIN\$IPVS9GR.ica</t>
  </si>
  <si>
    <t>$ICHTNFF.ica</t>
  </si>
  <si>
    <t>\\acsfs\profiles$\nayarasds\Downloads\$RECYCLE.BIN\$ICHTNFF.ica</t>
  </si>
  <si>
    <t>$IDO1AIY.ica</t>
  </si>
  <si>
    <t>\\acsfs\profiles$\nayarasds\Downloads\$RECYCLE.BIN\$IDO1AIY.ica</t>
  </si>
  <si>
    <t>$IGAMVE1.ica</t>
  </si>
  <si>
    <t>\\acsfs\profiles$\nayarasds\Downloads\$RECYCLE.BIN\$IGAMVE1.ica</t>
  </si>
  <si>
    <t>$INE78WK.ica</t>
  </si>
  <si>
    <t>\\acsfs\profiles$\nayarasds\Downloads\$RECYCLE.BIN\$INE78WK.ica</t>
  </si>
  <si>
    <t>01/20/2020 15:13:55</t>
  </si>
  <si>
    <t>$IF1LU5H.ica</t>
  </si>
  <si>
    <t>\\acsfs\profiles$\nayarasds\Downloads\$RECYCLE.BIN\$IF1LU5H.ica</t>
  </si>
  <si>
    <t>$IVU1337.ica</t>
  </si>
  <si>
    <t>\\acsfs\profiles$\nayarasds\Downloads\$RECYCLE.BIN\$IVU1337.ica</t>
  </si>
  <si>
    <t>$IIWHVB6.ica</t>
  </si>
  <si>
    <t>\\acsfs\profiles$\nayarasds\Downloads\$RECYCLE.BIN\$IIWHVB6.ica</t>
  </si>
  <si>
    <t>$I1ME7HP.ica</t>
  </si>
  <si>
    <t>\\acsfs\profiles$\nayarasds\Downloads\$RECYCLE.BIN\$I1ME7HP.ica</t>
  </si>
  <si>
    <t>$IZHFGAA.ica</t>
  </si>
  <si>
    <t>\\acsfs\profiles$\nayarasds\Downloads\$RECYCLE.BIN\$IZHFGAA.ica</t>
  </si>
  <si>
    <t>01/20/2020 15:13:56</t>
  </si>
  <si>
    <t>$I4QEM08.ica</t>
  </si>
  <si>
    <t>\\acsfs\profiles$\nayarasds\Downloads\$RECYCLE.BIN\$I4QEM08.ica</t>
  </si>
  <si>
    <t>$IZT9UPC.ica</t>
  </si>
  <si>
    <t>\\acsfs\profiles$\nayarasds\Downloads\$RECYCLE.BIN\$IZT9UPC.ica</t>
  </si>
  <si>
    <t>$ICUSWG6.ica</t>
  </si>
  <si>
    <t>\\acsfs\profiles$\nayarasds\Downloads\$RECYCLE.BIN\$ICUSWG6.ica</t>
  </si>
  <si>
    <t>$ILJN2IP.ica</t>
  </si>
  <si>
    <t>\\acsfs\profiles$\nayarasds\Downloads\$RECYCLE.BIN\$ILJN2IP.ica</t>
  </si>
  <si>
    <t>$I53D4LF.ica</t>
  </si>
  <si>
    <t>\\acsfs\profiles$\nayarasds\Downloads\$RECYCLE.BIN\$I53D4LF.ica</t>
  </si>
  <si>
    <t>$IQPT5ZD.ica</t>
  </si>
  <si>
    <t>\\acsfs\profiles$\nayarasds\Downloads\$RECYCLE.BIN\$IQPT5ZD.ica</t>
  </si>
  <si>
    <t>01/20/2020 15:13:57</t>
  </si>
  <si>
    <t>$I1JEMLE.ica</t>
  </si>
  <si>
    <t>\\acsfs\profiles$\nayarasds\Downloads\$RECYCLE.BIN\$I1JEMLE.ica</t>
  </si>
  <si>
    <t>$IPMG6ZW.ica</t>
  </si>
  <si>
    <t>\\acsfs\profiles$\nayarasds\Downloads\$RECYCLE.BIN\$IPMG6ZW.ica</t>
  </si>
  <si>
    <t>$IMDRT4E.ica</t>
  </si>
  <si>
    <t>\\acsfs\profiles$\nayarasds\Downloads\$RECYCLE.BIN\$IMDRT4E.ica</t>
  </si>
  <si>
    <t>$ITM0IK1.ica</t>
  </si>
  <si>
    <t>\\acsfs\profiles$\nayarasds\Downloads\$RECYCLE.BIN\$ITM0IK1.ica</t>
  </si>
  <si>
    <t>$IAYSWJH.ica</t>
  </si>
  <si>
    <t>\\acsfs\profiles$\nayarasds\Downloads\$RECYCLE.BIN\$IAYSWJH.ica</t>
  </si>
  <si>
    <t>$I3ARL6X.ica</t>
  </si>
  <si>
    <t>\\acsfs\profiles$\nayarasds\Downloads\$RECYCLE.BIN\$I3ARL6X.ica</t>
  </si>
  <si>
    <t>01/20/2020 15:13:58</t>
  </si>
  <si>
    <t>$I0G1F67.ica</t>
  </si>
  <si>
    <t>\\acsfs\profiles$\nayarasds\Downloads\$RECYCLE.BIN\$I0G1F67.ica</t>
  </si>
  <si>
    <t>$IYL1C38.crdownload</t>
  </si>
  <si>
    <t>\\acsfs\profiles$\nayarasds\Downloads\$RECYCLE.BIN\$IYL1C38.crdownload</t>
  </si>
  <si>
    <t>$IYJ4MIK.ica</t>
  </si>
  <si>
    <t>\\acsfs\profiles$\nayarasds\Downloads\$RECYCLE.BIN\$IYJ4MIK.ica</t>
  </si>
  <si>
    <t>$IK33ID5.ica</t>
  </si>
  <si>
    <t>\\acsfs\profiles$\nayarasds\Downloads\$RECYCLE.BIN\$IK33ID5.ica</t>
  </si>
  <si>
    <t>$IS14PYE.ica</t>
  </si>
  <si>
    <t>\\acsfs\profiles$\nayarasds\Downloads\$RECYCLE.BIN\$IS14PYE.ica</t>
  </si>
  <si>
    <t>01/20/2020 15:13:59</t>
  </si>
  <si>
    <t>$I9I9SY0.ica</t>
  </si>
  <si>
    <t>\\acsfs\profiles$\nayarasds\Downloads\$RECYCLE.BIN\$I9I9SY0.ica</t>
  </si>
  <si>
    <t>$ISODLO5.ica</t>
  </si>
  <si>
    <t>\\acsfs\profiles$\nayarasds\Downloads\$RECYCLE.BIN\$ISODLO5.ica</t>
  </si>
  <si>
    <t>$I4TEQ9N.ica</t>
  </si>
  <si>
    <t>\\acsfs\profiles$\nayarasds\Downloads\$RECYCLE.BIN\$I4TEQ9N.ica</t>
  </si>
  <si>
    <t>$IFTHUG4.ica</t>
  </si>
  <si>
    <t>\\acsfs\profiles$\nayarasds\Downloads\$RECYCLE.BIN\$IFTHUG4.ica</t>
  </si>
  <si>
    <t>$IJOKTTC.ica</t>
  </si>
  <si>
    <t>\\acsfs\profiles$\nayarasds\Downloads\$RECYCLE.BIN\$IJOKTTC.ica</t>
  </si>
  <si>
    <t>$IQ6NBFY.ica</t>
  </si>
  <si>
    <t>\\acsfs\profiles$\nayarasds\Downloads\$RECYCLE.BIN\$IQ6NBFY.ica</t>
  </si>
  <si>
    <t>$I540780.ica</t>
  </si>
  <si>
    <t>\\acsfs\profiles$\nayarasds\Downloads\$RECYCLE.BIN\$I540780.ica</t>
  </si>
  <si>
    <t>01/20/2020 15:14:00</t>
  </si>
  <si>
    <t>$IKVSV7D.ica</t>
  </si>
  <si>
    <t>\\acsfs\profiles$\nayarasds\Downloads\$RECYCLE.BIN\$IKVSV7D.ica</t>
  </si>
  <si>
    <t>$I1VWMQ9.ica</t>
  </si>
  <si>
    <t>\\acsfs\profiles$\nayarasds\Downloads\$RECYCLE.BIN\$I1VWMQ9.ica</t>
  </si>
  <si>
    <t>$IIB8T0N.ica</t>
  </si>
  <si>
    <t>\\acsfs\profiles$\nayarasds\Downloads\$RECYCLE.BIN\$IIB8T0N.ica</t>
  </si>
  <si>
    <t>$IPQ0W9I.ica</t>
  </si>
  <si>
    <t>\\acsfs\profiles$\nayarasds\Downloads\$RECYCLE.BIN\$IPQ0W9I.ica</t>
  </si>
  <si>
    <t>$IIRHYPX.ica</t>
  </si>
  <si>
    <t>\\acsfs\profiles$\nayarasds\Downloads\$RECYCLE.BIN\$IIRHYPX.ica</t>
  </si>
  <si>
    <t>$IPL67AL.ica</t>
  </si>
  <si>
    <t>\\acsfs\profiles$\nayarasds\Downloads\$RECYCLE.BIN\$IPL67AL.ica</t>
  </si>
  <si>
    <t>$I3DH1LW.ica</t>
  </si>
  <si>
    <t>\\acsfs\profiles$\nayarasds\Downloads\$RECYCLE.BIN\$I3DH1LW.ica</t>
  </si>
  <si>
    <t>$IDDS3GV.ica</t>
  </si>
  <si>
    <t>\\acsfs\profiles$\nayarasds\Downloads\$RECYCLE.BIN\$IDDS3GV.ica</t>
  </si>
  <si>
    <t>01/20/2020 15:14:01</t>
  </si>
  <si>
    <t>$IXWUZKD.ica</t>
  </si>
  <si>
    <t>\\acsfs\profiles$\nayarasds\Downloads\$RECYCLE.BIN\$IXWUZKD.ica</t>
  </si>
  <si>
    <t>$IFAN5FW.ica</t>
  </si>
  <si>
    <t>\\acsfs\profiles$\nayarasds\Downloads\$RECYCLE.BIN\$IFAN5FW.ica</t>
  </si>
  <si>
    <t>$IQXPWGT.ica</t>
  </si>
  <si>
    <t>\\acsfs\profiles$\nayarasds\Downloads\$RECYCLE.BIN\$IQXPWGT.ica</t>
  </si>
  <si>
    <t>$IQH98YW.ica</t>
  </si>
  <si>
    <t>\\acsfs\profiles$\nayarasds\Downloads\$RECYCLE.BIN\$IQH98YW.ica</t>
  </si>
  <si>
    <t>$IJMOQKB.ica</t>
  </si>
  <si>
    <t>\\acsfs\profiles$\nayarasds\Downloads\$RECYCLE.BIN\$IJMOQKB.ica</t>
  </si>
  <si>
    <t>$IRDOPOT.ica</t>
  </si>
  <si>
    <t>\\acsfs\profiles$\nayarasds\Downloads\$RECYCLE.BIN\$IRDOPOT.ica</t>
  </si>
  <si>
    <t>01/20/2020 15:14:02</t>
  </si>
  <si>
    <t>$I3HUFAQ.ica</t>
  </si>
  <si>
    <t>\\acsfs\profiles$\nayarasds\Downloads\$RECYCLE.BIN\$I3HUFAQ.ica</t>
  </si>
  <si>
    <t>$IPFZVM4.ica</t>
  </si>
  <si>
    <t>\\acsfs\profiles$\nayarasds\Downloads\$RECYCLE.BIN\$IPFZVM4.ica</t>
  </si>
  <si>
    <t>$IH7Z28Q.ica</t>
  </si>
  <si>
    <t>\\acsfs\profiles$\nayarasds\Downloads\$RECYCLE.BIN\$IH7Z28Q.ica</t>
  </si>
  <si>
    <t>$I0HBK79.ica</t>
  </si>
  <si>
    <t>\\acsfs\profiles$\nayarasds\Downloads\$RECYCLE.BIN\$I0HBK79.ica</t>
  </si>
  <si>
    <t>$IVGXPRY.ica</t>
  </si>
  <si>
    <t>\\acsfs\profiles$\nayarasds\Downloads\$RECYCLE.BIN\$IVGXPRY.ica</t>
  </si>
  <si>
    <t>$I33OYEK.ica</t>
  </si>
  <si>
    <t>\\acsfs\profiles$\nayarasds\Downloads\$RECYCLE.BIN\$I33OYEK.ica</t>
  </si>
  <si>
    <t>01/20/2020 15:14:03</t>
  </si>
  <si>
    <t>$I6UHJRB.ica</t>
  </si>
  <si>
    <t>\\acsfs\profiles$\nayarasds\Downloads\$RECYCLE.BIN\$I6UHJRB.ica</t>
  </si>
  <si>
    <t>$IJKU9CE.ica</t>
  </si>
  <si>
    <t>\\acsfs\profiles$\nayarasds\Downloads\$RECYCLE.BIN\$IJKU9CE.ica</t>
  </si>
  <si>
    <t>01/20/2020 15:14:04</t>
  </si>
  <si>
    <t>$IVQOAPW.ica</t>
  </si>
  <si>
    <t>\\acsfs\profiles$\nayarasds\Downloads\$RECYCLE.BIN\$IVQOAPW.ica</t>
  </si>
  <si>
    <t>$IZJ8CIX.ica</t>
  </si>
  <si>
    <t>\\acsfs\profiles$\nayarasds\Downloads\$RECYCLE.BIN\$IZJ8CIX.ica</t>
  </si>
  <si>
    <t>$IT8M0QM.ica</t>
  </si>
  <si>
    <t>\\acsfs\profiles$\nayarasds\Downloads\$RECYCLE.BIN\$IT8M0QM.ica</t>
  </si>
  <si>
    <t>$IZSFNJK.ica</t>
  </si>
  <si>
    <t>\\acsfs\profiles$\nayarasds\Downloads\$RECYCLE.BIN\$IZSFNJK.ica</t>
  </si>
  <si>
    <t>$I7KHLIE.ica</t>
  </si>
  <si>
    <t>\\acsfs\profiles$\nayarasds\Downloads\$RECYCLE.BIN\$I7KHLIE.ica</t>
  </si>
  <si>
    <t>$IAO40VK.ica</t>
  </si>
  <si>
    <t>\\acsfs\profiles$\nayarasds\Downloads\$RECYCLE.BIN\$IAO40VK.ica</t>
  </si>
  <si>
    <t>01/20/2020 15:14:05</t>
  </si>
  <si>
    <t>$IRMQ32I.ica</t>
  </si>
  <si>
    <t>\\acsfs\profiles$\nayarasds\Downloads\$RECYCLE.BIN\$IRMQ32I.ica</t>
  </si>
  <si>
    <t>$IRI50GZ.ica</t>
  </si>
  <si>
    <t>\\acsfs\profiles$\nayarasds\Downloads\$RECYCLE.BIN\$IRI50GZ.ica</t>
  </si>
  <si>
    <t>01/20/2020 15:10:09</t>
  </si>
  <si>
    <t>RELAT_FILAS_1001_DIAR_20191228_035656.CSV</t>
  </si>
  <si>
    <t>\\acsfs\DEPTOS\Operacao\Banco_Votorantim\Supervisao\RELAT_FILAS_1001_DIAR_20191228_035656.CSV</t>
  </si>
  <si>
    <t>01/20/2020 15:10:12</t>
  </si>
  <si>
    <t>RELAT_FILAS_1001_DIAR_20191229_033324.CSV</t>
  </si>
  <si>
    <t>\\acsfs\DEPTOS\Operacao\Banco_Votorantim\Supervisao\RELAT_FILAS_1001_DIAR_20191229_033324.CSV</t>
  </si>
  <si>
    <t>01/20/2020 15:10:14</t>
  </si>
  <si>
    <t>RELAT_FILAS_1001_DIAR_20191230_030504.CSV</t>
  </si>
  <si>
    <t>\\acsfs\DEPTOS\Operacao\Banco_Votorantim\Supervisao\RELAT_FILAS_1001_DIAR_20191230_030504.CSV</t>
  </si>
  <si>
    <t>01/20/2020 15:10:21</t>
  </si>
  <si>
    <t>RELAT_FILAS_1001_DIAR_20191231_033314.CSV</t>
  </si>
  <si>
    <t>\\acsfs\DEPTOS\Operacao\Banco_Votorantim\Supervisao\RELAT_FILAS_1001_DIAR_20191231_033314.CSV</t>
  </si>
  <si>
    <t>01/20/2020 15:10:23</t>
  </si>
  <si>
    <t>RELAT_FILAS_1001_DIAR_20200101_032132.CSV</t>
  </si>
  <si>
    <t>\\acsfs\DEPTOS\Operacao\Banco_Votorantim\Supervisao\RELAT_FILAS_1001_DIAR_20200101_032132.CSV</t>
  </si>
  <si>
    <t>Base Consolidada.xlsb</t>
  </si>
  <si>
    <t>\\acsfs\DEPTOS\Operacao\Banco_Votorantim\Supervisao\Base Consolidada.xlsb</t>
  </si>
  <si>
    <t>01/20/2020 15:14:21</t>
  </si>
  <si>
    <t>01/20/2020 15:16:24</t>
  </si>
  <si>
    <t>01/20/2020 15:14:07</t>
  </si>
  <si>
    <t>4b37692d-5413-4d81-ac59-a502951bb746.tmp</t>
  </si>
  <si>
    <t>\\acsfs\profiles$\jhonatadss\Downloads\4b37692d-5413-4d81-ac59-a502951bb746.tmp</t>
  </si>
  <si>
    <t>01/20/2020 15:15:40</t>
  </si>
  <si>
    <t>01/20/2020 15:15:43</t>
  </si>
  <si>
    <t>01/20/2020 15:17:24</t>
  </si>
  <si>
    <t>01/20/2020 15:15:44</t>
  </si>
  <si>
    <t>55212863-1850-4db1-a65f-cbec556d65f9.tmp</t>
  </si>
  <si>
    <t>\\acsfs\profiles$\Angelicacldr\Downloads\55212863-1850-4db1-a65f-cbec556d65f9.tmp</t>
  </si>
  <si>
    <t>d33ada90-4497-4b5f-9a5d-66dfe692da5a.tmp</t>
  </si>
  <si>
    <t>\\acsfs\profiles$\Angelicacldr\Downloads\d33ada90-4497-4b5f-9a5d-66dfe692da5a.tmp</t>
  </si>
  <si>
    <t>01/20/2020 15:16:41</t>
  </si>
  <si>
    <t>90bf51d4-6cdc-4116-a3ed-056dd6ec6a99.tmp</t>
  </si>
  <si>
    <t>\\acsfs\profiles$\Angelicacldr\Downloads\90bf51d4-6cdc-4116-a3ed-056dd6ec6a99.tmp</t>
  </si>
  <si>
    <t>01/20/2020 15:15:15</t>
  </si>
  <si>
    <t>01/20/2020 15:18:24</t>
  </si>
  <si>
    <t>01/20/2020 15:14:54</t>
  </si>
  <si>
    <t>01/20/2020 15:13:06</t>
  </si>
  <si>
    <t>c179a44d-8f34-4a23-be4d-2d74f95ab222.tmp</t>
  </si>
  <si>
    <t>\\acsfs\profiles$\ingridsm\Downloads\c179a44d-8f34-4a23-be4d-2d74f95ab222.tmp</t>
  </si>
  <si>
    <t>01/20/2020 15:16:01</t>
  </si>
  <si>
    <t>01/20/2020 15:16:19</t>
  </si>
  <si>
    <t>01/20/2020 15:19:24</t>
  </si>
  <si>
    <t>7bc1346b-0fdc-4e37-b467-9984e5381309.tmp</t>
  </si>
  <si>
    <t>\\acsfs\profiles$\valeriasda\Downloads\7bc1346b-0fdc-4e37-b467-9984e5381309.tmp</t>
  </si>
  <si>
    <t>01/20/2020 15:17:03</t>
  </si>
  <si>
    <t>64340e25-c2ee-438a-9b38-93cc149d8c2b.tmp</t>
  </si>
  <si>
    <t>\\acsfs\profiles$\valeriasda\Downloads\64340e25-c2ee-438a-9b38-93cc149d8c2b.tmp</t>
  </si>
  <si>
    <t>01/20/2020 15:17:09</t>
  </si>
  <si>
    <t>f33f5e94-d115-416c-bbfd-acf7eda53ae1.tmp</t>
  </si>
  <si>
    <t>\\acsfs\profiles$\valeriasda\Downloads\f33f5e94-d115-416c-bbfd-acf7eda53ae1.tmp</t>
  </si>
  <si>
    <t>01/20/2020 15:17:27</t>
  </si>
  <si>
    <t>90377d5e-2433-47f5-9d41-a10b8f410534.tmp</t>
  </si>
  <si>
    <t>\\acsfs\profiles$\valeriasda\Downloads\90377d5e-2433-47f5-9d41-a10b8f410534.tmp</t>
  </si>
  <si>
    <t>01/20/2020 15:17:31</t>
  </si>
  <si>
    <t>bcb328e1-c70a-445f-a5d2-c90d6488697b.tmp</t>
  </si>
  <si>
    <t>\\acsfs\profiles$\valeriasda\Downloads\bcb328e1-c70a-445f-a5d2-c90d6488697b.tmp</t>
  </si>
  <si>
    <t>01/20/2020 15:16:30</t>
  </si>
  <si>
    <t>01/20/2020 15:20:25</t>
  </si>
  <si>
    <t>d79dba90-0399-4872-a507-2865242a8787.tmp</t>
  </si>
  <si>
    <t>\\acsfs\profiles$\adrielyas\Downloads\d79dba90-0399-4872-a507-2865242a8787.tmp</t>
  </si>
  <si>
    <t>01/20/2020 15:16:43</t>
  </si>
  <si>
    <t>01/20/2020 15:16:48</t>
  </si>
  <si>
    <t>01/20/2020 15:16:55</t>
  </si>
  <si>
    <t>01/20/2020 15:17:04</t>
  </si>
  <si>
    <t>01/20/2020 15:17:13</t>
  </si>
  <si>
    <t>01/20/2020 15:17:20</t>
  </si>
  <si>
    <t>01/20/2020 15:17:32</t>
  </si>
  <si>
    <t>01/20/2020 15:17:36</t>
  </si>
  <si>
    <t>01/20/2020 15:17:42</t>
  </si>
  <si>
    <t>01/20/2020 15:18:02</t>
  </si>
  <si>
    <t>"mozilla/5.0 (windows nt 6.1) applewebkit/537.36 (khtml;1;13;13700109;13700607;13700883;13701139;13701214;13701298;13701418;13701458;13701577;13701589;13701613;13701625;13701657;13701749;13701825;13701901;13701921;13701949;13701953;13701969;13702064;13702088;1579520900840000;1579520901989000;1579528428892;1579532943833;26;41;621969351;[[13701450;[];[]]];adfn-csyrvwqermfbxam1mkavsrzjlg0rundo9gysmvmlrxxhlhfmqhcw7_ynhcatkqscdyldsiy;ancestorhasaugmentedpermissions;containsunsubscribedchildren;displayname;domain;emailaddress;false;false];fedb0gqdtuqawg";file(kind;fileid;filesize;hasthumbnail;hasvisitorpermissions;id;id);items(deleted;items(kind;ken;ken=ac4w5vi0ka-sxkbznvlqg8lj5-wvx_fz5a:1579520900837&amp;buildlabel=drive.web-frontend_20200108.00_p2�cΖ;kind;l-ckacf_7r3zozh1hhizn88xwetaapoebcpjm5ey2zyse1nt3xmnhcr-rz9s-zdg-5-xx2v8f_tzsvcfibwrle5qaq53vh6r8m19mnq0rhk68ibitnjgrsmrdalihic4l1lxyqga8ovr5etkjjbkmsgw0htomrw0ftovchx76kgoyskqvpqzuqo0mrsk-nevtbmaqaleloorbdq4mjvgtmunagardgcvqomsjf2dfmbefzskm2b2sgehmip1;lastmodifying</t>
  </si>
  <si>
    <t>"mozilla/5.0 (windows nt 6.1) applewebkit/537.36 (khtml,1,13,13700109,13700607,13700883,13701139,13701214,13701298,13701418,13701458,13701577,13701589,13701613,13701625,13701657,13701749,13701825,13701901,13701921,13701949,13701953,13701969,13702064,13702088,1579520900840000,1579520901989000,1579528428892,1579532943833,26,41,621969351,[[13701450,[],[]]],adfn-csyrvwqermfbxam1mkavsrzjlg0rundo9gysmvmlrxxhlhfmqhcw7_ynhcatkqscdyldsiy,ancestorhasaugmentedpermissions,containsunsubscribedchildren,displayname,domain,emailaddress,false,false],fedb0gqdtuqawg",file(kind,fileid,filesize,hasthumbnail,hasvisitorpermissions,id,id),items(deleted,items(kind,ken,ken=ac4w5vi0ka-sxkbznvlqg8lj5-wvx_fz5a:1579520900837&amp;buildlabel=drive.web-frontend_20200108.00_p2�cΖ,kind,l-ckacf_7r3zozh1hhizn88xwetaapoebcpjm5ey2zyse1nt3xmnhcr-rz9s-zdg-5-xx2v8f_tzsvcfibwrle5qaq53vh6r8m19mnq0rhk68ibitnjgrsmrdalihic4l1lxyqga8ovr5etkjjbkmsgw0htomrw0ftovchx76kgoyskqvpqzuqo0mrsk-nevtbmaqaleloorbdq4mjvgtmunagardgcvqomsjf2dfmbefzskm2b2sgehmip1,lastmodifying</t>
  </si>
  <si>
    <t>01/20/2020 15:18:06</t>
  </si>
  <si>
    <t>01/20/2020 15:19:47</t>
  </si>
  <si>
    <t>01/20/2020 15:21:24</t>
  </si>
  <si>
    <t>01/20/2020 15:19:15</t>
  </si>
  <si>
    <t>0687f9f6-4bc5-4084-b37b-eab1e8b8b300.tmp</t>
  </si>
  <si>
    <t>\\acsfs\profiles$\andreapdsg\Downloads\0687f9f6-4bc5-4084-b37b-eab1e8b8b300.tmp</t>
  </si>
  <si>
    <t>01/20/2020 15:19:18</t>
  </si>
  <si>
    <t>01/20/2020 15:19:43</t>
  </si>
  <si>
    <t>01/20/2020 15:20:20</t>
  </si>
  <si>
    <t>https://udpmailboxap01.acs.com.br:8443/h/search?si=0&amp;so=0&amp;sc=79212&amp;sfi=2&amp;st=conversation&amp;action=compose&amp;paction=rowview</t>
  </si>
  <si>
    <t>01/20/2020 15:22:24</t>
  </si>
  <si>
    <t>01/20/2020 15:21:29</t>
  </si>
  <si>
    <t>10.200.66.22</t>
  </si>
  <si>
    <t>74-86-7A-FB-17-B1</t>
  </si>
  <si>
    <t>VOTORANT-YB005</t>
  </si>
  <si>
    <t>patricialr</t>
  </si>
  <si>
    <t>https://udpwfmniceap02/web/guest/home?p_auth=4yvrjx6e&amp;p_p_id=58&amp;p_p_lifecycle=1&amp;p_p_state=maximized&amp;p_p_mode=view&amp;savelastpath=0&amp;_58_struts_action=/login/forgot_password</t>
  </si>
  <si>
    <t>01/20/2020 15:23:24</t>
  </si>
  <si>
    <t>01/20/2020 15:18:19</t>
  </si>
  <si>
    <t>01/20/2020 15:20:04</t>
  </si>
  <si>
    <t>01/20/2020 15:22:18</t>
  </si>
  <si>
    <t>01/20/2020 15:18:38</t>
  </si>
  <si>
    <t>01/20/2020 15:18:41</t>
  </si>
  <si>
    <t>01/20/2020 15:24:24</t>
  </si>
  <si>
    <t>01/20/2020 15:22:30</t>
  </si>
  <si>
    <t>01/20/2020 15:23:10</t>
  </si>
  <si>
    <t>01/20/2020 15:20:29</t>
  </si>
  <si>
    <t>01/20/2020 15:25:24</t>
  </si>
  <si>
    <t>1579521205985,1579521506979,2,3,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t7ntaw-ohopmln6yo4wasvzzu2uprfzp3bdrem5qoee\",mrw0ftovchx76kgoyskqvpqzuqo0mrsk-nevtbmaqaleloorbdq4mjvgtmunagardgcvqomsjf2dfmbefzskm2b2sgehmip1t4cvexbtpssk2sdjt6951wlkaev-qbpxn2strgesn6t0wc7ahptj_e6akbt7rpykdguoorotjjojr2vprr4zefrh7</t>
  </si>
  <si>
    <t>01/20/2020 15:20:34</t>
  </si>
  <si>
    <t>01/20/2020 15:20:42</t>
  </si>
  <si>
    <t>01/20/2020 15:23:36</t>
  </si>
  <si>
    <t>1;1579520906502;1579542888961;621969351;74;[];[]]];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_rntaw8mzvzjuenkzozfh9ctizgqvpsoktjblelwj3e\";mrw0ftovchx76kgoyskqvpqzuqo0mrsk-nevtbmaqaleloorbdq4mjvgtmunagardgcvqomsjf2dfmbefzskm2b2sgehmip1t4cvexbtpssk2sdjt6951wlkaev-qbpxn2strgesn6t0wc7ahptj_e6akbt7rpykdguoorotjjojr2vprr4zefrh7i8ekftw_f_-u1emtiy6u1k09ydghmcnooax7ywi6zi1tbntaw_cv432xjli-iuuhgiz4nr-17bnyajfdumlwju\";null;true]";vchx76kgoyskqvpqzuqo0mrsk-nevtbmaqaleloorbdq4mjvgtmunagardgcvqomsjf2dfmbefzskm2b2sgehmip1t4cvexbtpssk2sdjt6951wlkaev-qbpxn2strgesn6t0wc7ahptj_e6akbt7rpykd</t>
  </si>
  <si>
    <t>1,1579520906502,1579542888961,621969351,74,[],[]]],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_rntaw8mzvzjuenkzozfh9ctizgqvpsoktjblelwj3e\",mrw0ftovchx76kgoyskqvpqzuqo0mrsk-nevtbmaqaleloorbdq4mjvgtmunagardgcvqomsjf2dfmbefzskm2b2sgehmip1t4cvexbtpssk2sdjt6951wlkaev-qbpxn2strgesn6t0wc7ahptj_e6akbt7rpykdguoorotjjojr2vprr4zefrh7i8ekftw_f_-u1emtiy6u1k09ydghmcnooax7ywi6zi1tbntaw_cv432xjli-iuuhgiz4nr-17bnyajfdumlwju\",null,true]",vchx76kgoyskqvpqzuqo0mrsk-nevtbmaqaleloorbdq4mjvgtmunagardgcvqomsjf2dfmbefzskm2b2sgehmip1t4cvexbtpssk2sdjt6951wlkaev-qbpxn2strgesn6t0wc7ahptj_e6akbt7rpykd</t>
  </si>
  <si>
    <t>01/20/2020 15:23:44</t>
  </si>
  <si>
    <t>01/20/2020 15:23:46</t>
  </si>
  <si>
    <t>01/20/2020 15:23:51</t>
  </si>
  <si>
    <t>01/20/2020 15:23:52</t>
  </si>
  <si>
    <t>01/20/2020 15:26:24</t>
  </si>
  <si>
    <t>01/20/2020 15:21:48</t>
  </si>
  <si>
    <t>b6908f63-699a-4f53-9234-56121137af42.tmp</t>
  </si>
  <si>
    <t>\\acsfs\profiles$\andreapdsg\Downloads\b6908f63-699a-4f53-9234-56121137af42.tmp</t>
  </si>
  <si>
    <t>01/20/2020 15:21:31</t>
  </si>
  <si>
    <t>https://udpmailboxap01.acs.com.br:8443/h/search?si=0&amp;so=0&amp;sc=79246&amp;sfi=5&amp;st=conversation&amp;action=compose&amp;id=2804&amp;paction=view&amp;rf=html&amp;op=forward</t>
  </si>
  <si>
    <t>gabrieleods@bv.algartech.com;</t>
  </si>
  <si>
    <t>https://gabrieleods@bv.algartech.com</t>
  </si>
  <si>
    <t>01/20/2020 15:21:27</t>
  </si>
  <si>
    <t>a07a7da9-5f9e-40a9-b37a-f1d4467cc2e4.tmp</t>
  </si>
  <si>
    <t>\\acsfs\profiles$\sarahbal\Downloads\a07a7da9-5f9e-40a9-b37a-f1d4467cc2e4.tmp</t>
  </si>
  <si>
    <t>01/20/2020 15:22:12</t>
  </si>
  <si>
    <t>01/20/2020 15:27:24</t>
  </si>
  <si>
    <t>a759c140-4dd9-4aa3-b043-0e5fe5ec5a91.tmp</t>
  </si>
  <si>
    <t>\\acsfs\profiles$\larissaad\Downloads\a759c140-4dd9-4aa3-b043-0e5fe5ec5a91.tmp</t>
  </si>
  <si>
    <t>01/20/2020 15:22:08</t>
  </si>
  <si>
    <t>https://udpwfmniceap02/pt_pt/web/guest/home?p_auth=4yvrjx6e&amp;p_p_id=58&amp;p_p_lifecycle=1&amp;p_p_state=maximized&amp;p_p_mode=view&amp;savelastpath=0&amp;_58_struts_action=/login/forgot_password</t>
  </si>
  <si>
    <t>01/20/2020 15:23:32</t>
  </si>
  <si>
    <t>https://udpwfmniceap02/pt_br/web/guest/home?p_auth=4yvrjx6e&amp;p_p_id=58&amp;p_p_lifecycle=1&amp;p_p_state=maximized&amp;p_p_mode=view&amp;savelastpath=0&amp;_58_struts_action=/login/forgot_password</t>
  </si>
  <si>
    <t>01/20/2020 15:28:24</t>
  </si>
  <si>
    <t>01/20/2020 15:25:59</t>
  </si>
  <si>
    <t>6ed71fc3-9a9a-4c80-ac44-804a03ce7330.tmp</t>
  </si>
  <si>
    <t>\\acsfs\profiles$\ingridsm\Downloads\6ed71fc3-9a9a-4c80-ac44-804a03ce7330.tmp</t>
  </si>
  <si>
    <t>01/20/2020 15:29:24</t>
  </si>
  <si>
    <t>01/20/2020 15:24:55</t>
  </si>
  <si>
    <t>2e621733-ea77-4db5-a6fa-1feeb2eb3ade.tmp</t>
  </si>
  <si>
    <t>\\acsfs\profiles$\nycolleemdj\Downloads\2e621733-ea77-4db5-a6fa-1feeb2eb3ade.tmp</t>
  </si>
  <si>
    <t>01/20/2020 15:25:58</t>
  </si>
  <si>
    <t>fe7339dc-cb95-4721-9850-56d5c75deec3.tmp</t>
  </si>
  <si>
    <t>\\acsfs\profiles$\nycolleemdj\Downloads\fe7339dc-cb95-4721-9850-56d5c75deec3.tmp</t>
  </si>
  <si>
    <t>01/20/2020 15:24:34</t>
  </si>
  <si>
    <t>01/20/2020 15:25:53</t>
  </si>
  <si>
    <t>af314aaa-9cf7-476f-b608-e60de6dede2a.tmp</t>
  </si>
  <si>
    <t>\\acsfs\profiles$\danielac\Downloads\af314aaa-9cf7-476f-b608-e60de6dede2a.tmp</t>
  </si>
  <si>
    <t>01/20/2020 15:27:25</t>
  </si>
  <si>
    <t>01/20/2020 15:26:27</t>
  </si>
  <si>
    <t>01/20/2020 15:30:24</t>
  </si>
  <si>
    <t>Vendas de Serviços ALGAR - Janeiro_2020 (8).xlsb</t>
  </si>
  <si>
    <t>\\acsfs\DEPTOS\Operacao\Banco_Votorantim\Supervisao\SUPERS BV CARTÕES\ADILSON\Vendas de Serviços ALGAR - Janeiro_2020 (8).xlsb</t>
  </si>
  <si>
    <t>01/20/2020 15:31:24</t>
  </si>
  <si>
    <t>01/20/2020 15:30:25</t>
  </si>
  <si>
    <t>e2d0689f-21cb-4143-bacc-c3998bd9bb33.tmp</t>
  </si>
  <si>
    <t>\\acsfs\profiles$\DALVADFB\Downloads\e2d0689f-21cb-4143-bacc-c3998bd9bb33.tmp</t>
  </si>
  <si>
    <t>01/20/2020 15:14:55</t>
  </si>
  <si>
    <t>01/20/2020 15:33:24</t>
  </si>
  <si>
    <t>lu234008ewtbz.tmp</t>
  </si>
  <si>
    <t>\\acsfs\profiles$\regisedsj\My Documents\lu234008ewtbz.tmp</t>
  </si>
  <si>
    <t>\\acsfs\profiles$\regisedsj\My Documents\lu234008ewtbz.tmp\</t>
  </si>
  <si>
    <t>\\acsfs\profiles$\regisedsj\My Documents\lu234008ewtbz.tmp\META-INF\</t>
  </si>
  <si>
    <t>\\acsfs\profiles$\regisedsj\My Documents\lu234008ewtbz.tmp\Thumbnails\</t>
  </si>
  <si>
    <t>01/20/2020 15:32:34</t>
  </si>
  <si>
    <t>01/20/2020 15:29:28</t>
  </si>
  <si>
    <t>01/20/2020 15:29:49</t>
  </si>
  <si>
    <t>01/20/2020 15:32:36</t>
  </si>
  <si>
    <t>01/20/2020 15:34:24</t>
  </si>
  <si>
    <t>01/20/2020 15:31:33</t>
  </si>
  <si>
    <t>a5b538b3-2e49-495a-a665-1ea62f756fdc.tmp</t>
  </si>
  <si>
    <t>\\acsfs\profiles$\geovannasm\Downloads\a5b538b3-2e49-495a-a665-1ea62f756fdc.tmp</t>
  </si>
  <si>
    <t>01/20/2020 15:35:24</t>
  </si>
  <si>
    <t>01/20/2020 15:31:20</t>
  </si>
  <si>
    <t>01/20/2020 15:31:25</t>
  </si>
  <si>
    <t>01/20/2020 15:31:26</t>
  </si>
  <si>
    <t>01/20/2020 15:31:41</t>
  </si>
  <si>
    <t>01/20/2020 15:31:42</t>
  </si>
  <si>
    <t>01/20/2020 15:31:43</t>
  </si>
  <si>
    <t>01/20/2020 15:31:46</t>
  </si>
  <si>
    <t>01/20/2020 15:31:47</t>
  </si>
  <si>
    <t>01/20/2020 15:31:48</t>
  </si>
  <si>
    <t>01/20/2020 15:31:50</t>
  </si>
  <si>
    <t>01/20/2020 15:31:53</t>
  </si>
  <si>
    <t>01/20/2020 15:31:54</t>
  </si>
  <si>
    <t>01/20/2020 15:31:55</t>
  </si>
  <si>
    <t>01/20/2020 15:31:57</t>
  </si>
  <si>
    <t>01/20/2020 15:31:59</t>
  </si>
  <si>
    <t>01/20/2020 15:32:01</t>
  </si>
  <si>
    <t>01/20/2020 15:32:02</t>
  </si>
  <si>
    <t>01/20/2020 15:32:04</t>
  </si>
  <si>
    <t>01/20/2020 15:32:05</t>
  </si>
  <si>
    <t>01/20/2020 15:32:06</t>
  </si>
  <si>
    <t>01/20/2020 15:32:07</t>
  </si>
  <si>
    <t>01/20/2020 15:32:08</t>
  </si>
  <si>
    <t>01/20/2020 15:32:10</t>
  </si>
  <si>
    <t>01/20/2020 15:32:12</t>
  </si>
  <si>
    <t>01/20/2020 15:32:13</t>
  </si>
  <si>
    <t>01/20/2020 15:32:14</t>
  </si>
  <si>
    <t>01/20/2020 15:32:15</t>
  </si>
  <si>
    <t>01/20/2020 15:32:16</t>
  </si>
  <si>
    <t>01/20/2020 15:32:18</t>
  </si>
  <si>
    <t>01/20/2020 15:32:19</t>
  </si>
  <si>
    <t>01/20/2020 15:32:20</t>
  </si>
  <si>
    <t>01/20/2020 15:32:21</t>
  </si>
  <si>
    <t>01/20/2020 15:32:29</t>
  </si>
  <si>
    <t>01/20/2020 15:32:30</t>
  </si>
  <si>
    <t>01/20/2020 15:32:31</t>
  </si>
  <si>
    <t>01/20/2020 15:32:33</t>
  </si>
  <si>
    <t>01/20/2020 15:32:35</t>
  </si>
  <si>
    <t>01/20/2020 15:32:38</t>
  </si>
  <si>
    <t>01/20/2020 15:32:40</t>
  </si>
  <si>
    <t>01/20/2020 15:32:42</t>
  </si>
  <si>
    <t>01/20/2020 15:32:44</t>
  </si>
  <si>
    <t>01/20/2020 15:33:20</t>
  </si>
  <si>
    <t>01/20/2020 15:33:51</t>
  </si>
  <si>
    <t>mail.google.com/sync/u/0/i/s?hl=pt-BR&amp;c=1892</t>
  </si>
  <si>
    <t>01/20/2020 15:34:04</t>
  </si>
  <si>
    <t>mail.google.com/sync/u/0/i/s?hl=pt-BR&amp;c=1898</t>
  </si>
  <si>
    <t>01/20/2020 15:34:46</t>
  </si>
  <si>
    <t>mail.google.com/sync/u/0/i/s?hl=pt-BR&amp;c=1905</t>
  </si>
  <si>
    <t>01/20/2020 15:34:49</t>
  </si>
  <si>
    <t>01/20/2020 15:36:24</t>
  </si>
  <si>
    <t>01/20/2020 15:33:31</t>
  </si>
  <si>
    <t>717aedfc-f308-49ea-a34d-b0a8298b99ab.tmp</t>
  </si>
  <si>
    <t>\\acsfs\profiles$\sarahbal\Downloads\717aedfc-f308-49ea-a34d-b0a8298b99ab.tmp</t>
  </si>
  <si>
    <t>01/20/2020 15:32:54</t>
  </si>
  <si>
    <t>01/20/2020 15:37:24</t>
  </si>
  <si>
    <t>70815430-fc8f-4a77-ba4d-393c04294ba1.tmp</t>
  </si>
  <si>
    <t>\\acsfs\profiles$\LAISLG\Downloads\70815430-fc8f-4a77-ba4d-393c04294ba1.tmp</t>
  </si>
  <si>
    <t>01/20/2020 15:32:45</t>
  </si>
  <si>
    <t>01/20/2020 15:38:24</t>
  </si>
  <si>
    <t>01/20/2020 15:32:46</t>
  </si>
  <si>
    <t>01/20/2020 15:32:56</t>
  </si>
  <si>
    <t>01/20/2020 15:32:59</t>
  </si>
  <si>
    <t>01/20/2020 15:33:01</t>
  </si>
  <si>
    <t>01/20/2020 15:33:10</t>
  </si>
  <si>
    <t>01/20/2020 15:33:12</t>
  </si>
  <si>
    <t>01/20/2020 15:33:23</t>
  </si>
  <si>
    <t>01/20/2020 15:33:25</t>
  </si>
  <si>
    <t>01/20/2020 15:33:27</t>
  </si>
  <si>
    <t>01/20/2020 15:33:29</t>
  </si>
  <si>
    <t>01/20/2020 15:33:30</t>
  </si>
  <si>
    <t>01/20/2020 15:33:32</t>
  </si>
  <si>
    <t>01/20/2020 15:33:34</t>
  </si>
  <si>
    <t>01/20/2020 15:33:35</t>
  </si>
  <si>
    <t>01/20/2020 15:33:36</t>
  </si>
  <si>
    <t>01/20/2020 15:33:38</t>
  </si>
  <si>
    <t>01/20/2020 15:33:39</t>
  </si>
  <si>
    <t>01/20/2020 15:33:40</t>
  </si>
  <si>
    <t>01/20/2020 15:33:41</t>
  </si>
  <si>
    <t>01/20/2020 15:33:43</t>
  </si>
  <si>
    <t>01/20/2020 15:33:44</t>
  </si>
  <si>
    <t>01/20/2020 15:33:45</t>
  </si>
  <si>
    <t>01/20/2020 15:33:46</t>
  </si>
  <si>
    <t>01/20/2020 15:33:49</t>
  </si>
  <si>
    <t>01/20/2020 15:33:50</t>
  </si>
  <si>
    <t>01/20/2020 15:33:52</t>
  </si>
  <si>
    <t>01/20/2020 15:33:53</t>
  </si>
  <si>
    <t>01/20/2020 15:33:55</t>
  </si>
  <si>
    <t>01/20/2020 15:33:57</t>
  </si>
  <si>
    <t>01/20/2020 15:33:58</t>
  </si>
  <si>
    <t>01/20/2020 15:34:01</t>
  </si>
  <si>
    <t>01/20/2020 15:34:02</t>
  </si>
  <si>
    <t>01/20/2020 15:34:05</t>
  </si>
  <si>
    <t>01/20/2020 15:34:07</t>
  </si>
  <si>
    <t>01/20/2020 15:34:09</t>
  </si>
  <si>
    <t>01/20/2020 15:34:11</t>
  </si>
  <si>
    <t>01/20/2020 15:34:33</t>
  </si>
  <si>
    <t>01/20/2020 15:36:01</t>
  </si>
  <si>
    <t>b249d22f-9b53-44be-b2a5-f472cddaf4df.tmp</t>
  </si>
  <si>
    <t>\\acsfs\profiles$\brunalas\Downloads\b249d22f-9b53-44be-b2a5-f472cddaf4df.tmp</t>
  </si>
  <si>
    <t>01/20/2020 15:37:11</t>
  </si>
  <si>
    <t>9a8f5502-3c60-46b9-adf0-6ada990f9b91.tmp</t>
  </si>
  <si>
    <t>\\acsfs\profiles$\brunalas\Downloads\9a8f5502-3c60-46b9-adf0-6ada990f9b91.tmp</t>
  </si>
  <si>
    <t>01/20/2020 15:35:14</t>
  </si>
  <si>
    <t>01/20/2020 15:36:52</t>
  </si>
  <si>
    <t>\\acsfs\deptos\Operacao\PCP\5 - Comum\PLANEJAMENTO BV\22 - BANCO DE DADOS BV\CARTÕES\</t>
  </si>
  <si>
    <t>\\acsfs\deptos\Operacao\PCP\5 - Comum\PLANEJAMENTO BV\22 - BANCO DE DADOS BV\CARTÕES\Dados Gerais BV - CARTÕES.xlsx</t>
  </si>
  <si>
    <t>01/20/2020 15:38:14</t>
  </si>
  <si>
    <t>01/20/2020 15:39:24</t>
  </si>
  <si>
    <t>lu2733221pk0o.tmp</t>
  </si>
  <si>
    <t>\\acsfs\profiles$\RAFAELRF\meu\lu2733221pk0o.tmp</t>
  </si>
  <si>
    <t>01/20/2020 15:34:51</t>
  </si>
  <si>
    <t>bd2fa849-28a7-43e8-8716-6fef218cd2a5.tmp</t>
  </si>
  <si>
    <t>\\acsfs\profiles$\KARENDSR\Downloads\bd2fa849-28a7-43e8-8716-6fef218cd2a5.tmp</t>
  </si>
  <si>
    <t>01/20/2020 15:40:24</t>
  </si>
  <si>
    <t>01/20/2020 15:38:15</t>
  </si>
  <si>
    <t>1579544394096;621969351;79;[];[]]];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7ntaw8cftgfqk_yd8lqwg3fj1dwcovdsssnjme6_wc\";null;true]";vchx76kgoyskqvpqzuqo0mrsk-nevtbmaqaleloorbdq4mjvgtmunagardgcvqomsjf2dfmbefzskm2b2sgehmip1t4cvexbtpssk2sdjt6951wlkaev-qbpxn2strgesn6t0wc7ahptj_e6akbt7rpykdguoorotjjojr2vprr4zefrh7i8ekftw_f_-u1emtiy6u1k09ydghmcnooax7ywi6zi1-7ntaw8cftgfqk_yd8lqwg3fj1dwcovdsssnjme6_wc\";</t>
  </si>
  <si>
    <t>1579544394096,621969351,79,[],[]]],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7ntaw8cftgfqk_yd8lqwg3fj1dwcovdsssnjme6_wc\",null,true]",vchx76kgoyskqvpqzuqo0mrsk-nevtbmaqaleloorbdq4mjvgtmunagardgcvqomsjf2dfmbefzskm2b2sgehmip1t4cvexbtpssk2sdjt6951wlkaev-qbpxn2strgesn6t0wc7ahptj_e6akbt7rpykdguoorotjjojr2vprr4zefrh7i8ekftw_f_-u1emtiy6u1k09ydghmcnooax7ywi6zi1-7ntaw8cftgfqk_yd8lqwg3fj1dwcovdsssnjme6_wc\"</t>
  </si>
  <si>
    <t>01/20/2020 15:38:33</t>
  </si>
  <si>
    <t>01/20/2020 15:38:45</t>
  </si>
  <si>
    <t>01/20/2020 15:35:10</t>
  </si>
  <si>
    <t>01/20/2020 15:38:08</t>
  </si>
  <si>
    <t>bvcartes-supervisores@algarnet.onmicrosoft.com;fernandaab@algartech.com;kesiadof@algartech.com;thiagordu@algartech.com;</t>
  </si>
  <si>
    <t>bvcartes-supervisores@algarnet.onmicrosoft.com,fernandaab@algartech.com,kesiadof@algartech.com,thiagordu@algartech.com</t>
  </si>
  <si>
    <t>01/20/2020 15:39:47</t>
  </si>
  <si>
    <t>bvcartes-supervisores@algarnet.onmicrosoft.com;fernandaab@algartech.com;kesiadof@algartech.com;leonardoao@algartech.com;ricardodfm@algartech.com;thiagordu@algartech.com;</t>
  </si>
  <si>
    <t>bvcartes-supervisores@algarnet.onmicrosoft.com,fernandaab@algartech.com,kesiadof@algartech.com,leonardoao@algartech.com,ricardodfm@algartech.com,thiagordu@algartech.com</t>
  </si>
  <si>
    <t>01/20/2020 15:41:24</t>
  </si>
  <si>
    <t>01/20/2020 15:36:35</t>
  </si>
  <si>
    <t>53934f0b-aed2-46cd-a197-bf66a15ff57b.tmp</t>
  </si>
  <si>
    <t>\\acsfs\profiles$\edicarlosdl\Downloads\53934f0b-aed2-46cd-a197-bf66a15ff57b.tmp</t>
  </si>
  <si>
    <t>01/20/2020 15:42:24</t>
  </si>
  <si>
    <t>01/20/2020 15:37:06</t>
  </si>
  <si>
    <t>b3d780de-f0ca-4e98-aca3-77842b22883a.tmp</t>
  </si>
  <si>
    <t>\\acsfs\profiles$\welidicdj\Downloads\b3d780de-f0ca-4e98-aca3-77842b22883a.tmp</t>
  </si>
  <si>
    <t>01/20/2020 15:37:25</t>
  </si>
  <si>
    <t>01/20/2020 15:37:48</t>
  </si>
  <si>
    <t>96847be0-87cb-46fd-b1ad-6716cdd604bc.tmp</t>
  </si>
  <si>
    <t>\\acsfs\profiles$\welidicdj\Downloads\96847be0-87cb-46fd-b1ad-6716cdd604bc.tmp</t>
  </si>
  <si>
    <t>01/20/2020 15:37:51</t>
  </si>
  <si>
    <t>01/20/2020 15:43:24</t>
  </si>
  <si>
    <t>01/20/2020 15:42:03</t>
  </si>
  <si>
    <t>f2fd09aa-b44a-48bb-be22-5f4706b906c1.tmp</t>
  </si>
  <si>
    <t>\\acsfs\profiles$\paulohaf\Downloads\f2fd09aa-b44a-48bb-be22-5f4706b906c1.tmp</t>
  </si>
  <si>
    <t>01/20/2020 15:42:43</t>
  </si>
  <si>
    <t>51a21a26-5930-49ef-8aa8-2da1eaeedcd8.tmp</t>
  </si>
  <si>
    <t>\\acsfs\profiles$\paulohaf\Downloads\51a21a26-5930-49ef-8aa8-2da1eaeedcd8.tmp</t>
  </si>
  <si>
    <t>01/20/2020 15:44:23</t>
  </si>
  <si>
    <t>01/20/2020 15:41:37</t>
  </si>
  <si>
    <t>ec88181d-355c-4509-b678-6fb6b2ed659e.tmp</t>
  </si>
  <si>
    <t>\\acsfs\profiles$\valeriasda\Downloads\ec88181d-355c-4509-b678-6fb6b2ed659e.tmp</t>
  </si>
  <si>
    <t>01/20/2020 15:43:07</t>
  </si>
  <si>
    <t>01/20/2020 15:41:42</t>
  </si>
  <si>
    <t>01/20/2020 15:45:24</t>
  </si>
  <si>
    <t>e97d38b0-19a8-4f37-b59d-181c27b4492d.tmp</t>
  </si>
  <si>
    <t>\\acsfs\profiles$\henriqueco\Downloads\e97d38b0-19a8-4f37-b59d-181c27b4492d.tmp</t>
  </si>
  <si>
    <t>01/20/2020 15:40:29</t>
  </si>
  <si>
    <t>dc8e1177-0614-4be9-9e17-337df396a1c3.tmp</t>
  </si>
  <si>
    <t>\\acsfs\profiles$\quindaizaagds\Downloads\dc8e1177-0614-4be9-9e17-337df396a1c3.tmp</t>
  </si>
  <si>
    <t>01/20/2020 15:42:05</t>
  </si>
  <si>
    <t>04fc1770-be2d-4e91-9c49-4a7265784b33.tmp</t>
  </si>
  <si>
    <t>\\acsfs\profiles$\nayarasds\Downloads\04fc1770-be2d-4e91-9c49-4a7265784b33.tmp</t>
  </si>
  <si>
    <t>01/20/2020 15:40:51</t>
  </si>
  <si>
    <t>mail.google.com/sync/u/0/i/s?hl=pt-BR&amp;c=1948</t>
  </si>
  <si>
    <t>01/20/2020 15:41:27</t>
  </si>
  <si>
    <t>01/20/2020 15:46:24</t>
  </si>
  <si>
    <t>01/20/2020 15:46:12</t>
  </si>
  <si>
    <t>01/20/2020 15:47:24</t>
  </si>
  <si>
    <t>01/20/2020 15:43:59</t>
  </si>
  <si>
    <t>6fe5d2f1-e780-46e1-b633-0ad01218f71c.tmp</t>
  </si>
  <si>
    <t>\\acsfs\profiles$\myllenardl\Downloads\6fe5d2f1-e780-46e1-b633-0ad01218f71c.tmp</t>
  </si>
  <si>
    <t>01/20/2020 15:48:24</t>
  </si>
  <si>
    <t>01/20/2020 15:47:35</t>
  </si>
  <si>
    <t>01/20/2020 15:43:09</t>
  </si>
  <si>
    <t>f8985a14-cf47-4fd2-80e9-7a807380ebdb.tmp</t>
  </si>
  <si>
    <t>\\acsfs\profiles$\paulohaf\Downloads\f8985a14-cf47-4fd2-80e9-7a807380ebdb.tmp</t>
  </si>
  <si>
    <t>01/20/2020 15:43:12</t>
  </si>
  <si>
    <t>e4324c69-c7dd-495e-983b-819d11b615cc.tmp</t>
  </si>
  <si>
    <t>\\acsfs\profiles$\paulohaf\Downloads\e4324c69-c7dd-495e-983b-819d11b615cc.tmp</t>
  </si>
  <si>
    <t>01/20/2020 15:45:14</t>
  </si>
  <si>
    <t>0ce5c0c1-20ad-4705-a155-41c3b4fd7cc3.tmp</t>
  </si>
  <si>
    <t>\\acsfs\profiles$\paulohaf\Downloads\0ce5c0c1-20ad-4705-a155-41c3b4fd7cc3.tmp</t>
  </si>
  <si>
    <t>01/20/2020 15:45:32</t>
  </si>
  <si>
    <t>01/20/2020 15:48:07</t>
  </si>
  <si>
    <t>01/20/2020 15:44:22</t>
  </si>
  <si>
    <t>01/20/2020 15:49:24</t>
  </si>
  <si>
    <t>b88b5d26-0404-45c0-9b46-f408cf364ea3.tmp</t>
  </si>
  <si>
    <t>\\acsfs\profiles$\valeriasda\Downloads\b88b5d26-0404-45c0-9b46-f408cf364ea3.tmp</t>
  </si>
  <si>
    <t>01/20/2020 15:47:32</t>
  </si>
  <si>
    <t>lu2733221pk0w.tmp</t>
  </si>
  <si>
    <t>\\acsfs\profiles$\RAFAELRF\meu\lu2733221pk0w.tmp</t>
  </si>
  <si>
    <t>01/20/2020 15:45:47</t>
  </si>
  <si>
    <t>01/20/2020 15:50:24</t>
  </si>
  <si>
    <t>XLOG_anacdos_20012020_132043.log</t>
  </si>
  <si>
    <t>\\acsfs\profiles$\anacdos\My Documents\xworkcenter\logs\XLOG_anacdos_20012020_132043.log</t>
  </si>
  <si>
    <t>01/20/2020 15:48:21</t>
  </si>
  <si>
    <t>c53e7320-4c7c-4215-9aa4-33a7e3272fdc.tmp</t>
  </si>
  <si>
    <t>\\acsfs\profiles$\joycemmdl\Downloads\c53e7320-4c7c-4215-9aa4-33a7e3272fdc.tmp</t>
  </si>
  <si>
    <t>01/20/2020 15:48:54</t>
  </si>
  <si>
    <t>01/20/2020 15:51:24</t>
  </si>
  <si>
    <t>01/20/2020 15:47:39</t>
  </si>
  <si>
    <t>.~lock.filas 1721 1725 e 1724 a tratar (1) (1) (1) (6).xlsx#</t>
  </si>
  <si>
    <t>\\acsfs\profiles$\jalilebds\Downloads\.~lock.filas 1721 1725 e 1724 a tratar (1) (1) (1) (6).xlsx#</t>
  </si>
  <si>
    <t>01/20/2020 15:47:40</t>
  </si>
  <si>
    <t>lu1398813h4q.tmp</t>
  </si>
  <si>
    <t>\\acsfs\profiles$\jalilebds\Downloads\lu1398813h4q.tmp</t>
  </si>
  <si>
    <t>01/20/2020 15:49:17</t>
  </si>
  <si>
    <t>.~lock.filas 1721 1725 e 1724 JA TRATADOS (1).xlsx#</t>
  </si>
  <si>
    <t>\\acsfs\profiles$\jalilebds\Downloads\.~lock.filas 1721 1725 e 1724 JA TRATADOS (1).xlsx#</t>
  </si>
  <si>
    <t>lu1398813h4t.tmp</t>
  </si>
  <si>
    <t>\\acsfs\profiles$\jalilebds\Downloads\lu1398813h4t.tmp</t>
  </si>
  <si>
    <t>01/20/2020 15:50:22</t>
  </si>
  <si>
    <t>XLOG_ellencds_20012020_075129.log</t>
  </si>
  <si>
    <t>\\acsfs\profiles$\ellencds\My Documents\xworkcenter\logs\XLOG_ellencds_20012020_075129.log</t>
  </si>
  <si>
    <t>01/20/2020 15:49:32</t>
  </si>
  <si>
    <t>01/20/2020 15:52:24</t>
  </si>
  <si>
    <t>f05375e1-4173-403e-a9a3-fb1b3fb77ca9.tmp</t>
  </si>
  <si>
    <t>\\acsfs\profiles$\larissaad\Downloads\f05375e1-4173-403e-a9a3-fb1b3fb77ca9.tmp</t>
  </si>
  <si>
    <t>01/20/2020 15:51:30</t>
  </si>
  <si>
    <t>f377851e-6f46-495f-9c1f-6892d9248e7a.tmp</t>
  </si>
  <si>
    <t>\\acsfs\profiles$\laylaams\Downloads\f377851e-6f46-495f-9c1f-6892d9248e7a.tmp</t>
  </si>
  <si>
    <t>01/20/2020 15:48:39</t>
  </si>
  <si>
    <t>535e3a43-1981-48ce-9566-b5ac6c7fc8cb.tmp</t>
  </si>
  <si>
    <t>\\acsfs\profiles$\myllenardl\Downloads\535e3a43-1981-48ce-9566-b5ac6c7fc8cb.tmp</t>
  </si>
  <si>
    <t>01/20/2020 15:53:24</t>
  </si>
  <si>
    <t>01/20/2020 15:51:12</t>
  </si>
  <si>
    <t>01/20/2020 15:52:14</t>
  </si>
  <si>
    <t>01/20/2020 15:55:25</t>
  </si>
  <si>
    <t>\\acsfs\Deptos\Operacao\Banco_Votorantim\Supervisao\SUPERS BV CARTÕES\ADILSON\Outros\</t>
  </si>
  <si>
    <t>\\acsfs\Deptos\Operacao\Banco_Votorantim\Supervisao\SUPERS BV CARTÕES\ADILSON\Outros\Thumbs.db</t>
  </si>
  <si>
    <t>01/20/2020 15:56:24</t>
  </si>
  <si>
    <t>01/20/2020 15:54:14</t>
  </si>
  <si>
    <t>lu1398813h4w.tmp</t>
  </si>
  <si>
    <t>\\acsfs\profiles$\jalilebds\Downloads\lu1398813h4w.tmp</t>
  </si>
  <si>
    <t>01/20/2020 15:58:24</t>
  </si>
  <si>
    <t>01/20/2020 15:55:39</t>
  </si>
  <si>
    <t>01/20/2020 15:54:38</t>
  </si>
  <si>
    <t>CASO 00821441 - OPERADORA PAMELA MARIA CRISTINA MACEDO DA SILVA GUEDES_1_6774732841284614412_1_32.wav</t>
  </si>
  <si>
    <t>\\acsfs\Deptos\EDUCACAO EMPRESARIAL\KÉSIA\OUVIDORIA, PROCON, BACEN E RECLAME AQUI\CASO 00821441 - OPERADORA PAMELA MARIA CRISTINA MACEDO DA SILVA GUEDES_1_6774732841284614412_1_32.wav</t>
  </si>
  <si>
    <t>01/20/2020 15:57:08</t>
  </si>
  <si>
    <t>01/20/2020 15:54:09</t>
  </si>
  <si>
    <t>723ab633-857c-489b-b167-0f8e1560c8fb.tmp</t>
  </si>
  <si>
    <t>\\acsfs\profiles$\adelvinsonle\Downloads\723ab633-857c-489b-b167-0f8e1560c8fb.tmp</t>
  </si>
  <si>
    <t>01/20/2020 15:59:24</t>
  </si>
  <si>
    <t>01/20/2020 16:01:24</t>
  </si>
  <si>
    <t>01/20/2020 15:58:40</t>
  </si>
  <si>
    <t>lu1398813h4z.tmp</t>
  </si>
  <si>
    <t>\\acsfs\profiles$\jalilebds\Downloads\lu1398813h4z.tmp</t>
  </si>
  <si>
    <t>01/20/2020 16:00:30</t>
  </si>
  <si>
    <t>01/20/2020 16:02:24</t>
  </si>
  <si>
    <t>$IMD31I6.ica</t>
  </si>
  <si>
    <t>\\acsfs\profiles$\victoriaksr\Downloads\$RECYCLE.BIN\$IMD31I6.ica</t>
  </si>
  <si>
    <t>01/20/2020 16:01:50</t>
  </si>
  <si>
    <t>01/20/2020 16:03:25</t>
  </si>
  <si>
    <t>venda met life dia 29.txt</t>
  </si>
  <si>
    <t>\\acsfs\profiles$\thaynaracsl\My Documents\venda met life dia 29.txt</t>
  </si>
  <si>
    <t>01/20/2020 15:59:37</t>
  </si>
  <si>
    <t>Monitoria 3° ciclo Janeiro.txt</t>
  </si>
  <si>
    <t>\\acsfs\ACS\001 - Qualidade Lilian\PAULO\Pasta Tainara\Monitoria 3° ciclo Janeiro.txt</t>
  </si>
  <si>
    <t>01/20/2020 16:01:31</t>
  </si>
  <si>
    <t>01/20/2020 16:03:51</t>
  </si>
  <si>
    <t>01/20/2020 16:04:24</t>
  </si>
  <si>
    <t>01/20/2020 16:01:26</t>
  </si>
  <si>
    <t>9a115c36-9044-4048-924f-3a0d724db448.tmp</t>
  </si>
  <si>
    <t>\\acsfs\profiles$\geovannasm\Downloads\9a115c36-9044-4048-924f-3a0d724db448.tmp</t>
  </si>
  <si>
    <t>01/20/2020 16:02:18</t>
  </si>
  <si>
    <t>f0a66fd5-145c-4494-8d02-1dda1612506e.tmp</t>
  </si>
  <si>
    <t>\\acsfs\profiles$\geovannasm\Downloads\f0a66fd5-145c-4494-8d02-1dda1612506e.tmp</t>
  </si>
  <si>
    <t>01/20/2020 16:02:53</t>
  </si>
  <si>
    <t>bdf5b9d8-6c10-4e79-b67e-2325f01f7a17.tmp</t>
  </si>
  <si>
    <t>\\acsfs\profiles$\geovannasm\Downloads\bdf5b9d8-6c10-4e79-b67e-2325f01f7a17.tmp</t>
  </si>
  <si>
    <t>01/20/2020 16:04:11</t>
  </si>
  <si>
    <t>01/20/2020 16:01:17</t>
  </si>
  <si>
    <t>01/20/2020 16:05:24</t>
  </si>
  <si>
    <t>eef79cc2-2438-4373-acc7-bc47f866c5a7.tmp</t>
  </si>
  <si>
    <t>\\acsfs\profiles$\victorgl\Downloads\eef79cc2-2438-4373-acc7-bc47f866c5a7.tmp</t>
  </si>
  <si>
    <t>01/20/2020 16:05:22</t>
  </si>
  <si>
    <t>01/20/2020 16:06:24</t>
  </si>
  <si>
    <t>01/20/2020 16:05:23</t>
  </si>
  <si>
    <t>01/20/2020 16:05:53</t>
  </si>
  <si>
    <t>01/20/2020 16:06:14</t>
  </si>
  <si>
    <t>01/20/2020 16:07:25</t>
  </si>
  <si>
    <t>01/20/2020 16:05:13</t>
  </si>
  <si>
    <t>04947df7-0182-4783-9aa7-6faf3f5e3a30.tmp</t>
  </si>
  <si>
    <t>\\acsfs\profiles$\brendadsl\Downloads\04947df7-0182-4783-9aa7-6faf3f5e3a30.tmp</t>
  </si>
  <si>
    <t>01/20/2020 16:08:24</t>
  </si>
  <si>
    <t>01/20/2020 16:03:30</t>
  </si>
  <si>
    <t>01/20/2020 16:03:39</t>
  </si>
  <si>
    <t>XLOG_vanessacgs_20012020_112811.log</t>
  </si>
  <si>
    <t>\\acsfs\profiles$\vanessacgs\My Documents\xworkcenter\logs\XLOG_vanessacgs_20012020_112811.log</t>
  </si>
  <si>
    <t>01/20/2020 16:03:40</t>
  </si>
  <si>
    <t>01/20/2020 16:07:19</t>
  </si>
  <si>
    <t>17-01 RELATORIO DE LOGIN AVON - Cópia.xlsm</t>
  </si>
  <si>
    <t>\\acsfs\deptos\Operacao\PCP\5 - Comum\CONTROL DESK\2 - DAC2\Control Desk AVON\Relatorios\Status de login\2020\17-01 RELATORIO DE LOGIN AVON - Cópia.xlsm</t>
  </si>
  <si>
    <t>17-01 RELATORIO DE LOGIN AVON - Cópia (2).xlsm</t>
  </si>
  <si>
    <t>\\acsfs\deptos\Operacao\PCP\5 - Comum\CONTROL DESK\2 - DAC2\Control Desk AVON\Relatorios\Status de login\2020\17-01 RELATORIO DE LOGIN AVON - Cópia (2).xlsm</t>
  </si>
  <si>
    <t>01/20/2020 16:09:25</t>
  </si>
  <si>
    <t>01/20/2020 16:08:07</t>
  </si>
  <si>
    <t>01/20/2020 16:06:50</t>
  </si>
  <si>
    <t>01/20/2020 16:10:24</t>
  </si>
  <si>
    <t>"mozilla/5.0 (windows nt 6.1) applewebkit/537.36 (khtml;0;1;12;13;137;13700014;13700109;13700167;13700185;13700235;13700451;13700563;13700607;13700883;13700946;13700951;13700982;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579520900840000;1579520901989000;1579521807978;1579524214946;1579529030884;1579546802300;2400];28;4;5701393;6.1;621969351;82;84;87;["mozilla/5.0 (windows nt 6.1) applewebkit/537.36 (khtml;[1;[[13701450;[[null;[];[]]];[false;[null;adfn-csyrvwqermfbxam1mkavsrzjlg0rundo9gysmvmlrxxhlhfmqhcw7_ynhcatkqscdyldsiy;andrelpsa@algartech.com;drive.web-frontend_20200108.00_p2;false;false];false]];fedb0gqdtuqawg";ken=ac4w5vi0ka-sxkbznvl</t>
  </si>
  <si>
    <t>"mozilla/5.0 (windows nt 6.1) applewebkit/537.36 (khtml,0,1,12,13,137,13700014,13700109,13700167,13700185,13700235,13700451,13700563,13700607,13700883,13700946,13700951,13700982,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579520900840000,1579520901989000,1579521807978,1579524214946,1579529030884,1579546802300,2400],28,4,5701393,6.1,621969351,82,84,87,["mozilla/5.0 (windows nt 6.1) applewebkit/537.36 (khtml,[1,[[13701450,[[null,[],[]]],[false,[null,adfn-csyrvwqermfbxam1mkavsrzjlg0rundo9gysmvmlrxxhlhfmqhcw7_ynhcatkqscdyldsiy,andrelpsa@algartech.com,drive.web-frontend_20200108.00_p2,false,false],false]],fedb0gqdtuqawg",ken=ac4w5vi0ka-sxkbznvl</t>
  </si>
  <si>
    <t>01/20/2020 16:07:00</t>
  </si>
  <si>
    <t>01/20/2020 16:07:11</t>
  </si>
  <si>
    <t>01/20/2020 16:07:41</t>
  </si>
  <si>
    <t>"mozilla/5.0 (windows nt 6.1) applewebkit/537.36 (khtml;1;13;13700109;13700607;13700883;13701139;13701214;13701298;13701418;13701458;13701577;13701589;13701613;13701625;13701657;13701749;13701825;13701901;13701921;13701949;13701953;13701969;13702064;13702088;1579520900840000;1579520901989000;1579522108972;1579534147818;1579541684862;1579542286908;1579544695121;45;5;621969351;70;72;80;[[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igit;kind;l-ckacf_7r3zozh1hhizn88xwetaapoebcpjm5ey2zyse1nt3xmnhcr-rz9s-zdg-5-xx2v8f_tzsvcfibwrle5qaq53vh6r8m19mnq0rhk68ibitnjgrsmrdalihic4l1lxyqga8ovr5etkjjbkmsgw0htomrw0ftovchx76kgoyskqvpqzuqo0mrsk-nevtbmaqaleloorbdq4mjvgtmunagardgcvqo</t>
  </si>
  <si>
    <t>"mozilla/5.0 (windows nt 6.1) applewebkit/537.36 (khtml,1,13,13700109,13700607,13700883,13701139,13701214,13701298,13701418,13701458,13701577,13701589,13701613,13701625,13701657,13701749,13701825,13701901,13701921,13701949,13701953,13701969,13702064,13702088,1579520900840000,1579520901989000,1579522108972,1579534147818,1579541684862,1579542286908,1579544695121,45,5,621969351,70,72,80,[[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igit,kind,l-ckacf_7r3zozh1hhizn88xwetaapoebcpjm5ey2zyse1nt3xmnhcr-rz9s-zdg-5-xx2v8f_tzsvcfibwrle5qaq53vh6r8m19mnq0rhk68ibitnjgrsmrdalihic4l1lxyqga8ovr5etkjjbkmsgw0htomrw0ftovchx76kgoyskqvpqzuqo0mrsk-nevtbmaqaleloorbdq4mjvgtmunagardgcvqo</t>
  </si>
  <si>
    <t>01/20/2020 16:07:48</t>
  </si>
  <si>
    <t>01/20/2020 16:09:56</t>
  </si>
  <si>
    <t>5051F5B9.tmp</t>
  </si>
  <si>
    <t>\\acsfs\DEPTOS\Operacao\Banco_Votorantim\Supervisao\SUPERS BV CARTÕES\ADILSON\Reneg\5051F5B9.tmp</t>
  </si>
  <si>
    <t>~$Reneg - Consolidado - Revisto.xlsx</t>
  </si>
  <si>
    <t>\\acsfs\DEPTOS\Operacao\Banco_Votorantim\Supervisao\SUPERS BV CARTÕES\ADILSON\Reneg\~$Reneg - Consolidado - Revisto.xlsx</t>
  </si>
  <si>
    <t>01/20/2020 16:08:28</t>
  </si>
  <si>
    <t>01/20/2020 16:11:23</t>
  </si>
  <si>
    <t>01/20/2020 16:10:11</t>
  </si>
  <si>
    <t>01/20/2020 16:10:50</t>
  </si>
  <si>
    <t>01/20/2020 16:12:24</t>
  </si>
  <si>
    <t>fdab3fa3-0480-4090-ad4c-d54aca1263f2.tmp</t>
  </si>
  <si>
    <t>\\acsfs\profiles$\victoriaksr\Downloads\fdab3fa3-0480-4090-ad4c-d54aca1263f2.tmp</t>
  </si>
  <si>
    <t>01/20/2020 16:11:45</t>
  </si>
  <si>
    <t>lu281923fq74b.tmp</t>
  </si>
  <si>
    <t>\\acsfs\profiles$\rafaelacdoc\lu281923fq74b.tmp</t>
  </si>
  <si>
    <t>\\acsfs\profiles$\rafaelacdoc\lu281923fq74b.tmp\</t>
  </si>
  <si>
    <t>\\acsfs\profiles$\rafaelacdoc\lu281923fq74b.tmp\META-INF\</t>
  </si>
  <si>
    <t>\\acsfs\profiles$\rafaelacdoc\lu281923fq74b.tmp\Thumbnails\</t>
  </si>
  <si>
    <t>01/20/2020 16:13:24</t>
  </si>
  <si>
    <t>01/20/2020 16:10:39</t>
  </si>
  <si>
    <t>5083242f-3869-410d-a22f-4b82959dc340.tmp</t>
  </si>
  <si>
    <t>\\acsfs\profiles$\gabrielsma\Downloads\5083242f-3869-410d-a22f-4b82959dc340.tmp</t>
  </si>
  <si>
    <t>01/20/2020 16:10:47</t>
  </si>
  <si>
    <t>01/20/2020 16:08:57</t>
  </si>
  <si>
    <t>CASO 00821441 - MARCIO MAGALHAES BRANDAO.pdf</t>
  </si>
  <si>
    <t>\\acsfs\Deptos\EDUCACAO EMPRESARIAL\KÉSIA\OUVIDORIA, PROCON, BACEN E RECLAME AQUI\CASO 00821441 - MARCIO MAGALHAES BRANDAO.pdf</t>
  </si>
  <si>
    <t>fernandaab@algartech.com;fernandorsju@algartech.com;marianeps@algartech.com;talmaiardo@algartech.com;thiagordu@algartech.com;</t>
  </si>
  <si>
    <t>fernandaab@algartech.com,fernandorsju@algartech.com,marianeps@algartech.com,talmaiardo@algartech.com,thiagordu@algartech.com</t>
  </si>
  <si>
    <t>01/20/2020 16:14:24</t>
  </si>
  <si>
    <t>01/20/2020 16:09:55</t>
  </si>
  <si>
    <t>01/20/2020 16:09:58</t>
  </si>
  <si>
    <t>lu2733221pk0z.tmp</t>
  </si>
  <si>
    <t>\\acsfs\profiles$\RAFAELRF\meu\lu2733221pk0z.tmp</t>
  </si>
  <si>
    <t>01/20/2020 16:10:06</t>
  </si>
  <si>
    <t>01/20/2020 16:10:07</t>
  </si>
  <si>
    <t>lu2733221pk17.tmp</t>
  </si>
  <si>
    <t>\\acsfs\profiles$\RAFAELRF\meu\lu2733221pk17.tmp</t>
  </si>
  <si>
    <t>\\acsfs\profiles$\RAFAELRF\meu\lu2733221pk17.tmp\</t>
  </si>
  <si>
    <t>\\acsfs\profiles$\RAFAELRF\meu\lu2733221pk17.tmp\META-INF\</t>
  </si>
  <si>
    <t>\\acsfs\profiles$\RAFAELRF\meu\lu2733221pk17.tmp\Thumbnails\</t>
  </si>
  <si>
    <t>01/20/2020 16:12:44</t>
  </si>
  <si>
    <t>01/20/2020 16:15:24</t>
  </si>
  <si>
    <t>01/20/2020 16:13:21</t>
  </si>
  <si>
    <t>01/20/2020 16:11:31</t>
  </si>
  <si>
    <t>resultado qualidade.PNG</t>
  </si>
  <si>
    <t>01/20/2020 16:12:22</t>
  </si>
  <si>
    <t>01/20/2020 16:12:23</t>
  </si>
  <si>
    <t>01/20/2020 16:13:22</t>
  </si>
  <si>
    <t>"languagecode":"pt-br";"requesttype":"background_request";"scenariotype;"timezone":"-03:00";341510534;[];ess"}};false;null;p";r6d97aokybtwhdqacj3ip89znnffchmkcxnabppcfodygpskitaqhiszpzxxflftmoa1bfxaphld-brv3llasy0sc8iphsyew-em-pjq2_bpnlfv0jdga7h96gbi4ryjndxjpl_iet_es7dsdrieebavnuu7yr1z3j_yieo40yyfdn9dxq-vl4xtn3isbiistdfvc0vmv-sil9b4hdoe4-k0vgd_nippbnqhfbzq2w6b8iunw5viqvcnl-tb-sq4rmp0scidsm6-uhbwts5k7iuummkrkajh0ugpnir03z40g\";true]";</t>
  </si>
  <si>
    <t>"languagecode":"pt-br","requesttype":"background_request","scenariotype,"timezone":"-03:00",341510534,[],ess"}},false,null,p",r6d97aokybtwhdqacj3ip89znnffchmkcxnabppcfodygpskitaqhiszpzxxflftmoa1bfxaphld-brv3llasy0sc8iphsyew-em-pjq2_bpnlfv0jdga7h96gbi4ryjndxjpl_iet_es7dsdrieebavnuu7yr1z3j_yieo40yyfdn9dxq-vl4xtn3isbiistdfvc0vmv-sil9b4hdoe4-k0vgd_nippbnqhfbzq2w6b8iunw5viqvcnl-tb-sq4rmp0scidsm6-uhbwts5k7iuummkrkajh0ugpnir03z40g\",true]"</t>
  </si>
  <si>
    <t>01/20/2020 16:13:45</t>
  </si>
  <si>
    <t>01/20/2020 16:13:54</t>
  </si>
  <si>
    <t>"mozilla/5.0 (windows nt 6.1) applewebkit/537.36 (khtml;1;13;13700109;137005;13700607;13700883;13701139;13701214;13701298;13701418;13701458;13701577;13701589;13701613;13701625;13701657;13701749;13701825;13701901;13701921;13701949;13701953;13701969;13702064;13702088;1579520900840000;1579520901989000;1579542587934;621969351;73;[[13701450;[];[]]];adfn-csyrvwqermfbxam1mkavsrzjlg0rundo9gysmvmlrxxhlhfmqhcw7_ynhcatkqscdyldsiy;false;false];fedb0gqdtuqawg";ken=ac4w5vi0ka-sxkbznvlqg8lj5-wvx_fz5a:1579520900837&amp;buildlabel=drive.web-frontend_20200108.00_p2;l-ckacf_7r3zozh1hhizn88xwetaapoebcpjm5ey2zyse1nt3xmnhcr-rz9s-zdg-5-xx2v8f_tzsvcfibwrle5qaq53vh6r8m19mnq0rhk68ibitnjgrsmrdalihic4l1lxyqga8ovr5etkjjbkmsgw0htomrw0ftovchx76kgoyskqvpqzuqo0mrsk-nevtbmaqaleloorbdq4mjvgtmunagardgcvqomsjf2dfmbefzskm2b2sgehmip1;like gecko) chrome/79.0.3945.130 safari/537.36";mrw0ftovchx76kgoyskqvpqzuqo0mrsk-nevtbmaqaleloorbdq4mjvgtmunagardgcvqomsjf2dfmbefzskm2b2sgehmip1t4cvexbtpssk2sdjt6951wlkaev-qbpxn2strgesn6t0wc7ahptj_e6akbt7rpykdguoorotjjojr</t>
  </si>
  <si>
    <t>"mozilla/5.0 (windows nt 6.1) applewebkit/537.36 (khtml,1,13,13700109,137005,13700607,13700883,13701139,13701214,13701298,13701418,13701458,13701577,13701589,13701613,13701625,13701657,13701749,13701825,13701901,13701921,13701949,13701953,13701969,13702064,13702088,1579520900840000,1579520901989000,1579542587934,621969351,73,[[13701450,[],[]]],adfn-csyrvwqermfbxam1mkavsrzjlg0rundo9gysmvmlrxxhlhfmqhcw7_ynhcatkqscdyldsiy,false,false],fedb0gqdtuqawg",ken=ac4w5vi0ka-sxkbznvlqg8lj5-wvx_fz5a:1579520900837&amp;buildlabel=drive.web-frontend_20200108.00_p2,l-ckacf_7r3zozh1hhizn88xwetaapoebcpjm5ey2zyse1nt3xmnhcr-rz9s-zdg-5-xx2v8f_tzsvcfibwrle5qaq53vh6r8m19mnq0rhk68ibitnjgrsmrdalihic4l1lxyqga8ovr5etkjjbkmsgw0htomrw0ftovchx76kgoyskqvpqzuqo0mrsk-nevtbmaqaleloorbdq4mjvgtmunagardgcvqomsjf2dfmbefzskm2b2sgehmip1,like gecko) chrome/79.0.3945.130 safari/537.36",mrw0ftovchx76kgoyskqvpqzuqo0mrsk-nevtbmaqaleloorbdq4mjvgtmunagardgcvqomsjf2dfmbefzskm2b2sgehmip1t4cvexbtpssk2sdjt6951wlkaev-qbpxn2strgesn6t0wc7ahptj_e6akbt7rpykdguoorotjjojr</t>
  </si>
  <si>
    <t>01/20/2020 16:14:12</t>
  </si>
  <si>
    <t>"mozilla/5.0 (windows nt 6.1) applewebkit/537.36 (khtml;1;13;13700109;13700607;13700883;13701139;13701214;13701298;13701418;13701458;13701577;13701589;13701613;13701625;13701657;13701749;13701825;13701901;13701921;13701949;13701953;13701969;13702064;13702088;1579520900840000;1579520901989000;1579528428892;1579532943833;1579545598196;26;41;621969351;83;[[13701450;[];[]]];adfn-csyrvwqermfbxam1mkavsrzjlg0rundo9gysmvmlrxxhlhfmqhcw7_ynhcatkqscdyldsiy;ancestorhasaugmentedpermissions;containsunsubscribedchildren;displayname;domain;emailaddress;false;false];fedb0gqdtuqawg";file(kind;fileid;filesize;hasthumbnail;hasvisitorpermissions;id;id);items(deleted;items(kind;ken;ken=ac4w5vi0ka-sxkbznvlqg8lj5-wvx_fz5a:1579520900837&amp;buildlabel=drive.web-frontend_20200108.00_p2�cΖ;kind;l-ckacf_7r3zozh1hhizn88xwetaapoebcpjm5ey2zyse1nt3xmnhcr-rz9s-zdg-5-xx2v8f_tzsvcfibwrle5qaq53vh6r8m19mnq0rhk68ibitnjgrsmrdalihic4l1lxyqga8ovr5etkjjbkmsgw0htomrw0ftovchx76kgoyskqvpqzuqo0mrsk-nevtbmaqaleloorbdq4mjvgtmunagardgcvqomsjf2dfmbefzskm2b2sgehm</t>
  </si>
  <si>
    <t>"mozilla/5.0 (windows nt 6.1) applewebkit/537.36 (khtml,1,13,13700109,13700607,13700883,13701139,13701214,13701298,13701418,13701458,13701577,13701589,13701613,13701625,13701657,13701749,13701825,13701901,13701921,13701949,13701953,13701969,13702064,13702088,1579520900840000,1579520901989000,1579528428892,1579532943833,1579545598196,26,41,621969351,83,[[13701450,[],[]]],adfn-csyrvwqermfbxam1mkavsrzjlg0rundo9gysmvmlrxxhlhfmqhcw7_ynhcatkqscdyldsiy,ancestorhasaugmentedpermissions,containsunsubscribedchildren,displayname,domain,emailaddress,false,false],fedb0gqdtuqawg",file(kind,fileid,filesize,hasthumbnail,hasvisitorpermissions,id,id),items(deleted,items(kind,ken,ken=ac4w5vi0ka-sxkbznvlqg8lj5-wvx_fz5a:1579520900837&amp;buildlabel=drive.web-frontend_20200108.00_p2�cΖ,kind,l-ckacf_7r3zozh1hhizn88xwetaapoebcpjm5ey2zyse1nt3xmnhcr-rz9s-zdg-5-xx2v8f_tzsvcfibwrle5qaq53vh6r8m19mnq0rhk68ibitnjgrsmrdalihic4l1lxyqga8ovr5etkjjbkmsgw0htomrw0ftovchx76kgoyskqvpqzuqo0mrsk-nevtbmaqaleloorbdq4mjvgtmunagardgcvqomsjf2dfmbefzskm2b2sgehm</t>
  </si>
  <si>
    <t>01/20/2020 16:14:15</t>
  </si>
  <si>
    <t>01/20/2020 16:14:32</t>
  </si>
  <si>
    <t>"mozilla/5.0 (windows nt 6.1) applewebkit/537.36 (khtml;1;13;137;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5701393;[[13701450;[[null;adfn-csyrvwqermfbxam1mkavsrzjlg0rundo9gysmvmlrxxhlhfmqhcw7_ynhcatkqscdyldsiy;false];fedb0gqdtuqawg";ken=ac4w5vi0ka-sxkbznvlqg8lj5-wvx_fz5a:1579520900837&amp;buildlabel=drive.web-frontend_20200108.00_p2;ken=ac4w5vi0ka-sxkbznvlqg8lj5-wvx_fz5a:1579520900837&amp;buildlabel=drive.web-frontend_20200108.00_p2http://schemas.xmlsoap.org/ws/2004/08/addressing/role/anonymous&lt;/wsa:to&gt;&lt;wsa:action&gt;http://schema</t>
  </si>
  <si>
    <t>"mozilla/5.0 (windows nt 6.1) applewebkit/537.36 (khtml,1,13,137,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5701393,[[13701450,[[null,adfn-csyrvwqermfbxam1mkavsrzjlg0rundo9gysmvmlrxxhlhfmqhcw7_ynhcatkqscdyldsiy,false],fedb0gqdtuqawg",ken=ac4w5vi0ka-sxkbznvlqg8lj5-wvx_fz5a:1579520900837&amp;buildlabel=drive.web-frontend_20200108.00_p2,ken=ac4w5vi0ka-sxkbznvlqg8lj5-wvx_fz5a:1579520900837&amp;buildlabel=drive.web-frontend_20200108.00_p2http://schemas.xmlsoap.org/ws/2004/08/addressing/role/anonymous&lt;/wsa:to&gt;&lt;wsa:action&gt;http://schema</t>
  </si>
  <si>
    <t>01/20/2020 16:14:56</t>
  </si>
  <si>
    <t>01/20/2020 16:13:08</t>
  </si>
  <si>
    <t>01/20/2020 16:16:24</t>
  </si>
  <si>
    <t>01/20/2020 16:12:30</t>
  </si>
  <si>
    <t>01/20/2020 16:17:24</t>
  </si>
  <si>
    <t>06262269-5ecf-4917-a4ad-bb8861cfbb72.tmp</t>
  </si>
  <si>
    <t>\\acsfs\profiles$\joselrb\Downloads\06262269-5ecf-4917-a4ad-bb8861cfbb72.tmp</t>
  </si>
  <si>
    <t>01/20/2020 16:13:12</t>
  </si>
  <si>
    <t>01/20/2020 16:18:24</t>
  </si>
  <si>
    <t>laisr</t>
  </si>
  <si>
    <t>\\acsfs\profiles$\laisr\Contacts\</t>
  </si>
  <si>
    <t>LAIS RIBEIRO (7).contact</t>
  </si>
  <si>
    <t>\\acsfs\profiles$\laisr\Contacts\LAIS RIBEIRO (7).contact</t>
  </si>
  <si>
    <t>01/20/2020 16:13:36</t>
  </si>
  <si>
    <t>\\acsfs\profiles$\laisr\My Documents\My Videos\</t>
  </si>
  <si>
    <t>\\acsfs\profiles$\laisr\My Documents\My Videos\desktop.ini</t>
  </si>
  <si>
    <t>01/20/2020 16:13:37</t>
  </si>
  <si>
    <t>01/20/2020 16:13:38</t>
  </si>
  <si>
    <t>\\acsfs\profiles$\laisr\My Documents\My Pictures\</t>
  </si>
  <si>
    <t>\\acsfs\profiles$\laisr\My Documents\My Pictures\desktop.ini</t>
  </si>
  <si>
    <t>01/20/2020 16:13:39</t>
  </si>
  <si>
    <t>01/20/2020 16:13:40</t>
  </si>
  <si>
    <t>\\acsfs\profiles$\laisr\Contacts\desktop.ini</t>
  </si>
  <si>
    <t>01/20/2020 16:13:41</t>
  </si>
  <si>
    <t>\\acsfs\profiles$\laisr\Favorites\</t>
  </si>
  <si>
    <t>\\acsfs\profiles$\laisr\Favorites\desktop.ini</t>
  </si>
  <si>
    <t>01/20/2020 16:13:42</t>
  </si>
  <si>
    <t>01/20/2020 16:13:43</t>
  </si>
  <si>
    <t>\\acsfs\profiles$\laisr\My Documents\My Music\</t>
  </si>
  <si>
    <t>\\acsfs\profiles$\laisr\My Documents\My Music\desktop.ini</t>
  </si>
  <si>
    <t>01/20/2020 16:13:44</t>
  </si>
  <si>
    <t>\\acsfs\profiles$\laisr\Searches\</t>
  </si>
  <si>
    <t>\\acsfs\profiles$\laisr\Searches\desktop.ini</t>
  </si>
  <si>
    <t>01/20/2020 16:13:46</t>
  </si>
  <si>
    <t>\\acsfs\profiles$\laisr\Downloads\</t>
  </si>
  <si>
    <t>\\acsfs\profiles$\laisr\Downloads\desktop.ini</t>
  </si>
  <si>
    <t>01/20/2020 16:13:47</t>
  </si>
  <si>
    <t>\\acsfs\profiles$\laisr\My Documents\</t>
  </si>
  <si>
    <t>\\acsfs\profiles$\laisr\My Documents\desktop.ini</t>
  </si>
  <si>
    <t>01/20/2020 16:13:48</t>
  </si>
  <si>
    <t>01/20/2020 16:13:50</t>
  </si>
  <si>
    <t>\\acsfs\profiles$\laisr\Saved Games\</t>
  </si>
  <si>
    <t>\\acsfs\profiles$\laisr\Saved Games\desktop.ini</t>
  </si>
  <si>
    <t>01/20/2020 16:13:51</t>
  </si>
  <si>
    <t>01/20/2020 16:14:11</t>
  </si>
  <si>
    <t>\\acsfs\profiles$\laisr\Favorites\Links for Brasil\</t>
  </si>
  <si>
    <t>\\acsfs\profiles$\laisr\Favorites\Links for Brasil\desktop.ini</t>
  </si>
  <si>
    <t>\\acsfs\profiles$\laisr\Favorites\Links for Brasil\Microsoft Brasil.url</t>
  </si>
  <si>
    <t>01/20/2020 16:14:13</t>
  </si>
  <si>
    <t>\\acsfs\profiles$\laisr\Favorites\Links for Brasil\Windows Brasil.url</t>
  </si>
  <si>
    <t>\\acsfs\profiles$\laisr\Favorites\Links for Brasil\MSN Brasil.url</t>
  </si>
  <si>
    <t>01/20/2020 16:14:16</t>
  </si>
  <si>
    <t>01/20/2020 16:16:36</t>
  </si>
  <si>
    <t>01/20/2020 16:17:44</t>
  </si>
  <si>
    <t>01/20/2020 16:17:10</t>
  </si>
  <si>
    <t>01/20/2020 16:20:24</t>
  </si>
  <si>
    <t>01/20/2020 16:17:26</t>
  </si>
  <si>
    <t>01/20/2020 16:17:34</t>
  </si>
  <si>
    <t>01/20/2020 16:17:53</t>
  </si>
  <si>
    <t>01/20/2020 16:18:22</t>
  </si>
  <si>
    <t>01/20/2020 16:16:11</t>
  </si>
  <si>
    <t>01/20/2020 16:16:12</t>
  </si>
  <si>
    <t>01/20/2020 16:15:25</t>
  </si>
  <si>
    <t>01/20/2020 16:15:31</t>
  </si>
  <si>
    <t>01/20/2020 16:15:53</t>
  </si>
  <si>
    <t>01/20/2020 16:16:38</t>
  </si>
  <si>
    <t>01/20/2020 16:16:44</t>
  </si>
  <si>
    <t>01/20/2020 16:17:13</t>
  </si>
  <si>
    <t>01/20/2020 16:17:40</t>
  </si>
  <si>
    <t>1579547404358;621969351;89;[];[]]];ancestorhasaugmentedpermissions;andrelpsa@algartech.com;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aristelavodq@bv.algartech.com;modifiedbymedate;modifieddate;mrw0ftovchx76kgoyskqvpqzuqo0mrsk-nevtbmaqaleloorbdq4mjvgtmunagardgcvqomsjf2dfmbefzskm2b2sgehmip1t4cvexbtpssk2sdjt6951wlkaev-qbpxn2strgesn6t0wc7ahptj_e6akbt7rpykdguoorotjjojr2vprr4zefrh7i8ekftw_f_-u1emtiy6u1k09ydghmcnooax7ywi6zi17bntaw8didc2mztogpdnrtu1ys2ugn0bc8gmpvbudl0\";null;ontainsunsubscribedchildren;owners(kind;per;permissionid;picture;shared;sharedwithmedate;supervisaobancovotorantim@algartech.com;thiagolrc@b</t>
  </si>
  <si>
    <t>1579547404358,621969351,89,[],[]]],ancestorhasaugmentedpermissions,andrelpsa@algartech.com,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aristelavodq@bv.algartech.com,modifiedbymedate,modifieddate,mrw0ftovchx76kgoyskqvpqzuqo0mrsk-nevtbmaqaleloorbdq4mjvgtmunagardgcvqomsjf2dfmbefzskm2b2sgehmip1t4cvexbtpssk2sdjt6951wlkaev-qbpxn2strgesn6t0wc7ahptj_e6akbt7rpykdguoorotjjojr2vprr4zefrh7i8ekftw_f_-u1emtiy6u1k09ydghmcnooax7ywi6zi17bntaw8didc2mztogpdnrtu1ys2ugn0bc8gmpvbudl0\",null,ontainsunsubscribedchildren,owners(kind,per,permissionid,picture,shared,sharedwithmedate,supervisaobancovotorantim@algartech.com,thiagolrc@b</t>
  </si>
  <si>
    <t>01/20/2020 16:18:38</t>
  </si>
  <si>
    <t>01/20/2020 16:19:03</t>
  </si>
  <si>
    <t>01/20/2020 16:15:48</t>
  </si>
  <si>
    <t>01/20/2020 16:15:49</t>
  </si>
  <si>
    <t>RELAT_FILAS_1001_DIAR_20200102_031221.CSV</t>
  </si>
  <si>
    <t>\\acsfs\DEPTOS\Operacao\Banco_Votorantim\Supervisao\RELAT_FILAS_1001_DIAR_20200102_031221.CSV</t>
  </si>
  <si>
    <t>01/20/2020 16:15:58</t>
  </si>
  <si>
    <t>RELAT_FILAS_1001_DIAR_20200103_035646.CSV</t>
  </si>
  <si>
    <t>\\acsfs\DEPTOS\Operacao\Banco_Votorantim\Supervisao\RELAT_FILAS_1001_DIAR_20200103_035646.CSV</t>
  </si>
  <si>
    <t>01/20/2020 16:16:06</t>
  </si>
  <si>
    <t>RELAT_FILAS_1001_DIAR_20200104_035925.CSV</t>
  </si>
  <si>
    <t>\\acsfs\DEPTOS\Operacao\Banco_Votorantim\Supervisao\RELAT_FILAS_1001_DIAR_20200104_035925.CSV</t>
  </si>
  <si>
    <t>01/20/2020 16:16:10</t>
  </si>
  <si>
    <t>RELAT_FILAS_1001_DIAR_20200105_034759.CSV</t>
  </si>
  <si>
    <t>\\acsfs\DEPTOS\Operacao\Banco_Votorantim\Supervisao\RELAT_FILAS_1001_DIAR_20200105_034759.CSV</t>
  </si>
  <si>
    <t>RELAT_FILAS_1001_DIAR_20200106_030608.CSV</t>
  </si>
  <si>
    <t>\\acsfs\DEPTOS\Operacao\Banco_Votorantim\Supervisao\RELAT_FILAS_1001_DIAR_20200106_030608.CSV</t>
  </si>
  <si>
    <t>01/20/2020 16:16:21</t>
  </si>
  <si>
    <t>RELAT_FILAS_1001_DIAR_20200107_042812.CSV</t>
  </si>
  <si>
    <t>\\acsfs\DEPTOS\Operacao\Banco_Votorantim\Supervisao\RELAT_FILAS_1001_DIAR_20200107_042812.CSV</t>
  </si>
  <si>
    <t>01/20/2020 16:16:29</t>
  </si>
  <si>
    <t>RELAT_FILAS_1001_DIAR_20200108_041551.CSV</t>
  </si>
  <si>
    <t>\\acsfs\DEPTOS\Operacao\Banco_Votorantim\Supervisao\RELAT_FILAS_1001_DIAR_20200108_041551.CSV</t>
  </si>
  <si>
    <t>01/20/2020 16:16:39</t>
  </si>
  <si>
    <t>RELAT_FILAS_1001_DIAR_20200109_041059.CSV</t>
  </si>
  <si>
    <t>\\acsfs\DEPTOS\Operacao\Banco_Votorantim\Supervisao\RELAT_FILAS_1001_DIAR_20200109_041059.CSV</t>
  </si>
  <si>
    <t>01/20/2020 16:16:47</t>
  </si>
  <si>
    <t>RELAT_FILAS_1001_DIAR_20200110_040250.CSV</t>
  </si>
  <si>
    <t>\\acsfs\DEPTOS\Operacao\Banco_Votorantim\Supervisao\RELAT_FILAS_1001_DIAR_20200110_040250.CSV</t>
  </si>
  <si>
    <t>01/20/2020 16:16:55</t>
  </si>
  <si>
    <t>RELAT_FILAS_1001_DIAR_20200111_041210.CSV</t>
  </si>
  <si>
    <t>\\acsfs\DEPTOS\Operacao\Banco_Votorantim\Supervisao\RELAT_FILAS_1001_DIAR_20200111_041210.CSV</t>
  </si>
  <si>
    <t>01/20/2020 16:16:59</t>
  </si>
  <si>
    <t>RELAT_FILAS_1001_DIAR_20200112_032812.CSV</t>
  </si>
  <si>
    <t>\\acsfs\DEPTOS\Operacao\Banco_Votorantim\Supervisao\RELAT_FILAS_1001_DIAR_20200112_032812.CSV</t>
  </si>
  <si>
    <t>01/20/2020 16:17:01</t>
  </si>
  <si>
    <t>RELAT_FILAS_1001_DIAR_20200113_030643.CSV</t>
  </si>
  <si>
    <t>\\acsfs\DEPTOS\Operacao\Banco_Votorantim\Supervisao\RELAT_FILAS_1001_DIAR_20200113_030643.CSV</t>
  </si>
  <si>
    <t>01/20/2020 16:17:12</t>
  </si>
  <si>
    <t>RELAT_FILAS_1001_DIAR_20200114_041325.CSV</t>
  </si>
  <si>
    <t>\\acsfs\DEPTOS\Operacao\Banco_Votorantim\Supervisao\RELAT_FILAS_1001_DIAR_20200114_041325.CSV</t>
  </si>
  <si>
    <t>01/20/2020 16:17:21</t>
  </si>
  <si>
    <t>RELAT_FILAS_1001_DIAR_20200115_041441.CSV</t>
  </si>
  <si>
    <t>\\acsfs\DEPTOS\Operacao\Banco_Votorantim\Supervisao\RELAT_FILAS_1001_DIAR_20200115_041441.CSV</t>
  </si>
  <si>
    <t>01/20/2020 16:17:29</t>
  </si>
  <si>
    <t>RELAT_FILAS_1001_DIAR_20200116_040514.CSV</t>
  </si>
  <si>
    <t>\\acsfs\DEPTOS\Operacao\Banco_Votorantim\Supervisao\RELAT_FILAS_1001_DIAR_20200116_040514.CSV</t>
  </si>
  <si>
    <t>01/20/2020 16:17:37</t>
  </si>
  <si>
    <t>RELAT_FILAS_1001_DIAR_20200117_035331.CSV</t>
  </si>
  <si>
    <t>\\acsfs\DEPTOS\Operacao\Banco_Votorantim\Supervisao\RELAT_FILAS_1001_DIAR_20200117_035331.CSV</t>
  </si>
  <si>
    <t>01/20/2020 16:17:45</t>
  </si>
  <si>
    <t>RELAT_FILAS_1001_DIAR_20200118_040540.CSV</t>
  </si>
  <si>
    <t>\\acsfs\DEPTOS\Operacao\Banco_Votorantim\Supervisao\RELAT_FILAS_1001_DIAR_20200118_040540.CSV</t>
  </si>
  <si>
    <t>01/20/2020 16:17:49</t>
  </si>
  <si>
    <t>RELAT_FILAS_1001_DIAR_20200119_034444.CSV</t>
  </si>
  <si>
    <t>\\acsfs\DEPTOS\Operacao\Banco_Votorantim\Supervisao\RELAT_FILAS_1001_DIAR_20200119_034444.CSV</t>
  </si>
  <si>
    <t>01/20/2020 16:17:51</t>
  </si>
  <si>
    <t>RELAT_FILAS_1001_DIAR_20200120_030641.CSV</t>
  </si>
  <si>
    <t>\\acsfs\DEPTOS\Operacao\Banco_Votorantim\Supervisao\RELAT_FILAS_1001_DIAR_20200120_030641.CSV</t>
  </si>
  <si>
    <t>01/20/2020 16:18:48</t>
  </si>
  <si>
    <t>01/20/2020 16:21:24</t>
  </si>
  <si>
    <t>0c651304-60c3-413d-a1c7-1fe721c3560a.tmp</t>
  </si>
  <si>
    <t>\\acsfs\profiles$\cintiadjl\Downloads\0c651304-60c3-413d-a1c7-1fe721c3560a.tmp</t>
  </si>
  <si>
    <t>01/20/2020 16:19:34</t>
  </si>
  <si>
    <t>01/20/2020 16:22:24</t>
  </si>
  <si>
    <t>66ca9dee-c2ac-4a40-a4ae-04b86d243543.tmp</t>
  </si>
  <si>
    <t>\\acsfs\profiles$\larissaad\Downloads\66ca9dee-c2ac-4a40-a4ae-04b86d243543.tmp</t>
  </si>
  <si>
    <t>01/20/2020 16:17:57</t>
  </si>
  <si>
    <t>e2e389fd-d139-4fc0-a1ac-ba148cf5bf5e.tmp</t>
  </si>
  <si>
    <t>\\acsfs\profiles$\matheushds\Downloads\e2e389fd-d139-4fc0-a1ac-ba148cf5bf5e.tmp</t>
  </si>
  <si>
    <t>01/20/2020 16:21:30</t>
  </si>
  <si>
    <t>423428cf-fdce-494c-9eb9-f142d3d3d0a0.tmp</t>
  </si>
  <si>
    <t>\\acsfs\profiles$\brendadsl\Downloads\423428cf-fdce-494c-9eb9-f142d3d3d0a0.tmp</t>
  </si>
  <si>
    <t>01/20/2020 16:18:45</t>
  </si>
  <si>
    <t>01/20/2020 16:23:24</t>
  </si>
  <si>
    <t>01/20/2020 16:18:46</t>
  </si>
  <si>
    <t>01/20/2020 16:24:24</t>
  </si>
  <si>
    <t>01/20/2020 16:22:09</t>
  </si>
  <si>
    <t>01/20/2020 16:20:12</t>
  </si>
  <si>
    <t>01/20/2020 16:25:24</t>
  </si>
  <si>
    <t>01/20/2020 16:20:27</t>
  </si>
  <si>
    <t>01/20/2020 16:20:39</t>
  </si>
  <si>
    <t>01/20/2020 16:21:38</t>
  </si>
  <si>
    <t>01/20/2020 16:21:55</t>
  </si>
  <si>
    <t>01/20/2020 16:22:36</t>
  </si>
  <si>
    <t>01/20/2020 16:22:40</t>
  </si>
  <si>
    <t>01/20/2020 16:22:52</t>
  </si>
  <si>
    <t>01/20/2020 16:23:36</t>
  </si>
  <si>
    <t>atestado vanessa 16 01 20.jpg</t>
  </si>
  <si>
    <t>01/20/2020 16:23:59</t>
  </si>
  <si>
    <t>01/20/2020 16:20:16</t>
  </si>
  <si>
    <t>01/20/2020 16:21:15</t>
  </si>
  <si>
    <t>01/20/2020 16:21:25</t>
  </si>
  <si>
    <t>1579547404358;1579548006409;621969351;89;91;[];[]]];ancestorhasaugmentedpermissions;andrelpsa@algartech.com;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aristelavodq@bv.algartech.com;modifiedbymedate;modifieddate;mrw0ftovchx76kgoyskqvpqzuqo0mrsk-nevtbmaqaleloorbdq4mjvgtmunagardgcvqomsjf2dfmbefzskm2b2sgehmip1t4cvexbtpssk2sdjt6951wlkaev-qbpxn2strgesn6t0wc7ahptj_e6akbt7rpykdguoorotjjojr2vprr4zefrh7i8ekftw_f_-u1emtiy6u1k09ydghmcnooax7ywi6zi177ntaw8j30cceahovuuweg8ak0bnzevpl4lwl_cnwqm\";mrw0ftovchx76kgoyskqvpqzuqo0mrsk-nevtbmaqaleloorbdq4mjvgtmunagardgcvqomsjf2dfmbefzskm2b2sgehmip1t4cvexbtpssk2sdjt6951wlkaev-qbpx</t>
  </si>
  <si>
    <t>1579547404358,1579548006409,621969351,89,91,[],[]]],ancestorhasaugmentedpermissions,andrelpsa@algartech.com,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aristelavodq@bv.algartech.com,modifiedbymedate,modifieddate,mrw0ftovchx76kgoyskqvpqzuqo0mrsk-nevtbmaqaleloorbdq4mjvgtmunagardgcvqomsjf2dfmbefzskm2b2sgehmip1t4cvexbtpssk2sdjt6951wlkaev-qbpxn2strgesn6t0wc7ahptj_e6akbt7rpykdguoorotjjojr2vprr4zefrh7i8ekftw_f_-u1emtiy6u1k09ydghmcnooax7ywi6zi177ntaw8j30cceahovuuweg8ak0bnzevpl4lwl_cnwqm\",mrw0ftovchx76kgoyskqvpqzuqo0mrsk-nevtbmaqaleloorbdq4mjvgtmunagardgcvqomsjf2dfmbefzskm2b2sgehmip1t4cvexbtpssk2sdjt6951wlkaev-qbpx</t>
  </si>
  <si>
    <t>01/20/2020 16:21:28</t>
  </si>
  <si>
    <t>01/20/2020 16:21:34</t>
  </si>
  <si>
    <t>01/20/2020 16:21:40</t>
  </si>
  <si>
    <t>01/20/2020 16:22:03</t>
  </si>
  <si>
    <t>01/20/2020 16:22:26</t>
  </si>
  <si>
    <t>01/20/2020 16:22:39</t>
  </si>
  <si>
    <t>"languagecode":"pt-br","requesttype":"background_request","scenariotype,"timezone":"-03:00",0,0.382,0.675],0],0]]],0b75dogjxigafnxvncxjftujxsc1zvgthnhi3whzrexhgvjzr,1,10,103.717,103.717],10340.475000004517,107.17000000295229,10706.254999997327,10720.705000014277,10730.665000010049,10731.620000005933,10732.380000001285,10733.674999995856,1090.7650000008289,11,11.214,11.214],11125.2000000095,11272.889999992913,11688.3450000023,11c5m9ycfufsc7krihjn5d9wg8jcyqlqk,12.381,12593.365000007907,12686.264999996638,13440,13636.650000000373,1376699,1380,144.35499999672174,14512.335000006715,1468380,1468460,14818.440000002738,1511270,156.4700000162702,15687124,15694900,15699.190000013914,15700.505000015255,1579520908566000],1579520910984000,1579520915985000,1579520916452000,1579520918952000,1579520922984000,1579522409965,15],16.159,16.159],1600],1600]],16409,17.641,17.641],18.887,18.887],1920624,1],1epenm2sej9sexcv_grk0bzfqr6ozpra4,1ipcp90zh3bnlq_lev_j3ygnaupez3lrz,2.476,20.157,20.157],200],2244709,2249420,2293550,2293975,2</t>
  </si>
  <si>
    <t>01/20/2020 16:23:02</t>
  </si>
  <si>
    <t>1579546200248;1579546501274;621969351;85;86;[];[]]];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4bntaw_u7qoq7ml1wakb8i_i19odlvs5t9jpasb_psi\";mrw0ftovchx76kgoyskqvpqzuqo0mrsk-nevtbmaqaleloorbdq4mjvgtmunagardgcvqomsjf2dfmbefzskm2b2sgehmip1t4cvexbtpssk2sdjt6951wlkaev-qbpxn2strgesn6t0wc7ahptj_e6akbt7rpykdguoorotjjojr2vprr4zefrh7i8ekftw_f_-u1emtiy6u1k09ydghmcnooax7ywi6zi14rntaw82vktwhsv6jhpskriji3rmjioj0a9qkizleuo\";null;true]";vchx76kgoyskqvpqzuqo0mrsk-nevtbmaqaleloorbdq4mjvgtmunagardgcvqomsjf2dfmbefzskm2b2sgehmip1t4cvexbtpssk2sdjt6951wlkaev-qbpxn2strgesn6t0wc7ahptj_e6akbt7rpyk</t>
  </si>
  <si>
    <t>1579546200248,1579546501274,621969351,85,86,[],[]]],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4bntaw_u7qoq7ml1wakb8i_i19odlvs5t9jpasb_psi\",mrw0ftovchx76kgoyskqvpqzuqo0mrsk-nevtbmaqaleloorbdq4mjvgtmunagardgcvqomsjf2dfmbefzskm2b2sgehmip1t4cvexbtpssk2sdjt6951wlkaev-qbpxn2strgesn6t0wc7ahptj_e6akbt7rpykdguoorotjjojr2vprr4zefrh7i8ekftw_f_-u1emtiy6u1k09ydghmcnooax7ywi6zi14rntaw82vktwhsv6jhpskriji3rmjioj0a9qkizleuo\",null,true]",vchx76kgoyskqvpqzuqo0mrsk-nevtbmaqaleloorbdq4mjvgtmunagardgcvqomsjf2dfmbefzskm2b2sgehmip1t4cvexbtpssk2sdjt6951wlkaev-qbpxn2strgesn6t0wc7ahptj_e6akbt7rpyk</t>
  </si>
  <si>
    <t>01/20/2020 16:23:15</t>
  </si>
  <si>
    <t>1579538974767;61;621969351;[];[]]];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ibntaw_thnmpoxzrylzkl_447m2dwlfa-_ju4axjsy4\";null;true]";vchx76kgoyskqvpqzuqo0mrsk-nevtbmaqaleloorbdq4mjvgtmunagardgcvqomsjf2dfmbefzskm2b2sgehmip1t4cvexbtpssk2sdjt6951wlkaev-qbpxn2strgesn6t0wc7ahptj_e6akbt7rpykdguoorotjjojr2vprr4zefrh7i8ekftw_f_-u1emtiy6u1k09ydghmcnooax7ywi6zi1ibntaw_thnmpoxzrylzkl_447m2dwlfa-_ju4axjsy4\";</t>
  </si>
  <si>
    <t>1579538974767,61,621969351,[],[]]],false,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ibntaw_thnmpoxzrylzkl_447m2dwlfa-_ju4axjsy4\",null,true]",vchx76kgoyskqvpqzuqo0mrsk-nevtbmaqaleloorbdq4mjvgtmunagardgcvqomsjf2dfmbefzskm2b2sgehmip1t4cvexbtpssk2sdjt6951wlkaev-qbpxn2strgesn6t0wc7ahptj_e6akbt7rpykdguoorotjjojr2vprr4zefrh7i8ekftw_f_-u1emtiy6u1k09ydghmcnooax7ywi6zi1ibntaw_thnmpoxzrylzkl_447m2dwlfa-_ju4axjsy4\"</t>
  </si>
  <si>
    <t>01/20/2020 16:23:41</t>
  </si>
  <si>
    <t>"mozilla/5.0 (windows nt 6.1) applewebkit/537.36 (khtml;1;13;13700109;13700607;13700883;13701139;13701214;13701298;13701418;13701458;13701577;13701589;13701613;13701625;13701657;13701749;13701825;13701901;13701921;13701949;13701953;13701969;13702064;13702088;1579520900840000;1579520901989000;1579528428892;1579532943833;1579545598196;1579547705380;26;41;621969351;83;90;[[13701450;[];[]]];adfn-csyrvwqermfbxam1mkavsrzjlg0rundo9gysmvmlrxxhlhfmqhcw7_ynhcatkqscdyldsiy;ancestorhasaugmentedpermissions;containsunsubscribedchildren;displayname;domain;emailaddress;false;false];fedb0gqdtuqawg";file(kind;fileid;filesize;hasthumbnail;hasvisitorpermissions;id;id);items(deleted;items(kind;ken;ken=ac4w5vi0ka-sxkbznvlqg8lj5-wvx_fz5a:1579520900837&amp;buildlabel=drive.web-frontend_20200108.00_p2�cΖ;kind;l-ckacf_7r3zozh1hhizn88xwetaapoebcpjm5ey2zyse1nt3xmnhcr-rz9s-zdg-5-xx2v8f_tzsvcfibwrle5qaq53vh6r8m19mnq0rhk68ibitnjgrsmrdalihic4l1lxyqga8ovr5etkjjbkmsgw0htomrw0ftovchx76kgoyskqvpqzuqo0mrsk-nevtbmaqaleloorbdq4mjvgtmunagardgcvqomsjf2d</t>
  </si>
  <si>
    <t>"mozilla/5.0 (windows nt 6.1) applewebkit/537.36 (khtml,1,13,13700109,13700607,13700883,13701139,13701214,13701298,13701418,13701458,13701577,13701589,13701613,13701625,13701657,13701749,13701825,13701901,13701921,13701949,13701953,13701969,13702064,13702088,1579520900840000,1579520901989000,1579528428892,1579532943833,1579545598196,1579547705380,26,41,621969351,83,90,[[13701450,[],[]]],adfn-csyrvwqermfbxam1mkavsrzjlg0rundo9gysmvmlrxxhlhfmqhcw7_ynhcatkqscdyldsiy,ancestorhasaugmentedpermissions,containsunsubscribedchildren,displayname,domain,emailaddress,false,false],fedb0gqdtuqawg",file(kind,fileid,filesize,hasthumbnail,hasvisitorpermissions,id,id),items(deleted,items(kind,ken,ken=ac4w5vi0ka-sxkbznvlqg8lj5-wvx_fz5a:1579520900837&amp;buildlabel=drive.web-frontend_20200108.00_p2�cΖ,kind,l-ckacf_7r3zozh1hhizn88xwetaapoebcpjm5ey2zyse1nt3xmnhcr-rz9s-zdg-5-xx2v8f_tzsvcfibwrle5qaq53vh6r8m19mnq0rhk68ibitnjgrsmrdalihic4l1lxyqga8ovr5etkjjbkmsgw0htomrw0ftovchx76kgoyskqvpqzuqo0mrsk-nevtbmaqaleloorbdq4mjvgtmunagardgcvqomsjf2d</t>
  </si>
  <si>
    <t>01/20/2020 16:24:02</t>
  </si>
  <si>
    <t>01/20/2020 16:24:12</t>
  </si>
  <si>
    <t>01/20/2020 16:24:32</t>
  </si>
  <si>
    <t>01/20/2020 16:24:37</t>
  </si>
  <si>
    <t>01/20/2020 16:24:46</t>
  </si>
  <si>
    <t>01/20/2020 16:25:06</t>
  </si>
  <si>
    <t>"languagecode":"pt-br";"requesttype":"background_request";"scenariotype;"timezone":"-03:00";1579531137861;1579532889125000]]]p1;1579544996147;35;621969351;81;[];[]]];ess"}};false;gw5ndczmtg5odk4mdmrulwtnx5ezimycw==";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5bntaw_kdirppe52_77fjjwh-mvlvx0rwdervqjzduc\";mrw0ftovchx76kgoyskqvpqzuqo0mrsk-nevtbmaqaleloorbdq4mjvgtmunagardgcvqomsjf2dfmbefzskm2b2sgehmip1t4cvexbtpssk2sdjt6951wlkaev-qbpxn2strgesn6t0wc7ahptj_e6akbt7rpykdguoorotjjojr2vprr4zefrh7i8ekftw_f_-u1emtiy6u1k09ydghmcnooax7ywi6zi1l7ntaw-ra5p4oyl6ywonifzqhwaowxs1yx6t8vwsfaa\";null;p"</t>
  </si>
  <si>
    <t>"languagecode":"pt-br","requesttype":"background_request","scenariotype,"timezone":"-03:00",1579531137861,1579532889125000]]]p1,1579544996147,35,621969351,81,[],[]]],ess"}},false,gw5ndczmtg5odk4mdmrulwtnx5ezimycw==",l-ckacf_7r3zozh1hhizn88xwetaapoebcpjm5ey2zyse1nt3xmnhcr-rz9s-zdg-5-xx2v8f_tzsvcfibwrle5qaq53vh6r8m19mnq0rhk68ibitnjgrsmrdalihic4l1lxyqga8ovr5etkjjbkmsgw0htomrw0ftovchx76kgoyskqvpqzuqo0mrsk-nevtbmaqaleloorbdq4mjvgtmunagardgcvqomsjf2dfmbefzskm2b2sgehmip1,mrw0ftovchx76kgoyskqvpqzuqo0mrsk-nevtbmaqaleloorbdq4mjvgtmunagardgcvqomsjf2dfmbefzskm2b2sgehmip1t4cvexbtpssk2sdjt6951wlkaev-qbpxn2strgesn6t0wc7ahptj_e6akbt7rpykdguoorotjjojr2vprr4zefrh7i8ekftw_f_-u1emtiy6u1k09ydghmcnooax7ywi6zi15bntaw_kdirppe52_77fjjwh-mvlvx0rwdervqjzduc\",mrw0ftovchx76kgoyskqvpqzuqo0mrsk-nevtbmaqaleloorbdq4mjvgtmunagardgcvqomsjf2dfmbefzskm2b2sgehmip1t4cvexbtpssk2sdjt6951wlkaev-qbpxn2strgesn6t0wc7ahptj_e6akbt7rpykdguoorotjjojr2vprr4zefrh7i8ekftw_f_-u1emtiy6u1k09ydghmcnooax7ywi6zi1l7ntaw-ra5p4oyl6ywonifzqhwaowxs1yx6t8vwsfaa\",null,p"</t>
  </si>
  <si>
    <t>01/20/2020 16:25:10</t>
  </si>
  <si>
    <t>01/20/2020 16:25:12</t>
  </si>
  <si>
    <t>01/20/2020 16:21:21</t>
  </si>
  <si>
    <t>\\acsfs\DEPTOS\Operacao\Banco_Votorantim\Supervisao\SUPERS BV CARTÕES\ANA VITORIA\</t>
  </si>
  <si>
    <t>\\acsfs\DEPTOS\Operacao\Banco_Votorantim\Supervisao\SUPERS BV CARTÕES\ANA VITORIA\Thumbs.db</t>
  </si>
  <si>
    <t>01/20/2020 16:24:33</t>
  </si>
  <si>
    <t>01/20/2020 16:26:24</t>
  </si>
  <si>
    <t>e49a5f48-ed97-420c-a080-de7eb54c6bec.tmp</t>
  </si>
  <si>
    <t>\\acsfs\profiles$\jhonatadss\Downloads\e49a5f48-ed97-420c-a080-de7eb54c6bec.tmp</t>
  </si>
  <si>
    <t>01/20/2020 16:23:16</t>
  </si>
  <si>
    <t>lu1398813h58.tmp</t>
  </si>
  <si>
    <t>\\acsfs\profiles$\jalilebds\Downloads\lu1398813h58.tmp</t>
  </si>
  <si>
    <t>01/20/2020 16:28:24</t>
  </si>
  <si>
    <t>01/20/2020 16:29:24</t>
  </si>
  <si>
    <t>01/20/2020 16:28:30</t>
  </si>
  <si>
    <t>01/20/2020 16:30:24</t>
  </si>
  <si>
    <t>01/20/2020 16:28:34</t>
  </si>
  <si>
    <t>01/20/2020 16:28:45</t>
  </si>
  <si>
    <t>01/20/2020 16:29:02</t>
  </si>
  <si>
    <t>01/20/2020 16:25:29</t>
  </si>
  <si>
    <t>01/20/2020 16:25:38</t>
  </si>
  <si>
    <t>01/20/2020 16:25:44</t>
  </si>
  <si>
    <t>01/20/2020 16:26:09</t>
  </si>
  <si>
    <t>01/20/2020 16:26:14</t>
  </si>
  <si>
    <t>01/20/2020 16:26:39</t>
  </si>
  <si>
    <t>01/20/2020 16:26:48</t>
  </si>
  <si>
    <t>01/20/2020 16:26:53</t>
  </si>
  <si>
    <t>01/20/2020 16:27:02</t>
  </si>
  <si>
    <t>01/20/2020 16:27:25</t>
  </si>
  <si>
    <t>01/20/2020 16:27:43</t>
  </si>
  <si>
    <t>01/20/2020 16:27:51</t>
  </si>
  <si>
    <t>01/20/2020 16:27:54</t>
  </si>
  <si>
    <t>01/20/2020 16:28:08</t>
  </si>
  <si>
    <t>01/20/2020 16:28:15</t>
  </si>
  <si>
    <t>01/20/2020 16:28:20</t>
  </si>
  <si>
    <t>01/20/2020 16:29:11</t>
  </si>
  <si>
    <t>01/20/2020 16:31:23</t>
  </si>
  <si>
    <t>01/20/2020 16:31:47</t>
  </si>
  <si>
    <t>01/20/2020 16:33:23</t>
  </si>
  <si>
    <t>01/20/2020 16:29:10</t>
  </si>
  <si>
    <t>Erros operacionais.xlsx</t>
  </si>
  <si>
    <t>\\acsfs\ACS\Gabriel da Silva\Contemporânea\Erros Operacionais\Erros operacionais.xlsx</t>
  </si>
  <si>
    <t>01/20/2020 16:28:26</t>
  </si>
  <si>
    <t>gabrieleods@bv.algartech.com</t>
  </si>
  <si>
    <t>https://udpmailboxap01/h/search?si=0&amp;so=0&amp;sc=79366&amp;st=conversation&amp;action=compose</t>
  </si>
  <si>
    <t>01/20/2020 16:28:47</t>
  </si>
  <si>
    <t>01/20/2020 16:28:50</t>
  </si>
  <si>
    <t>01/20/2020 16:28:52</t>
  </si>
  <si>
    <t>01/20/2020 16:30:25</t>
  </si>
  <si>
    <t>CASO 00816277 - OPERADORA VALERIA SENA DE ARAUJO_1_6775170043185542007_1_32.wav</t>
  </si>
  <si>
    <t>\\acsfs\Deptos\EDUCACAO EMPRESARIAL\KÉSIA\OUVIDORIA, PROCON, BACEN E RECLAME AQUI\CASO 00816277 - OPERADORA VALERIA SENA DE ARAUJO_1_6775170043185542007_1_32.wav</t>
  </si>
  <si>
    <t>01/20/2020 16:31:19</t>
  </si>
  <si>
    <t>01/20/2020 16:34:24</t>
  </si>
  <si>
    <t>01/20/2020 16:31:21</t>
  </si>
  <si>
    <t>01/20/2020 16:31:22</t>
  </si>
  <si>
    <t>01/20/2020 16:31:24</t>
  </si>
  <si>
    <t>01/20/2020 16:31:26</t>
  </si>
  <si>
    <t>01/20/2020 16:31:28</t>
  </si>
  <si>
    <t>01/20/2020 16:31:29</t>
  </si>
  <si>
    <t>01/20/2020 16:31:30</t>
  </si>
  <si>
    <t>01/20/2020 16:31:31</t>
  </si>
  <si>
    <t>01/20/2020 16:31:33</t>
  </si>
  <si>
    <t>01/20/2020 16:31:35</t>
  </si>
  <si>
    <t>01/20/2020 16:31:36</t>
  </si>
  <si>
    <t>01/20/2020 16:31:37</t>
  </si>
  <si>
    <t>01/20/2020 16:31:38</t>
  </si>
  <si>
    <t>01/20/2020 16:31:41</t>
  </si>
  <si>
    <t>01/20/2020 16:31:42</t>
  </si>
  <si>
    <t>01/20/2020 16:31:45</t>
  </si>
  <si>
    <t>01/20/2020 16:31:48</t>
  </si>
  <si>
    <t>01/20/2020 16:31:49</t>
  </si>
  <si>
    <t>01/20/2020 16:31:50</t>
  </si>
  <si>
    <t>01/20/2020 16:31:52</t>
  </si>
  <si>
    <t>01/20/2020 16:31:53</t>
  </si>
  <si>
    <t>01/20/2020 16:31:54</t>
  </si>
  <si>
    <t>01/20/2020 16:31:55</t>
  </si>
  <si>
    <t>01/20/2020 16:31:57</t>
  </si>
  <si>
    <t>01/20/2020 16:31:58</t>
  </si>
  <si>
    <t>01/20/2020 16:31:59</t>
  </si>
  <si>
    <t>01/20/2020 16:32:00</t>
  </si>
  <si>
    <t>01/20/2020 16:32:02</t>
  </si>
  <si>
    <t>01/20/2020 16:32:03</t>
  </si>
  <si>
    <t>01/20/2020 16:32:05</t>
  </si>
  <si>
    <t>01/20/2020 16:32:06</t>
  </si>
  <si>
    <t>01/20/2020 16:32:07</t>
  </si>
  <si>
    <t>01/20/2020 16:32:08</t>
  </si>
  <si>
    <t>01/20/2020 16:32:09</t>
  </si>
  <si>
    <t>01/20/2020 16:32:10</t>
  </si>
  <si>
    <t>01/20/2020 16:32:11</t>
  </si>
  <si>
    <t>01/20/2020 16:32:13</t>
  </si>
  <si>
    <t>01/20/2020 16:32:37</t>
  </si>
  <si>
    <t>01/20/2020 16:33:19</t>
  </si>
  <si>
    <t>b46457c7-f2df-4413-ac1f-cc046b00dd0a.tmp</t>
  </si>
  <si>
    <t>\\acsfs\profiles$\KARENDSR\Downloads\b46457c7-f2df-4413-ac1f-cc046b00dd0a.tmp</t>
  </si>
  <si>
    <t>01/20/2020 16:29:32</t>
  </si>
  <si>
    <t>01/20/2020 16:35:23</t>
  </si>
  <si>
    <t>01/20/2020 16:29:38</t>
  </si>
  <si>
    <t>01/20/2020 16:29:43</t>
  </si>
  <si>
    <t>01/20/2020 16:29:53</t>
  </si>
  <si>
    <t>atestado bruna 02 a 04 janeiro.jpg</t>
  </si>
  <si>
    <t>01/20/2020 16:30:06</t>
  </si>
  <si>
    <t>01/20/2020 16:37:23</t>
  </si>
  <si>
    <t>01/20/2020 16:36:55</t>
  </si>
  <si>
    <t>1cedb1d7-1730-4283-bd40-59c1d4165a71.tmp</t>
  </si>
  <si>
    <t>\\acsfs\profiles$\lorrainerdl\Downloads\1cedb1d7-1730-4283-bd40-59c1d4165a71.tmp</t>
  </si>
  <si>
    <t>01/20/2020 16:38:24</t>
  </si>
  <si>
    <t>01/20/2020 16:34:29</t>
  </si>
  <si>
    <t>01/20/2020 16:39:23</t>
  </si>
  <si>
    <t>0cc42165-284c-4941-b9c2-ca6cd8a2f823.tmp</t>
  </si>
  <si>
    <t>\\acsfs\profiles$\joycemmdl\Downloads\0cc42165-284c-4941-b9c2-ca6cd8a2f823.tmp</t>
  </si>
  <si>
    <t>01/20/2020 16:34:55</t>
  </si>
  <si>
    <t>Unconfirmed 53651.crdownload</t>
  </si>
  <si>
    <t>\\acsfs\profiles$\joycemmdl\Downloads\Unconfirmed 53651.crdownload</t>
  </si>
  <si>
    <t>01/20/2020 16:35:55</t>
  </si>
  <si>
    <t>6ea2721b-76ed-464a-bf07-e91d16e7d3f4.tmp</t>
  </si>
  <si>
    <t>\\acsfs\profiles$\joycemmdl\Downloads\6ea2721b-76ed-464a-bf07-e91d16e7d3f4.tmp</t>
  </si>
  <si>
    <t>01/20/2020 16:36:38</t>
  </si>
  <si>
    <t>041d3f41-32e5-4ae7-8eb0-9d18aa968500.tmp</t>
  </si>
  <si>
    <t>\\acsfs\profiles$\joycemmdl\Downloads\041d3f41-32e5-4ae7-8eb0-9d18aa968500.tmp</t>
  </si>
  <si>
    <t>01/20/2020 16:36:56</t>
  </si>
  <si>
    <t>851084ae-5260-451d-98e9-1be5e8674965.tmp</t>
  </si>
  <si>
    <t>\\acsfs\profiles$\joycemmdl\Downloads\851084ae-5260-451d-98e9-1be5e8674965.tmp</t>
  </si>
  <si>
    <t>01/20/2020 16:34:34</t>
  </si>
  <si>
    <t>1d03db63-ed7e-419c-9be3-2b0c00927482.tmp</t>
  </si>
  <si>
    <t>\\acsfs\profiles$\danielac\Downloads\1d03db63-ed7e-419c-9be3-2b0c00927482.tmp</t>
  </si>
  <si>
    <t>01/20/2020 16:35:59</t>
  </si>
  <si>
    <t>a370a69e-7c32-4270-98be-e802de298472.tmp</t>
  </si>
  <si>
    <t>\\acsfs\profiles$\KARENDSR\Downloads\a370a69e-7c32-4270-98be-e802de298472.tmp</t>
  </si>
  <si>
    <t>01/20/2020 16:36:06</t>
  </si>
  <si>
    <t>fa4c7f4a-9eec-4723-952e-99f4566879cb.tmp</t>
  </si>
  <si>
    <t>\\acsfs\profiles$\KARENDSR\Downloads\fa4c7f4a-9eec-4723-952e-99f4566879cb.tmp</t>
  </si>
  <si>
    <t>01/20/2020 16:37:10</t>
  </si>
  <si>
    <t>03a6f068-cd2e-473d-9611-9b15c3f55b71.tmp</t>
  </si>
  <si>
    <t>\\acsfs\profiles$\KARENDSR\Downloads\03a6f068-cd2e-473d-9611-9b15c3f55b71.tmp</t>
  </si>
  <si>
    <t>01/20/2020 16:35:45</t>
  </si>
  <si>
    <t>01/20/2020 16:40:24</t>
  </si>
  <si>
    <t>01/20/2020 16:39:40</t>
  </si>
  <si>
    <t>01/20/2020 16:38:26</t>
  </si>
  <si>
    <t>01/20/2020 16:36:50</t>
  </si>
  <si>
    <t>01/20/2020 16:41:23</t>
  </si>
  <si>
    <t>c0b7b088-2486-4e4a-bc5f-266c9dd5e924.tmp</t>
  </si>
  <si>
    <t>\\acsfs\profiles$\rosileiam\Downloads\c0b7b088-2486-4e4a-bc5f-266c9dd5e924.tmp</t>
  </si>
  <si>
    <t>01/20/2020 16:37:14</t>
  </si>
  <si>
    <t>lu1398813h5h.tmp</t>
  </si>
  <si>
    <t>\\acsfs\profiles$\jalilebds\Downloads\lu1398813h5h.tmp</t>
  </si>
  <si>
    <t>01/20/2020 16:42:23</t>
  </si>
  <si>
    <t>01/20/2020 16:37:30</t>
  </si>
  <si>
    <t>7174cdd6-cd36-4ed0-8119-5c0ee23cc318.tmp</t>
  </si>
  <si>
    <t>\\acsfs\profiles$\lorrainerdl\Downloads\7174cdd6-cd36-4ed0-8119-5c0ee23cc318.tmp</t>
  </si>
  <si>
    <t>01/20/2020 16:43:23</t>
  </si>
  <si>
    <t>01/20/2020 16:39:00</t>
  </si>
  <si>
    <t>01/20/2020 16:43:02</t>
  </si>
  <si>
    <t>9927ab3d-7e7f-4131-bacf-746d9de5bfd1.tmp</t>
  </si>
  <si>
    <t>\\acsfs\profiles$\fabianobmf\Downloads\9927ab3d-7e7f-4131-bacf-746d9de5bfd1.tmp</t>
  </si>
  <si>
    <t>01/20/2020 16:44:23</t>
  </si>
  <si>
    <t>01/20/2020 16:41:29</t>
  </si>
  <si>
    <t>9f288262-4201-40c8-86b9-a1eebda6dc1d.tmp</t>
  </si>
  <si>
    <t>\\acsfs\profiles$\KARENDSR\Downloads\9f288262-4201-40c8-86b9-a1eebda6dc1d.tmp</t>
  </si>
  <si>
    <t>2e45f72d-3d39-4a0d-8725-7f07705cbeb7.tmp</t>
  </si>
  <si>
    <t>\\acsfs\profiles$\philipegsf\Downloads\2e45f72d-3d39-4a0d-8725-7f07705cbeb7.tmp</t>
  </si>
  <si>
    <t>01/20/2020 16:39:27</t>
  </si>
  <si>
    <t>34bce33f-460d-44ff-9092-8ef94da727cd.tmp</t>
  </si>
  <si>
    <t>\\acsfs\profiles$\philipegsf\Downloads\34bce33f-460d-44ff-9092-8ef94da727cd.tmp</t>
  </si>
  <si>
    <t>01/20/2020 16:42:08</t>
  </si>
  <si>
    <t>01/20/2020 16:45:23</t>
  </si>
  <si>
    <t>01/20/2020 16:41:15</t>
  </si>
  <si>
    <t>01/20/2020 16:41:16</t>
  </si>
  <si>
    <t>01/20/2020 16:41:25</t>
  </si>
  <si>
    <t>01/20/2020 16:41:38</t>
  </si>
  <si>
    <t>http:///batch/drive/v2internal?%24ct=multipart%2Fmixed%3B%20boundary%3D%22%3D%3D%3D%3D%3Dqo4d6akptmrf%3D%3D%3D%3D%3D%22&amp;key=AIzaSyAy9VVXHSpS2IJpptzYtGbLP3-3_l0aBk4</t>
  </si>
  <si>
    <t>1579538974767;61;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ibntaw_thnmpoxzrylzkl_447m2dwlfa-_ju4axjsy4\";null;ontainsunsubscribedchildren;owners(kind;per;permissionid;picture;shared;sharedwithmedate;thumbnailversion;title;true]";userpermission(role);vchx76kgoyskqvpqzuqo0mrsk-nevtbmaqaleloorbdq4mjvgtmunag</t>
  </si>
  <si>
    <t>http://1579538974767,61,621969351,[],[]]],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ibntaw_thnmpoxzrylzkl_447m2dwlfa-_ju4axjsy4\",null,ontainsunsubscribedchildren,owners(kind,per,permissionid,picture,shared,sharedwithmedate,thumbnailversion,title,true]",userpermission(role),vchx76kgoyskqvpqzuqo0mrsk-nevtbmaqaleloorbdq4mjv</t>
  </si>
  <si>
    <t>01/20/2020 16:41:39</t>
  </si>
  <si>
    <t>http:///batch/drive/v2internal?%24ct=multipart%2Fmixed%3B%20boundary%3D%22%3D%3D%3D%3D%3Dxeqq4y2h5327%3D%3D%3D%3D%3D%22&amp;key=AIzaSyAy9VVXHSpS2IJpptzYtGbLP3-3_l0aBk4</t>
  </si>
  <si>
    <t>01/20/2020 16:41:40</t>
  </si>
  <si>
    <t>http:///batch/drive/v2internal?%24ct=multipart%2Fmixed%3B%20boundary%3D%22%3D%3D%3D%3D%3Dvp08dum6flj1%3D%3D%3D%3D%3D%22&amp;key=AIzaSyAy9VVXHSpS2IJpptzYtGbLP3-3_l0aBk4</t>
  </si>
  <si>
    <t>01/20/2020 16:42:41</t>
  </si>
  <si>
    <t>01/20/2020 16:42:44</t>
  </si>
  <si>
    <t>01/20/2020 16:42:52</t>
  </si>
  <si>
    <t>http://algar.folhasinergyrh.com.br/login/usuariocheck</t>
  </si>
  <si>
    <t>ancestorhasaugmentedpermissions;containsunsubscribedchildren;displayname;domain;emailaddress;filesize;hasthumbnail;hasvisitorpermissions;id);items(kind;ken;lastmodifyinguser(kind;lastviewedbymedate;modifiedbymedate;modifieddate;ontainsunsubscribedchildren;owners(kind;permissi;permissionid;picture;thumbnailversion�;workspaceids;</t>
  </si>
  <si>
    <t>http://ancestorhasaugmentedpermissions,containsunsubscribedchildren,displayname,domain,emailaddress,filesize,hasthumbnail,hasvisitorpermissions,id),items(kind,ken,lastmodifyinguser(kind,lastviewedbymedate,modifiedbymedate,modifieddate,ontainsunsubscribedchildren,owners(kind,permissi,permissionid,picture,thumbnailversion�,workspaceids</t>
  </si>
  <si>
    <t>01/20/2020 16:42:55</t>
  </si>
  <si>
    <t>http:///batch/drive/v2internal?%24ct=multipart%2Fmixed%3B%20boundary%3D%22%3D%3D%3D%3D%3Dvt5892hu2drf%3D%3D%3D%3D%3D%22&amp;key=AIzaSyAy9VVXHSpS2IJpptzYtGbLP3-3_l0aBk4</t>
  </si>
  <si>
    <t>ancestorhasaugmentedpermissions;containsunsubscribedchildren;displayname;domain;emailaddress;filesize;hasthumbnail;hasvisitorpermissions;id);items(kind;ken;lastmodifyinguser(kind;lastviewedbymedate;modifiedbymedate;modifieddate;ontainsunsubscribedchildren;owners(kind;permissi;permissionid;picture;picture�;thumbnailversion�;workspaceids;</t>
  </si>
  <si>
    <t>http://ancestorhasaugmentedpermissions,containsunsubscribedchildren,displayname,domain,emailaddress,filesize,hasthumbnail,hasvisitorpermissions,id),items(kind,ken,lastmodifyinguser(kind,lastviewedbymedate,modifiedbymedate,modifieddate,ontainsunsubscribedchildren,owners(kind,permissi,permissionid,picture,picture�,thumbnailversion�,workspaceids</t>
  </si>
  <si>
    <t>"mozilla/5.0 (windows nt 6.1) applewebkit/537.36 (khtml;1;13;137;13700607;13700883;13701139;13701214;13701298;13701577;13701589;13701613;13701625;13701825;13701901;13701921;13701949;13701969;13702064;13702088;1579520900840000;1579520901989000;1579538275752000]]];1579543792044;1579545297171;621969351;77;82;[[13701450;[];[]]];adfn-csyrvwqermfbxam1mkavsrzjlg0rundo9gysmvmlrxxhlhfmqhcw7_ynhcatkqscdyldsiy;false;false];fedb0gqdtuqawg";ken=ac4w5vi0ka-sxkbznvlqg8lj5-wvx_fz5a:1579520900837&amp;buildlabel=drive.web-frontend_20200108.00_p2;l-ckacf_7r3zozh1hhizn88xwetaapoebcpjm5ey2zyse1nt3xmnhcr-rz9s-zdg-5-xx2v8f_tzsvcfibwrle5qaq53vh6r8m19mnq0rhk68ibitnjgrsmrdalihic4l1lxyqga8ovr5etkjjbkmsgw0htomrw0ftovchx76kgoyskqvpqzuqo0mrsk-nevtbmaqaleloorbdq4mjvgtmunagardgcvqomsjf2dfmbefzskm2b2sgehmip1;like gecko) chrome/79.0.3945.130 safari/537.36";mrw0ftovchx76kgoyskqvpqzuqo0mrsk-nevtbmaqaleloorbdq4mjvgtmunagardgcvqomsjf2dfmbefzskm2b2sgehmip1t4cvexbtpssk2sdjt6951wlkaev-qbpxn2strgesn6t0wc7ahptj_e6akbt7rpykdguoorotjjojr2vprr4zefrh7i8ekftw_</t>
  </si>
  <si>
    <t>"mozilla/5.0 (windows nt 6.1) applewebkit/537.36 (khtml,1,13,137,13700607,13700883,13701139,13701214,13701298,13701577,13701589,13701613,13701625,13701825,13701901,13701921,13701949,13701969,13702064,13702088,1579520900840000,1579520901989000,1579538275752000]]],1579543792044,1579545297171,621969351,77,82,[[13701450,[],[]]],adfn-csyrvwqermfbxam1mkavsrzjlg0rundo9gysmvmlrxxhlhfmqhcw7_ynhcatkqscdyldsiy,false,false],fedb0gqdtuqawg",ken=ac4w5vi0ka-sxkbznvlqg8lj5-wvx_fz5a:1579520900837&amp;buildlabel=drive.web-frontend_20200108.00_p2,l-ckacf_7r3zozh1hhizn88xwetaapoebcpjm5ey2zyse1nt3xmnhcr-rz9s-zdg-5-xx2v8f_tzsvcfibwrle5qaq53vh6r8m19mnq0rhk68ibitnjgrsmrdalihic4l1lxyqga8ovr5etkjjbkmsgw0htomrw0ftovchx76kgoyskqvpqzuqo0mrsk-nevtbmaqaleloorbdq4mjvgtmunagardgcvqomsjf2dfmbefzskm2b2sgehmip1,like gecko) chrome/79.0.3945.130 safari/537.36",mrw0ftovchx76kgoyskqvpqzuqo0mrsk-nevtbmaqaleloorbdq4mjvgtmunagardgcvqomsjf2dfmbefzskm2b2sgehmip1t4cvexbtpssk2sdjt6951wlkaev-qbpxn2strgesn6t0wc7ahptj_e6akbt7rpykdguoorotjjojr2vprr4zefrh7i8ekftw_</t>
  </si>
  <si>
    <t>01/20/2020 16:42:57</t>
  </si>
  <si>
    <t>http:///batch/drive/v2internal?%24ct=multipart%2Fmixed%3B%20boundary%3D%22%3D%3D%3D%3D%3Dtpk9bj5rpzze%3D%3D%3D%3D%3D%22&amp;key=AIzaSyAy9VVXHSpS2IJpptzYtGbLP3-3_l0aBk4</t>
  </si>
  <si>
    <t>ancestorhasaugmentedpermissions;containsunsubscribedchildren;displayname;domain;emailaddress;filesize;hasthumbnail;hasvisitorpermissions;id);items(kind;ken;lastmodifyinguser(kind;lastviewedbymedate;modifiedbymedate;modifieddate;ontainsunsubscribedchildren;owners(kind;permiss;permissi;permissionid;picture;picture�;rpermissions;thumbnailversion�;workspaceids;</t>
  </si>
  <si>
    <t>http://ancestorhasaugmentedpermissions,containsunsubscribedchildren,displayname,domain,emailaddress,filesize,hasthumbnail,hasvisitorpermissions,id),items(kind,ken,lastmodifyinguser(kind,lastviewedbymedate,modifiedbymedate,modifieddate,ontainsunsubscribedchildren,owners(kind,permiss,permissi,permissionid,picture,picture�,rpermissions,thumbnailversion�,workspaceids</t>
  </si>
  <si>
    <t>01/20/2020 16:43:05</t>
  </si>
  <si>
    <t>http:///batch/drive/v2internal?%24ct=multipart%2Fmixed%3B%20boundary%3D%22%3D%3D%3D%3D%3Dn8jmlsp3tiq%3D%3D%3D%3D%3D%22&amp;key=AIzaSyAy9VVXHSpS2IJpptzYtGbLP3-3_l0aBk4</t>
  </si>
  <si>
    <t>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miss;permissi;permissionid;picture;picture�;rpermissions;shared;sharedwithmedate;thumbnailversion;thumbnailversion�;title;userpermission(role);workspaceids;</t>
  </si>
  <si>
    <t>http://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miss,permissi,permissionid,picture,picture�,rpermissions,shared,sharedwithmedate,thumbnailversion,thumbnailversion�,title,userpermission(role),workspaceids</t>
  </si>
  <si>
    <t>01/20/2020 16:44:39</t>
  </si>
  <si>
    <t>http:///batch/drive/v2internal?%24ct=multipart%2Fmixed%3B%20boundary%3D%22%3D%3D%3D%3D%3Dp0dbswka0tgi%3D%3D%3D%3D%3D%22&amp;key=AIzaSyAy9VVXHSpS2IJpptzYtGbLP3-3_l0aBk4</t>
  </si>
  <si>
    <t>1579546200248;1579546501274;621969351;85;86;[];[]]];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4bntaw_u7qoq7ml1wakb8i_i19odlvs5t9jpasb_psi\";mrw0ftovchx76kgoyskqvpqzuqo0mrsk-nevtbmaqaleloorbdq4mjvgtmunagardgcvqomsjf2dfmbefzskm2b2sgehmip1t4cvexbtpssk2sdjt6951wlkaev-qbpxn2strgesn6t0wc7ahptj_e6akbt7rpykdguoorotjjojr2vprr4zefr</t>
  </si>
  <si>
    <t>http://1579546200248,1579546501274,621969351,85,86,[],[]]],ancestorhasaugmentedpermissions,containsunsubscribedchildren,displayname,domain,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4bntaw_u7qoq7ml1wakb8i_i19odlvs5t9jpasb_psi\",mrw0ftovchx76kgoyskqvpqzuqo0mrsk-nevtbmaqaleloorbdq4mjvgtmunagardgcvqomsjf2dfmbefzskm2b2sgehmip1t4cvexbtpssk2sdjt6951wlkaev-qbpxn2strgesn6t0wc7ahptj_e6akbt7rpykdguoorotjjojr2vp</t>
  </si>
  <si>
    <t>01/20/2020 16:43:12</t>
  </si>
  <si>
    <t>http:///batch/drive/v2internal?%24ct=multipart%2Fmixed%3B%20boundary%3D%22%3D%3D%3D%3D%3Dk1ll6ua81234%3D%3D%3D%3D%3D%22&amp;key=AIzaSyAy9VVXHSpS2IJpptzYtGbLP3-3_l0aBk4</t>
  </si>
  <si>
    <t>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permissionid;picture;picture�;rpermissions;shared;sharedwithmedate;thumbnailversion;thumbnailversion�;title;userpermission(role);workspaceids;</t>
  </si>
  <si>
    <t>http://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permissionid,picture,picture�,rpermissions,shared,sharedwithmedate,thumbnailversion,thumbnailversion�,title,userpermission(role),workspaceids</t>
  </si>
  <si>
    <t>http:///batch/drive/v2internal?%24ct=multipart%2Fmixed%3B%20boundary%3D%22%3D%3D%3D%3D%3Daygjc095m3g8%3D%3D%3D%3D%3D%22&amp;key=AIzaSyAy9VVXHSpS2IJpptzYtGbLP3-3_l0aBk4</t>
  </si>
  <si>
    <t>01/20/2020 16:43:31</t>
  </si>
  <si>
    <t>1e3afb89-8441-4a0c-b4fa-1856d583aa7b;</t>
  </si>
  <si>
    <t>http:///batch/drive/v2internal?%24ct=multipart%2Fmixed%3B%20boundary%3D%22%3D%3D%3D%3D%3Dsa2p1fnsrh28%3D%3D%3D%3D%3D%22&amp;key=AIzaSyAy9VVXHSpS2IJpptzYtGbLP3-3_l0aBk4</t>
  </si>
  <si>
    <t>ancestorhasaugmentedpermissions;containsunsubscribedchildren;displayname;domain;emailaddress;filesize;hasthumbnail;hasvisitorpermissions;id;id);items(kind;ken;lastmodifyinguser(kind;lastviewedbymedate;modifiedbymedate;modifieddate;ontainsunsubscribedchildren;owners(kind;permissionid;picture;shared;sharedwithmedate;thumbnailversion;title;userp;workspaceids;</t>
  </si>
  <si>
    <t>http://ancestorhasaugmentedpermissions,containsunsubscribedchildren,displayname,domain,emailaddress,filesize,hasthumbnail,hasvisitorpermissions,id,id),items(kind,ken,lastmodifyinguser(kind,lastviewedbymedate,modifiedbymedate,modifieddate,ontainsunsubscribedchildren,owners(kind,permissionid,picture,shared,sharedwithmedate,thumbnailversion,title,userp,workspaceids</t>
  </si>
  <si>
    <t>01/20/2020 16:43:35</t>
  </si>
  <si>
    <t>http://drive.google.com/upload/drive/v2internal/files?openDrive=false&amp;reason=202&amp;syncType=0&amp;errorRecovery=false&amp;uploadType=resumable&amp;pinned=true&amp;convert=false&amp;fields=kind%2CmodifiedDate%2ChasVisitorPermissions%2CcontainsUnsubscribedChildren%2CmodifiedByMeDate%2ClastViewedByMeDate%2CworkspaceIds%2CfileSize%2Cowners(kind%2CpermissionId%2CdisplayName%2Cpicture%2CemailAddress%2Cdomain%2Cid)%2ClastModifyingUser(kind%2CpermissionId%2CdisplayName%2Cpicture%2CemailAddress%2Cid)%2CancestorHasAugmentedPermissions%2ChasThumbnail%2CthumbnailVersion%2Ctitle%2Cid%2Cshared%2CsharedWithMeDate%2CuserPermission(role)%2CexplicitlyTrashed%2CmimeType%2CquotaBytesUsed%2Cshareable%2Ccopyable%2Csubscribed%2CfolderColor%2ChasChildFolders%2CfileExtension%2CprimarySyncParentId%2CsharingUser(kind%2CpermissionId%2CdisplayName%2Cpicture%2CemailAddress%2Cid)%2CflaggedForAbuse%2CfolderFeatures%2Cspaces%2CsourceAppId%2Crecency%2CrecencyReason%2Cversion%2CactionItems%2CteamDriveId%2ChasAugmentedPermissions%2CcreatedDate%2CprimaryDomainName%2C</t>
  </si>
  <si>
    <t>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ionid;picture;shared;sharedwithmedate;thumbnailversion;title;userp;userpermission(role);workspaceids;</t>
  </si>
  <si>
    <t>http://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ionid,picture,shared,sharedwithmedate,thumbnailversion,title,userp,userpermission(role),workspaceids</t>
  </si>
  <si>
    <t>01/20/2020 16:44:40</t>
  </si>
  <si>
    <t>http:///batch/drive/v2internal?%24ct=multipart%2Fmixed%3B%20boundary%3D%22%3D%3D%3D%3D%3Dz5bctoebu665%3D%3D%3D%3D%3D%22&amp;key=AIzaSyAy9VVXHSpS2IJpptzYtGbLP3-3_l0aBk4</t>
  </si>
  <si>
    <t>1579546200248;1579546501274;621969351;85;86;[];[]]];ancestorhasaugmentedpermissions;containsunsubscribedchildren;displayname;domain;ebu665=====;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4bntaw_u7qoq7ml1wakb8i_i19odlvs5t9jpasb_psi\";mrw0ftovchx76kgoyskqvpqzuqo0mrsk-nevtbmaqaleloorbdq4mjvgtmunagardgcvqomsjf2dfmbefzskm2b2sgehmip1t4cvexbtpssk2sdjt6951wlkaev-qbpxn2strgesn6t0wc7ahptj_e6akbt7rpykdguoorotjjo</t>
  </si>
  <si>
    <t>http://1579546200248,1579546501274,621969351,85,86,[],[]]],ancestorhasaugmentedpermissions,containsunsubscribedchildren,displayname,domain,ebu665===== ,emailaddress,false,file(kind,fileid,filesize,hasthumbnail,hasvisitorpermissions,id,id),items(deleted,ken,kind,l-ckacf_7r3zozh1hhizn88xwetaapoebcpjm5ey2zyse1nt3xmnhcr-rz9s-zdg-5-xx2v8f_tzsvcfibwrle5qaq53vh6r8m19mnq0rhk68ibitnjgrsmrdalihic4l1lxyqga8ovr5etkjjbkmsgw0htomrw0ftovchx76kgoyskqvpqzuqo0mrsk-nevtbmaqaleloorbdq4mjvgtmunagardgcvqomsjf2dfmbefzskm2b2sgehmip1,lastmodifyinguser(kind,lastviewedbymedate,modifiedbymedate,modifieddate,mrw0ftovchx76kgoyskqvpqzuqo0mrsk-nevtbmaqaleloorbdq4mjvgtmunagardgcvqomsjf2dfmbefzskm2b2sgehmip1t4cvexbtpssk2sdjt6951wlkaev-qbpxn2strgesn6t0wc7ahptj_e6akbt7rpykdguoorotjjojr2vprr4zefrh7i8ekftw_f_-u1emtiy6u1k09ydghmcnooax7ywi6zi14bntaw_u7qoq7ml1wakb8i_i19odlvs5t9jpasb_psi\",mrw0ftovchx76kgoyskqvpqzuqo0mrsk-nevtbmaqaleloorbdq4mjvgtmunagardgcvqomsjf2dfmbefzskm2b2sgehmip1t4cvexbtpssk2sdjt6951wlkaev-qbpxn2strgesn6t0wc7ahptj_e6akbt7rpykdgu</t>
  </si>
  <si>
    <t>http:///batch/drive/v2internal?%24ct=multipart%2Fmixed%3B%20boundary%3D%22%3D%3D%3D%3D%3Djco7mlv8cw5n%3D%3D%3D%3D%3D%22&amp;key=AIzaSyAy9VVXHSpS2IJpptzYtGbLP3-3_l0aBk4</t>
  </si>
  <si>
    <t>01/20/2020 16:43:36</t>
  </si>
  <si>
    <t>http:///batch/drive/v2internal?%24ct=multipart%2Fmixed%3B%20boundary%3D%22%3D%3D%3D%3D%3Drla50byinwuo%3D%3D%3D%3D%3D%22&amp;key=AIzaSyAy9VVXHSpS2IJpptzYtGbLP3-3_l0aBk4</t>
  </si>
  <si>
    <t>01/20/2020 16:44:09</t>
  </si>
  <si>
    <t>http://dc.services.visualstudio.com/v2/track</t>
  </si>
  <si>
    <t>ancest;containsunsubscribedchildren;displayname;domain;emailaddress;filesize;id);lastmodifyinguser(kind;lastviewedbymedate;modifiedbymedate;ontainsunsubscribedchildren;owners(kind;permissionid;pictu;picture;rpermissions;workspaceids;</t>
  </si>
  <si>
    <t>http://ancest,containsunsubscribedchildren,displayname,domain,emailaddress,filesize,id),lastmodifyinguser(kind,lastviewedbymedate,modifiedbymedate,ontainsunsubscribedchildren,owners(kind,permissionid,pictu,picture,rpermissions,workspaceids</t>
  </si>
  <si>
    <t>http:///batch/drive/v2internal?%24ct=multipart%2Fmixed%3B%20boundary%3D%22%3D%3D%3D%3D%3D3ao4rthmw5lp%3D%3D%3D%3D%3D%22&amp;key=AIzaSyAy9VVXHSpS2IJpptzYtGbLP3-3_l0aBk4</t>
  </si>
  <si>
    <t>01/20/2020 16:44:12</t>
  </si>
  <si>
    <t>http:///batch/drive/v2internal?%24ct=multipart%2Fmixed%3B%20boundary%3D%22%3D%3D%3D%3D%3D5pdtm2swp75v%3D%3D%3D%3D%3D%22&amp;key=AIzaSyAy9VVXHSpS2IJpptzYtGbLP3-3_l0aBk4</t>
  </si>
  <si>
    <t>01/20/2020 16:44:15</t>
  </si>
  <si>
    <t>http:///batch/drive/v2internal?%24ct=multipart%2Fmixed%3B%20boundary%3D%22%3D%3D%3D%3D%3Dum0lley55l51%3D%3D%3D%3D%3D%22&amp;key=AIzaSyAy9VVXHSpS2IJpptzYtGbLP3-3_l0aBk4</t>
  </si>
  <si>
    <t>ances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picture;rpermissions;shared;sharedwithmedate;thumbnailversion;title;userpermission(role);workspaceids;</t>
  </si>
  <si>
    <t>http://ances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picture,rpermissions,shared,sharedwithmedate,thumbnailversion,title,userpermission(role),workspaceids</t>
  </si>
  <si>
    <t>01/20/2020 16:44:41</t>
  </si>
  <si>
    <t>http:///batch/drive/v2internal?%24ct=multipart%2Fmixed%3B%20boundary%3D%22%3D%3D%3D%3D%3D6i23lvnkirz9%3D%3D%3D%3D%3D%22&amp;key=AIzaSyAy9VVXHSpS2IJpptzYtGbLP3-3_l0aBk4</t>
  </si>
  <si>
    <t>01/20/2020 16:44:17</t>
  </si>
  <si>
    <t>http:///batch/drive/v2internal?%24ct=multipart%2Fmixed%3B%20boundary%3D%22%3D%3D%3D%3D%3D41p000cqejrg%3D%3D%3D%3D%3D%22&amp;key=AIzaSyAy9VVXHSpS2IJpptzYtGbLP3-3_l0aBk4</t>
  </si>
  <si>
    <t>01/20/2020 16:44:18</t>
  </si>
  <si>
    <t>http:///batch/drive/v2internal?%24ct=multipart%2Fmixed%3B%20boundary%3D%22%3D%3D%3D%3D%3Dycimdimks9cu%3D%3D%3D%3D%3D%22&amp;key=AIzaSyAy9VVXHSpS2IJpptzYtGbLP3-3_l0aBk4</t>
  </si>
  <si>
    <t>01/20/2020 16:41:35</t>
  </si>
  <si>
    <t>01/20/2020 16:47:23</t>
  </si>
  <si>
    <t>01/20/2020 16:41:37</t>
  </si>
  <si>
    <t>lu104281dy230.tmp</t>
  </si>
  <si>
    <t>\\acsfs\profiles$\victoriaksr\My Documents\lu104281dy230.tmp</t>
  </si>
  <si>
    <t>01/20/2020 16:48:23</t>
  </si>
  <si>
    <t>01/20/2020 16:45:32</t>
  </si>
  <si>
    <t>01/20/2020 16:46:19</t>
  </si>
  <si>
    <t>f677aec2-09a1-4cd0-af77-a32812c47354.tmp</t>
  </si>
  <si>
    <t>\\acsfs\profiles$\paulohaf\Downloads\f677aec2-09a1-4cd0-af77-a32812c47354.tmp</t>
  </si>
  <si>
    <t>01/20/2020 16:46:38</t>
  </si>
  <si>
    <t>CASO 00816277 - WARLEY SANTANA MAGALHAES.pdf</t>
  </si>
  <si>
    <t>\\acsfs\Deptos\EDUCACAO EMPRESARIAL\KÉSIA\OUVIDORIA, PROCON, BACEN E RECLAME AQUI\CASO 00816277 - WARLEY SANTANA MAGALHAES.pdf</t>
  </si>
  <si>
    <t>01/20/2020 16:46:40</t>
  </si>
  <si>
    <t>321c552c-7cdc-4718-a1bc-59002b4aff8f.tmp</t>
  </si>
  <si>
    <t>\\acsfs\profiles$\KARENJSS\Downloads\321c552c-7cdc-4718-a1bc-59002b4aff8f.tmp</t>
  </si>
  <si>
    <t>01/20/2020 16:49:24</t>
  </si>
  <si>
    <t>18-01 RELATORIO DE LOGIN AVON.xlsm</t>
  </si>
  <si>
    <t>\\acsfs\deptos\Operacao\PCP\5 - Comum\CONTROL DESK\2 - DAC2\Control Desk AVON\Relatorios\Status de login\2020\18-01 RELATORIO DE LOGIN AVON.xlsm</t>
  </si>
  <si>
    <t>01/20/2020 16:45:02</t>
  </si>
  <si>
    <t>01/20/2020 16:49:08</t>
  </si>
  <si>
    <t>01/20/2020 16:50:23</t>
  </si>
  <si>
    <t>01/20/2020 16:49:27</t>
  </si>
  <si>
    <t>01/20/2020 16:48:58</t>
  </si>
  <si>
    <t>01/20/2020 16:49:18</t>
  </si>
  <si>
    <t>01/20/2020 16:49:25</t>
  </si>
  <si>
    <t>01/20/2020 16:49:30</t>
  </si>
  <si>
    <t>01/20/2020 16:50:36</t>
  </si>
  <si>
    <t>01/20/2020 16:51:24</t>
  </si>
  <si>
    <t>e918c109-f909-4ac8-9cfa-4ab2be5e8de7.tmp</t>
  </si>
  <si>
    <t>\\acsfs\profiles$\andreapdsg\Downloads\e918c109-f909-4ac8-9cfa-4ab2be5e8de7.tmp</t>
  </si>
  <si>
    <t>01/20/2020 16:50:20</t>
  </si>
  <si>
    <t>01/20/2020 16:53:23</t>
  </si>
  <si>
    <t>Não confirmado 175577.crdownload</t>
  </si>
  <si>
    <t>\\acsfs\ACS\Gabriel da Silva\Contemporânea\VENDAS\Não confirmado 175577.crdownload</t>
  </si>
  <si>
    <t>01/20/2020 16:51:09</t>
  </si>
  <si>
    <t>Metlife_V.csv.crdownload</t>
  </si>
  <si>
    <t>\\acsfs\ACS\Gabriel da Silva\Contemporânea\VENDAS\Metlife_V.csv.crdownload</t>
  </si>
  <si>
    <t>01/20/2020 16:51:28</t>
  </si>
  <si>
    <t>4b92ae1c-4a62-4b62-b498-b268465bf701.tmp</t>
  </si>
  <si>
    <t>\\acsfs\profiles$\gabrielsma\Downloads\4b92ae1c-4a62-4b62-b498-b268465bf701.tmp</t>
  </si>
  <si>
    <t>01/20/2020 16:51:33</t>
  </si>
  <si>
    <t>01/20/2020 16:48:03</t>
  </si>
  <si>
    <t>01/20/2020 16:48:53</t>
  </si>
  <si>
    <t>bvs-centralcartoes@bv.com.br;cintia.souza-domingues@dxc.com;fernandaab@algartech.com;fernandorsju@algartech.com;marianeps@algartech.com;talmaiardo@algartech.com;thiagordu@algartech.com;</t>
  </si>
  <si>
    <t>bvs-centralcartoes@bv.com.br,cintia.souza-domingues@dxc.com,fernandaab@algartech.com,fernandorsju@algartech.com,marianeps@algartech.com,talmaiardo@algartech.com,thiagordu@algartech.com</t>
  </si>
  <si>
    <t>01/20/2020 16:49:02</t>
  </si>
  <si>
    <t>01/20/2020 16:49:06</t>
  </si>
  <si>
    <t>01/20/2020 16:50:39</t>
  </si>
  <si>
    <t>01/20/2020 16:54:23</t>
  </si>
  <si>
    <t>01/20/2020 16:50:40</t>
  </si>
  <si>
    <t>01/20/2020 16:52:43</t>
  </si>
  <si>
    <t>fd95ff56-0047-49d9-8642-c06f8e7cc24b.tmp</t>
  </si>
  <si>
    <t>\\acsfs\profiles$\valeriasda\Downloads\fd95ff56-0047-49d9-8642-c06f8e7cc24b.tmp</t>
  </si>
  <si>
    <t>01/20/2020 16:51:59</t>
  </si>
  <si>
    <t>01/20/2020 16:55:23</t>
  </si>
  <si>
    <t>01/20/2020 16:54:44</t>
  </si>
  <si>
    <t>01/20/2020 16:54:47</t>
  </si>
  <si>
    <t>01/20/2020 16:55:01</t>
  </si>
  <si>
    <t>"mozilla/5.0 (windows nt 6.1) applewebkit/537.36 (khtml;1;13;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1579527224907;1579532341844;1579537168780;1579538071778;1579544093069;22;39;55;5701393;58;621969351;78;[[13701450;[[null;[];[]]];adfn-csyrvwqermfbxam1mkavsrzjlg0rundo9gysmvmlrxxhlhfmqhcw7_ynhcatkqscdyldsiy;false;false];fedb0gqdtuqawg";ken=ac4w5vi0ka-sxkbznvlqg8lj5-wvx_fz5a:1579520900837&amp;buildlabel=drive.web-frontend_20200108.00_p2;l-ckacf_7r3zozh1hhizn88xwetaapoebcpjm5ey2zyse1nt3xmnhcr-rz9s-zdg-5-xx2v8f_tzsvcfibwrle5qa</t>
  </si>
  <si>
    <t>"mozilla/5.0 (windows nt 6.1) applewebkit/537.36 (khtml,1,13,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1579527224907,1579532341844,1579537168780,1579538071778,1579544093069,22,39,55,5701393,58,621969351,78,[[13701450,[[null,[],[]]],adfn-csyrvwqermfbxam1mkavsrzjlg0rundo9gysmvmlrxxhlhfmqhcw7_ynhcatkqscdyldsiy,false,false],fedb0gqdtuqawg",ken=ac4w5vi0ka-sxkbznvlqg8lj5-wvx_fz5a:1579520900837&amp;buildlabel=drive.web-frontend_20200108.00_p2,l-ckacf_7r3zozh1hhizn88xwetaapoebcpjm5ey2zyse1nt3xmnhcr-rz9s-zdg-5-xx2v8f_tzsvcfibwrle5qa</t>
  </si>
  <si>
    <t>01/20/2020 16:56:23</t>
  </si>
  <si>
    <t>01/20/2020 16:52:32</t>
  </si>
  <si>
    <t>01/20/2020 16:52:33</t>
  </si>
  <si>
    <t>01/20/2020 16:52:40</t>
  </si>
  <si>
    <t>01/20/2020 16:52:51</t>
  </si>
  <si>
    <t>01/20/2020 16:52:57</t>
  </si>
  <si>
    <t>talmaiardo@algartech.com;</t>
  </si>
  <si>
    <t>talmaiardo@algartech.com</t>
  </si>
  <si>
    <t>01/20/2020 16:53:00</t>
  </si>
  <si>
    <t>01/20/2020 16:53:09</t>
  </si>
  <si>
    <t>01/20/2020 16:53:25</t>
  </si>
  <si>
    <t>01/20/2020 16:53:30</t>
  </si>
  <si>
    <t>01/20/2020 16:53:32</t>
  </si>
  <si>
    <t>kesiadof@algartech.com;lilianls@algartech.com;suportebv@mutantbr.com;talmaiardo@algartech.com;tatiane.biassi@mutantbr.com;</t>
  </si>
  <si>
    <t>kesiadof@algartech.com,lilianls@algartech.com,suportebv@mutantbr.com,talmaiardo@algartech.com,tatiane.biassi@mutantbr.com</t>
  </si>
  <si>
    <t>01/20/2020 16:53:37</t>
  </si>
  <si>
    <t>01/20/2020 16:54:04</t>
  </si>
  <si>
    <t>01/20/2020 16:54:22</t>
  </si>
  <si>
    <t>01/20/2020 16:54:26</t>
  </si>
  <si>
    <t>01/20/2020 16:54:33</t>
  </si>
  <si>
    <t>01/20/2020 16:54:50</t>
  </si>
  <si>
    <t>01/20/2020 16:54:55</t>
  </si>
  <si>
    <t>01/20/2020 16:55:16</t>
  </si>
  <si>
    <t>01/20/2020 16:55:44</t>
  </si>
  <si>
    <t>01/20/2020 16:56:36</t>
  </si>
  <si>
    <t>01/20/2020 16:57:23</t>
  </si>
  <si>
    <t>eff94ae4-1b2c-4599-a786-fe361e66c312.tmp</t>
  </si>
  <si>
    <t>\\acsfs\profiles$\brendadsl\Downloads\eff94ae4-1b2c-4599-a786-fe361e66c312.tmp</t>
  </si>
  <si>
    <t>01/20/2020 16:57:05</t>
  </si>
  <si>
    <t>01/20/2020 16:58:24</t>
  </si>
  <si>
    <t>icaIcaIcatu.csv.dbr6aq5.partial</t>
  </si>
  <si>
    <t>\\acsfs\ACS\Gabriel da Silva\Contemporânea\VENDAS\icaIcaIcatu.csv.dbr6aq5.partial</t>
  </si>
  <si>
    <t>01/20/2020 16:55:25</t>
  </si>
  <si>
    <t>01/20/2020 16:55:26</t>
  </si>
  <si>
    <t>\\acsfs\Deptos\EDUCACAO EMPRESARIAL\KÉSIA\OUVIDORIA, PROCON, BACEN E RECLAME AQUI\CASO 00821441 - MARCIO MAGALHAES BRANDAO.pdf\</t>
  </si>
  <si>
    <t>\\acsfs\Deptos\EDUCACAO EMPRESARIAL\KÉSIA\OUVIDORIA, PROCON, BACEN E RECLAME AQUI\CASO 00821441 - MARCIO MAGALHAES BRANDAO.pdf\:Zone.Identifier:$DATA</t>
  </si>
  <si>
    <t>01/20/2020 16:55:56</t>
  </si>
  <si>
    <t>01/20/2020 16:59:23</t>
  </si>
  <si>
    <t>01/20/2020 16:58:40</t>
  </si>
  <si>
    <t>f5e3a76f-2f57-4ee5-b53f-16be834a42c1.tmp</t>
  </si>
  <si>
    <t>\\acsfs\profiles$\gabrielamdp\Downloads\f5e3a76f-2f57-4ee5-b53f-16be834a42c1.tmp</t>
  </si>
  <si>
    <t>01/20/2020 16:58:42</t>
  </si>
  <si>
    <t>3ac7e7ab-d74d-4245-ac2b-95620c05168a.tmp</t>
  </si>
  <si>
    <t>\\acsfs\profiles$\gabrielamdp\Downloads\3ac7e7ab-d74d-4245-ac2b-95620c05168a.tmp</t>
  </si>
  <si>
    <t>01/20/2020 16:58:44</t>
  </si>
  <si>
    <t>92bddf7b-9d79-42c0-b4c3-c5694ddcfee4.tmp</t>
  </si>
  <si>
    <t>\\acsfs\profiles$\gabrielamdp\Downloads\92bddf7b-9d79-42c0-b4c3-c5694ddcfee4.tmp</t>
  </si>
  <si>
    <t>01/20/2020 16:57:41</t>
  </si>
  <si>
    <t>01/20/2020 16:56:46</t>
  </si>
  <si>
    <t>01/20/2020 17:00:24</t>
  </si>
  <si>
    <t>01/20/2020 16:55:27</t>
  </si>
  <si>
    <t>01/20/2020 16:55:28</t>
  </si>
  <si>
    <t>01/20/2020 16:56:47</t>
  </si>
  <si>
    <t>01/20/2020 17:01:23</t>
  </si>
  <si>
    <t>01/20/2020 16:56:35</t>
  </si>
  <si>
    <t>01/20/2020 16:56:40</t>
  </si>
  <si>
    <t>01/20/2020 16:57:31</t>
  </si>
  <si>
    <t>01/20/2020 16:57:52</t>
  </si>
  <si>
    <t>01/20/2020 16:57:55</t>
  </si>
  <si>
    <t>01/20/2020 16:58:15</t>
  </si>
  <si>
    <t>01/20/2020 16:59:06</t>
  </si>
  <si>
    <t>01/20/2020 17:02:24</t>
  </si>
  <si>
    <t>\\acsfs\DEPTOS\EDUCACAO EMPRESARIAL\2 - Operações\0 - BV\1 - TREINADORES\Haruna\LAYLLA\Apresentação1.pptx\</t>
  </si>
  <si>
    <t>\\acsfs\DEPTOS\EDUCACAO EMPRESARIAL\2 - Operações\0 - BV\1 - TREINADORES\Haruna\LAYLLA\Apresentação1.pptx</t>
  </si>
  <si>
    <t>\\acsfs\DEPTOS\EDUCACAO EMPRESARIAL\2 - Operações\0 - BV\1 - TREINADORES\Haruna\LAYLLA\</t>
  </si>
  <si>
    <t>Apresentação1.pptx</t>
  </si>
  <si>
    <t>01/20/2020 17:00:06</t>
  </si>
  <si>
    <t>marianacds</t>
  </si>
  <si>
    <t>\\acsfs\Deptos\Operacao\Banco_Votorantim\Comum\00 - COMUM - BV CARTÕES\EQUIPE ADILSON\</t>
  </si>
  <si>
    <t>\\acsfs\Deptos\Operacao\Banco_Votorantim\Comum\00 - COMUM - BV CARTÕES\EQUIPE ADILSON\Thumbs.db</t>
  </si>
  <si>
    <t>01/20/2020 16:58:16</t>
  </si>
  <si>
    <t>01/20/2020 17:03:23</t>
  </si>
  <si>
    <t>01/20/2020 17:00:41</t>
  </si>
  <si>
    <t>01/20/2020 17:00:26</t>
  </si>
  <si>
    <t>01/20/2020 17:04:24</t>
  </si>
  <si>
    <t>01/20/2020 17:01:31</t>
  </si>
  <si>
    <t>01/20/2020 17:05:23</t>
  </si>
  <si>
    <t>01/20/2020 17:00:48</t>
  </si>
  <si>
    <t>mail.google.com/sync/u/0/i/s?hl=pt-BR&amp;c=634</t>
  </si>
  <si>
    <t>1579549295892000]]]p1;4nh7is0kalgbcgki ivs1pes5wikfsotodk5njq2mju3nda4mzgymdq5ngolcn/jj6ivwa7nggewvyytn6pottxcogw5ndczmtg5odk4m;dk5njq2mju3nda4mzgymdq5ngolcn/jj6ivwa7nggewvyytn6pottxcogw5ndczmtg5odk4mdmrbnhlelimskqycw==";</t>
  </si>
  <si>
    <t>1579549295892000]]]p1,4nh7is0kalgbcgki ivs1pes5wikfsotodk5njq2mju3nda4mzgymdq5ngolcn/jj6ivwa7nggewvyytn6pottxcogw5ndczmtg5odk4m,dk5njq2mju3nda4mzgymdq5ngolcn/jj6ivwa7nggewvyytn6pottxcogw5ndczmtg5odk4mdmrbnhlelimskqycw=="</t>
  </si>
  <si>
    <t>01/20/2020 17:01:03</t>
  </si>
  <si>
    <t>01/20/2020 17:01:13</t>
  </si>
  <si>
    <t>01/20/2020 17:01:35</t>
  </si>
  <si>
    <t>"languagecode":"pt-br";"requesttype":"background_request";"scenariotype;"timezone":"-03:00";ess"}};p";</t>
  </si>
  <si>
    <t>"languagecode":"pt-br","requesttype":"background_request","scenariotype,"timezone":"-03:00",ess"}},p"</t>
  </si>
  <si>
    <t>01/20/2020 17:01:38</t>
  </si>
  <si>
    <t>01/20/2020 17:01:42</t>
  </si>
  <si>
    <t>01/20/2020 17:01:45</t>
  </si>
  <si>
    <t>01/20/2020 17:01:52</t>
  </si>
  <si>
    <t>01/20/2020 17:02:02</t>
  </si>
  <si>
    <t>01/20/2020 17:02:08</t>
  </si>
  <si>
    <t>01/20/2020 17:02:21</t>
  </si>
  <si>
    <t>01/20/2020 17:02:42</t>
  </si>
  <si>
    <t>01/20/2020 17:03:04</t>
  </si>
  <si>
    <t>01/20/2020 17:06:24</t>
  </si>
  <si>
    <t>https://udpwfmniceap02/web/guest/home?p_auth=oxlwy5qr&amp;p_p_id=58&amp;p_p_lifecycle=1&amp;p_p_state=maximized&amp;p_p_mode=view&amp;savelastpath=0&amp;_58_struts_action=/login/forgot_password</t>
  </si>
  <si>
    <t>01/20/2020 17:04:20</t>
  </si>
  <si>
    <t>01/20/2020 17:05:44</t>
  </si>
  <si>
    <t>\\acsfs\Deptos\EDUCACAO EMPRESARIAL\FERNANDA MONIT\Fernanda\MONITORIA JANEIRO\Ligaçoes para MUTANT terceiro ciclo janeiro\</t>
  </si>
  <si>
    <t>Felipe Tomaz da Silva_1_6780351818148947070_1_32.wav</t>
  </si>
  <si>
    <t>\\acsfs\Deptos\EDUCACAO EMPRESARIAL\FERNANDA MONIT\Fernanda\MONITORIA JANEIRO\Ligaçoes para MUTANT terceiro ciclo janeiro\Felipe Tomaz da Silva_1_6780351818148947070_1_32.wav</t>
  </si>
  <si>
    <t>01/20/2020 17:07:23</t>
  </si>
  <si>
    <t>\\acsfs\Deptos\Operacao\Banco_Votorantim\Comum\00 - COMUM - BV CARTÕES\EQUIPE MARIANA\</t>
  </si>
  <si>
    <t>\\acsfs\Deptos\Operacao\Banco_Votorantim\Comum\00 - COMUM - BV CARTÕES\EQUIPE MARIANA\Política de Gratificação BV Cartões - Janeiro.ppt</t>
  </si>
  <si>
    <t>01/20/2020 17:02:47</t>
  </si>
  <si>
    <t>\\acsfs\Deptos\Operacao\Banco_Votorantim\Comum\00 - COMUM - BV CARTÕES\EQUIPE MARIANA\Thumbs.db</t>
  </si>
  <si>
    <t>01/20/2020 17:04:06</t>
  </si>
  <si>
    <t>01/20/2020 17:08:24</t>
  </si>
  <si>
    <t>01/20/2020 17:05:09</t>
  </si>
  <si>
    <t>01/20/2020 17:09:23</t>
  </si>
  <si>
    <t>c75ff9bf-c10d-4cca-842c-48b8c6b30749.tmp</t>
  </si>
  <si>
    <t>\\acsfs\profiles$\KARENJSS\Downloads\c75ff9bf-c10d-4cca-842c-48b8c6b30749.tmp</t>
  </si>
  <si>
    <t>01/20/2020 17:05:18</t>
  </si>
  <si>
    <t>2ca8e464-3ef1-40c6-880f-7d017270253b.tmp</t>
  </si>
  <si>
    <t>\\acsfs\profiles$\KARENJSS\Downloads\2ca8e464-3ef1-40c6-880f-7d017270253b.tmp</t>
  </si>
  <si>
    <t>01/20/2020 17:05:51</t>
  </si>
  <si>
    <t>2f2bff56-abc4-48bf-a1f4-a7dcbb4a944e.tmp</t>
  </si>
  <si>
    <t>\\acsfs\profiles$\KARENJSS\Downloads\2f2bff56-abc4-48bf-a1f4-a7dcbb4a944e.tmp</t>
  </si>
  <si>
    <t>01/20/2020 17:06:10</t>
  </si>
  <si>
    <t>01/20/2020 17:11:23</t>
  </si>
  <si>
    <t>b8792a7b-41f2-4dfa-96ea-a1c56f2dc97e.tmp</t>
  </si>
  <si>
    <t>\\acsfs\profiles$\cintiadjl\Downloads\b8792a7b-41f2-4dfa-96ea-a1c56f2dc97e.tmp</t>
  </si>
  <si>
    <t>01/20/2020 17:13:23</t>
  </si>
  <si>
    <t>01/20/2020 17:08:25</t>
  </si>
  <si>
    <t>01/20/2020 17:08:47</t>
  </si>
  <si>
    <t>01/20/2020 17:11:22</t>
  </si>
  <si>
    <t>01/20/2020 17:09:26</t>
  </si>
  <si>
    <t>01/20/2020 17:15:23</t>
  </si>
  <si>
    <t>74-86-7A-FB-18-6A</t>
  </si>
  <si>
    <t>VOTORANT-ABB011</t>
  </si>
  <si>
    <t>WEDERSON BRUNO ALVES DOS REIS (23498).contact</t>
  </si>
  <si>
    <t>\\acsfs\profiles$\wedersonbadr\Contacts\WEDERSON BRUNO ALVES DOS REIS (23498).contact</t>
  </si>
  <si>
    <t>01/20/2020 17:09:38</t>
  </si>
  <si>
    <t>01/20/2020 17:09:39</t>
  </si>
  <si>
    <t>01/20/2020 17:09:40</t>
  </si>
  <si>
    <t>01/20/2020 17:15:24</t>
  </si>
  <si>
    <t>01/20/2020 17:09:41</t>
  </si>
  <si>
    <t>01/20/2020 17:09:42</t>
  </si>
  <si>
    <t>01/20/2020 17:09:43</t>
  </si>
  <si>
    <t>01/20/2020 17:09:44</t>
  </si>
  <si>
    <t>01/20/2020 17:09:58</t>
  </si>
  <si>
    <t>01/20/2020 17:09:59</t>
  </si>
  <si>
    <t>01/20/2020 17:11:05</t>
  </si>
  <si>
    <t>01/20/2020 17:12:28</t>
  </si>
  <si>
    <t>01/20/2020 17:14:35</t>
  </si>
  <si>
    <t>01/20/2020 17:16:19</t>
  </si>
  <si>
    <t>01/20/2020 17:17:23</t>
  </si>
  <si>
    <t>2aca5237-4565-4ff8-9719-6c182598ba14.tmp</t>
  </si>
  <si>
    <t>\\acsfs\profiles$\joselrb\Downloads\2aca5237-4565-4ff8-9719-6c182598ba14.tmp</t>
  </si>
  <si>
    <t>01/20/2020 17:18:23</t>
  </si>
  <si>
    <t>01/20/2020 17:16:55</t>
  </si>
  <si>
    <t>01/20/2020 17:19:24</t>
  </si>
  <si>
    <t>01/20/2020 17:17:56</t>
  </si>
  <si>
    <t>01/20/2020 17:20:23</t>
  </si>
  <si>
    <t>01/20/2020 17:16:46</t>
  </si>
  <si>
    <t>Modelo Funil - Consolidado Final.xlsx</t>
  </si>
  <si>
    <t>\\acsfs\DEPTOS\Operacao\Banco_Votorantim\Supervisao\SUPERS BV CARTÕES\ADILSON\Reneg\Modelo Funil - Consolidado Final.xlsx</t>
  </si>
  <si>
    <t>01/20/2020 17:17:36</t>
  </si>
  <si>
    <t>01/20/2020 17:21:24</t>
  </si>
  <si>
    <t>01/20/2020 17:18:42</t>
  </si>
  <si>
    <t>01/20/2020 17:18:46</t>
  </si>
  <si>
    <t>01/20/2020 17:19:06</t>
  </si>
  <si>
    <t>01/20/2020 17:19:48</t>
  </si>
  <si>
    <t>01/20/2020 17:19:53</t>
  </si>
  <si>
    <t>01/20/2020 17:20:15</t>
  </si>
  <si>
    <t>01/20/2020 17:20:51</t>
  </si>
  <si>
    <t>01/20/2020 17:23:24</t>
  </si>
  <si>
    <t>01/20/2020 17:20:07</t>
  </si>
  <si>
    <t>70ca797e-feee-481a-8c18-763149deaa0d.tmp</t>
  </si>
  <si>
    <t>\\acsfs\profiles$\ingridsm\Downloads\70ca797e-feee-481a-8c18-763149deaa0d.tmp</t>
  </si>
  <si>
    <t>01/20/2020 17:20:20</t>
  </si>
  <si>
    <t>01/20/2020 17:25:24</t>
  </si>
  <si>
    <t>01/20/2020 17:20:33</t>
  </si>
  <si>
    <t>01/20/2020 17:24:41</t>
  </si>
  <si>
    <t>6233ae9f-22fa-4514-b887-a9c1b7607767.tmp</t>
  </si>
  <si>
    <t>\\acsfs\profiles$\wedersonbadr\My Documents\My Music\6233ae9f-22fa-4514-b887-a9c1b7607767.tmp</t>
  </si>
  <si>
    <t>01/20/2020 17:21:20</t>
  </si>
  <si>
    <t>01/20/2020 17:26:23</t>
  </si>
  <si>
    <t>01/20/2020 17:21:41</t>
  </si>
  <si>
    <t>01/20/2020 17:22:05</t>
  </si>
  <si>
    <t>01/20/2020 17:22:10</t>
  </si>
  <si>
    <t>01/20/2020 17:22:18</t>
  </si>
  <si>
    <t>01/20/2020 17:22:24</t>
  </si>
  <si>
    <t>01/20/2020 17:22:34</t>
  </si>
  <si>
    <t>01/20/2020 17:22:44</t>
  </si>
  <si>
    <t>01/20/2020 17:22:56</t>
  </si>
  <si>
    <t>01/20/2020 17:23:10</t>
  </si>
  <si>
    <t>01/20/2020 17:23:17</t>
  </si>
  <si>
    <t>01/20/2020 17:23:19</t>
  </si>
  <si>
    <t>01/20/2020 17:23:25</t>
  </si>
  <si>
    <t>01/20/2020 17:24:03</t>
  </si>
  <si>
    <t>01/20/2020 17:24:07</t>
  </si>
  <si>
    <t>01/20/2020 17:24:12</t>
  </si>
  <si>
    <t>01/20/2020 17:24:15</t>
  </si>
  <si>
    <t>01/20/2020 17:24:28</t>
  </si>
  <si>
    <t>01/20/2020 17:24:48</t>
  </si>
  <si>
    <t>01/20/2020 17:24:56</t>
  </si>
  <si>
    <t>01/20/2020 17:24:58</t>
  </si>
  <si>
    <t>01/20/2020 17:25:01</t>
  </si>
  <si>
    <t>01/20/2020 17:28:24</t>
  </si>
  <si>
    <t>01/20/2020 17:23:53</t>
  </si>
  <si>
    <t>01/20/2020 17:29:24</t>
  </si>
  <si>
    <t>01/20/2020 17:27:28</t>
  </si>
  <si>
    <t>01/20/2020 17:31:24</t>
  </si>
  <si>
    <t>6d8dc155-39f1-447f-8171-7878c179dbbf.tmp</t>
  </si>
  <si>
    <t>\\acsfs\profiles$\andreapdsg\Downloads\6d8dc155-39f1-447f-8171-7878c179dbbf.tmp</t>
  </si>
  <si>
    <t>01/20/2020 17:27:34</t>
  </si>
  <si>
    <t>02260897-3b1e-4501-9e88-22090cc73c00.tmp</t>
  </si>
  <si>
    <t>\\acsfs\profiles$\andreapdsg\Downloads\02260897-3b1e-4501-9e88-22090cc73c00.tmp</t>
  </si>
  <si>
    <t>01/20/2020 17:28:22</t>
  </si>
  <si>
    <t>6e145d5f-a446-4231-a54e-9a8e1332d04a.tmp</t>
  </si>
  <si>
    <t>\\acsfs\profiles$\andreapdsg\Downloads\6e145d5f-a446-4231-a54e-9a8e1332d04a.tmp</t>
  </si>
  <si>
    <t>01/20/2020 17:26:22</t>
  </si>
  <si>
    <t>01/20/2020 17:27:03</t>
  </si>
  <si>
    <t>https://udpwfmniceap02/pt_pt/web/guest/home?p_auth=oxlwy5qr&amp;p_p_id=58&amp;p_p_lifecycle=1&amp;p_p_state=maximized&amp;p_p_mode=view&amp;savelastpath=0&amp;_58_struts_action=/login/forgot_password</t>
  </si>
  <si>
    <t>01/20/2020 17:27:15</t>
  </si>
  <si>
    <t>01/20/2020 17:27:44</t>
  </si>
  <si>
    <t>01/20/2020 17:27:52</t>
  </si>
  <si>
    <t>01/20/2020 17:29:31</t>
  </si>
  <si>
    <t>01/20/2020 17:29:42</t>
  </si>
  <si>
    <t>01/20/2020 17:26:42</t>
  </si>
  <si>
    <t>01/20/2020 17:26:57</t>
  </si>
  <si>
    <t>01/20/2020 17:27:00</t>
  </si>
  <si>
    <t>01/20/2020 17:27:21</t>
  </si>
  <si>
    <t>01/20/2020 17:27:26</t>
  </si>
  <si>
    <t>01/20/2020 17:30:14</t>
  </si>
  <si>
    <t>01/20/2020 17:30:15</t>
  </si>
  <si>
    <t>lu1398813h5v.tmp</t>
  </si>
  <si>
    <t>\\acsfs\profiles$\jalilebds\Downloads\lu1398813h5v.tmp</t>
  </si>
  <si>
    <t>01/20/2020 17:33:24</t>
  </si>
  <si>
    <t>01/20/2020 17:33:47</t>
  </si>
  <si>
    <t>01/20/2020 17:35:24</t>
  </si>
  <si>
    <t>"mozilla/5.0 (windows nt 6.1) applewebkit/537.36 (khtml;1;13;13700014;13700109;13700167;13700185;13700235;13700451;137005;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341510534;5701393;[[13701450;[[null;[];[false;adfn-csyrvwqermfbxam1mkavsrzjlg0rundo9gysmvmlrxxhlhfmqhcw7_ynhcatkqscdyldsiy;false;false];fedb0gqdtuqawg";gbvŢ_x001C_���{_x001C__x0015_"�`�ݒ�_x0008_�j�h_x0008_��!��&lt;�_x0014_y�_x000E_��Ò[�a�_x001E_��z�p��_x0017_�wb���)�6��=��|i�`Ê-�efu��~_x0004_x�_x0004_`y����_x001E_o &lt;߇|qa�-���do-vx�ov 廔��m���f _x001A_�׬6_x0005_�v/`�ǻqz_x0013_�_x000F_�ꛇot_x001A_s`�ݻqm�_x001C_}�ޟ]�m2bw`��^m�/��_x0017_�b�;1k��*� �h_x001E_��ɡ�r��mi�`��_x000E_���_�ȱi_x001B_��ߊpmcxx��;ken=ac4w5vi0ka-sxkbznvlqg8lj5-wvx_fz5a:157952090</t>
  </si>
  <si>
    <t>"mozilla/5.0 (windows nt 6.1) applewebkit/537.36 (khtml,1,13,13700014,13700109,13700167,13700185,13700235,13700451,137005,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341510534,5701393,[[13701450,[[null,[],[false,adfn-csyrvwqermfbxam1mkavsrzjlg0rundo9gysmvmlrxxhlhfmqhcw7_ynhcatkqscdyldsiy,false,false],fedb0gqdtuqawg",gbvŢ_x001C_���{_x001C__x0015_"�`�ݒ�_x0008_�j�h_x0008_��!��&lt;�_x0014_y�_x000E_��Ò[�a�_x001E_��z�p��_x0017_�wb���)�6��=��|i�`Ê-�efu��~_x0004_x�_x0004_`y����_x001E_o &lt;߇|qa�-���do-vx�ov 廔��m���f _x001A_�׬6_x0005_�v/`�ǻqz_x0013_�_x000F_�ꛇot_x001A_s`�ݻqm�_x001C_}�ޟ]�m2bw`��^m�/��_x0017_�b�;1k��*� �h_x001E_��ɡ�r��mi�`��_x000E_���_�ȱi_x001B_��ߊpmcxx��,ken=ac4w5vi0ka-sxkbznvlqg8lj5-wvx_fz5a:157952090</t>
  </si>
  <si>
    <t>01/20/2020 17:33:54</t>
  </si>
  <si>
    <t>01/20/2020 17:33:57</t>
  </si>
  <si>
    <t>mail.google.com/sync/u/0/i/s?hl=pt-BR&amp;c=759</t>
  </si>
  <si>
    <t>01/20/2020 17:36:23</t>
  </si>
  <si>
    <t>01/20/2020 17:31:09</t>
  </si>
  <si>
    <t>01/20/2020 17:32:49</t>
  </si>
  <si>
    <t>01/20/2020 17:32:58</t>
  </si>
  <si>
    <t>01/20/2020 17:33:03</t>
  </si>
  <si>
    <t>01/20/2020 17:32:54</t>
  </si>
  <si>
    <t>01/20/2020 17:33:01</t>
  </si>
  <si>
    <t>01/20/2020 17:33:33</t>
  </si>
  <si>
    <t>01/20/2020 17:37:24</t>
  </si>
  <si>
    <t>19a171ad-7bc5-4522-8c62-d01d9e69a4bd.tmp</t>
  </si>
  <si>
    <t>\\acsfs\profiles$\fernandofs\Downloads\19a171ad-7bc5-4522-8c62-d01d9e69a4bd.tmp</t>
  </si>
  <si>
    <t>01/20/2020 17:32:53</t>
  </si>
  <si>
    <t>88c666a7-edbf-46d4-8bf7-2e916488317e.tmp</t>
  </si>
  <si>
    <t>\\acsfs\profiles$\Adrieledgc\Downloads\88c666a7-edbf-46d4-8bf7-2e916488317e.tmp</t>
  </si>
  <si>
    <t>01/20/2020 17:37:02</t>
  </si>
  <si>
    <t>93ba16d4-a5c9-4538-9561-a1f9e59d8650.tmp</t>
  </si>
  <si>
    <t>\\acsfs\profiles$\Adrieledgc\Downloads\93ba16d4-a5c9-4538-9561-a1f9e59d8650.tmp</t>
  </si>
  <si>
    <t>01/20/2020 17:33:53</t>
  </si>
  <si>
    <t>10.200.67.51</t>
  </si>
  <si>
    <t>7fa48432-445e-4d27-9546-c880017b230e.tmp</t>
  </si>
  <si>
    <t>\\acsfs\profiles$\nathaliaos\Downloads\7fa48432-445e-4d27-9546-c880017b230e.tmp</t>
  </si>
  <si>
    <t>01/20/2020 17:36:12</t>
  </si>
  <si>
    <t>97ee23d5-3d35-4e99-b247-54779de98208.tmp</t>
  </si>
  <si>
    <t>\\acsfs\profiles$\nathaliaos\Downloads\97ee23d5-3d35-4e99-b247-54779de98208.tmp</t>
  </si>
  <si>
    <t>01/20/2020 17:38:23</t>
  </si>
  <si>
    <t>01/20/2020 17:36:03</t>
  </si>
  <si>
    <t>01/20/2020 17:33:46</t>
  </si>
  <si>
    <t>2d984022-a373-4e52-8a3b-c08053573f8b.tmp</t>
  </si>
  <si>
    <t>\\acsfs\profiles$\ingridsm\Downloads\2d984022-a373-4e52-8a3b-c08053573f8b.tmp</t>
  </si>
  <si>
    <t>01/20/2020 17:35:05</t>
  </si>
  <si>
    <t>01/20/2020 17:39:24</t>
  </si>
  <si>
    <t>01/20/2020 17:37:34</t>
  </si>
  <si>
    <t>01/20/2020 17:40:24</t>
  </si>
  <si>
    <t>01/20/2020 17:38:58</t>
  </si>
  <si>
    <t>01/20/2020 17:42:23</t>
  </si>
  <si>
    <t>db1556ed-3084-4f92-81dd-67bfae53c472.tmp</t>
  </si>
  <si>
    <t>\\acsfs\profiles$\leonardocb\Downloads\db1556ed-3084-4f92-81dd-67bfae53c472.tmp</t>
  </si>
  <si>
    <t>01/20/2020 17:40:32</t>
  </si>
  <si>
    <t>d39d2ee6-1577-4a98-a9c8-e5f53bd6a559.tmp</t>
  </si>
  <si>
    <t>\\acsfs\profiles$\leonardocb\Downloads\d39d2ee6-1577-4a98-a9c8-e5f53bd6a559.tmp</t>
  </si>
  <si>
    <t>01/20/2020 17:41:37</t>
  </si>
  <si>
    <t>7492e1a8-2ab2-4e6d-b4ba-60dbfc92214d.tmp</t>
  </si>
  <si>
    <t>\\acsfs\profiles$\mariajaf\Downloads\7492e1a8-2ab2-4e6d-b4ba-60dbfc92214d.tmp</t>
  </si>
  <si>
    <t>01/20/2020 17:39:41</t>
  </si>
  <si>
    <t>01/20/2020 17:43:24</t>
  </si>
  <si>
    <t>01/20/2020 17:41:46</t>
  </si>
  <si>
    <t>01/20/2020 17:42:27</t>
  </si>
  <si>
    <t>01/20/2020 17:39:17</t>
  </si>
  <si>
    <t>01/20/2020 17:44:24</t>
  </si>
  <si>
    <t>01/20/2020 17:40:41</t>
  </si>
  <si>
    <t>01/20/2020 17:43:53</t>
  </si>
  <si>
    <t>01/20/2020 17:45:24</t>
  </si>
  <si>
    <t>01/20/2020 17:43:19</t>
  </si>
  <si>
    <t>01/20/2020 17:43:22</t>
  </si>
  <si>
    <t>01/20/2020 17:46:24</t>
  </si>
  <si>
    <t>01/20/2020 17:43:23</t>
  </si>
  <si>
    <t>lu1398813h64.tmp</t>
  </si>
  <si>
    <t>\\acsfs\profiles$\jalilebds\Downloads\lu1398813h64.tmp</t>
  </si>
  <si>
    <t>01/20/2020 17:45:22</t>
  </si>
  <si>
    <t>01/20/2020 17:47:24</t>
  </si>
  <si>
    <t>cae839d8-7497-4348-8fa7-b97e4156a44e.tmp</t>
  </si>
  <si>
    <t>\\acsfs\profiles$\joselrb\Downloads\cae839d8-7497-4348-8fa7-b97e4156a44e.tmp</t>
  </si>
  <si>
    <t>01/20/2020 17:43:39</t>
  </si>
  <si>
    <t>b3e12a3d-ad94-4932-8c7d-fd45e2f05b1e.tmp</t>
  </si>
  <si>
    <t>\\acsfs\profiles$\mariajaf\Downloads\b3e12a3d-ad94-4932-8c7d-fd45e2f05b1e.tmp</t>
  </si>
  <si>
    <t>01/20/2020 17:48:24</t>
  </si>
  <si>
    <t>01/20/2020 17:44:00</t>
  </si>
  <si>
    <t>01/20/2020 17:49:24</t>
  </si>
  <si>
    <t>01/20/2020 17:44:15</t>
  </si>
  <si>
    <t>20-01 RELATORIO DE LOGIN AVON.xlsm</t>
  </si>
  <si>
    <t>\\acsfs\deptos\Operacao\PCP\5 - Comum\CONTROL DESK\2 - DAC2\Control Desk AVON\Relatorios\Status de login\2020\20-01 RELATORIO DE LOGIN AVON.xlsm</t>
  </si>
  <si>
    <t>01/20/2020 17:45:31</t>
  </si>
  <si>
    <t>01/20/2020 17:45:32</t>
  </si>
  <si>
    <t>01/20/2020 17:50:24</t>
  </si>
  <si>
    <t>01/20/2020 17:49:27</t>
  </si>
  <si>
    <t>01/20/2020 17:52:24</t>
  </si>
  <si>
    <t>01/20/2020 17:49:41</t>
  </si>
  <si>
    <t>9b1fc53e-c7e5-4d1b-b19d-3f4803d41924.tmp</t>
  </si>
  <si>
    <t>\\acsfs\profiles$\welidicdj\Downloads\9b1fc53e-c7e5-4d1b-b19d-3f4803d41924.tmp</t>
  </si>
  <si>
    <t>01/20/2020 17:53:24</t>
  </si>
  <si>
    <t>01/20/2020 17:55:24</t>
  </si>
  <si>
    <t>01/20/2020 17:52:22</t>
  </si>
  <si>
    <t>01/20/2020 17:53:10</t>
  </si>
  <si>
    <t>01/20/2020 17:53:27</t>
  </si>
  <si>
    <t>01/20/2020 17:53:08</t>
  </si>
  <si>
    <t>819d8a62-8e8d-43c7-951a-07429f0383ce.tmp</t>
  </si>
  <si>
    <t>\\acsfs\profiles$\wedersonbadr\My Documents\My Music\819d8a62-8e8d-43c7-951a-07429f0383ce.tmp</t>
  </si>
  <si>
    <t>01/20/2020 17:56:24</t>
  </si>
  <si>
    <t>01/20/2020 17:50:46</t>
  </si>
  <si>
    <t>82081b28-c419-4481-ab46-ee39e9115ba8.tmp</t>
  </si>
  <si>
    <t>\\acsfs\profiles$\andreapdsg\Downloads\82081b28-c419-4481-ab46-ee39e9115ba8.tmp</t>
  </si>
  <si>
    <t>01/20/2020 17:53:06</t>
  </si>
  <si>
    <t>https://udpmailboxap01.acs.com.br:8443/h/search?si=0&amp;so=0&amp;sc=79250&amp;sfi=2&amp;st=conversation&amp;action=compose</t>
  </si>
  <si>
    <t>01/20/2020 17:58:24</t>
  </si>
  <si>
    <t>01/20/2020 17:58:56</t>
  </si>
  <si>
    <t>01/20/2020 18:00:24</t>
  </si>
  <si>
    <t>01/20/2020 17:59:23</t>
  </si>
  <si>
    <t>01/20/2020 18:01:24</t>
  </si>
  <si>
    <t>01/20/2020 17:59:24</t>
  </si>
  <si>
    <t>01/20/2020 17:59:38</t>
  </si>
  <si>
    <t>01/20/2020 17:59:00</t>
  </si>
  <si>
    <t>lu1398813h6d.tmp</t>
  </si>
  <si>
    <t>\\acsfs\profiles$\jalilebds\Downloads\lu1398813h6d.tmp</t>
  </si>
  <si>
    <t>01/20/2020 18:00:32</t>
  </si>
  <si>
    <t>9f97df63-a34c-4ed8-b39a-a4c5524fcbc0.tmp</t>
  </si>
  <si>
    <t>\\acsfs\profiles$\taylaedoa\Downloads\9f97df63-a34c-4ed8-b39a-a4c5524fcbc0.tmp</t>
  </si>
  <si>
    <t>01/20/2020 18:00:34</t>
  </si>
  <si>
    <t>504346c7-c8b9-42d6-ac16-70a39a05b529.tmp</t>
  </si>
  <si>
    <t>\\acsfs\profiles$\taylaedoa\Downloads\504346c7-c8b9-42d6-ac16-70a39a05b529.tmp</t>
  </si>
  <si>
    <t>01/20/2020 18:01:19</t>
  </si>
  <si>
    <t>01/20/2020 18:02:24</t>
  </si>
  <si>
    <t>14cd1176-3e82-4e31-8dd1-2a42b29f0b4c.tmp</t>
  </si>
  <si>
    <t>\\acsfs\profiles$\fernandofs\Downloads\14cd1176-3e82-4e31-8dd1-2a42b29f0b4c.tmp</t>
  </si>
  <si>
    <t>\\acsfs\profiles$\ALEXANDREMM\lu691285q20gz.tmp\Thumbnails\</t>
  </si>
  <si>
    <t>01/20/2020 17:59:47</t>
  </si>
  <si>
    <t>01/20/2020 17:59:48</t>
  </si>
  <si>
    <t>01/20/2020 18:03:24</t>
  </si>
  <si>
    <t>01/20/2020 17:59:39</t>
  </si>
  <si>
    <t>01/20/2020 18:00:41</t>
  </si>
  <si>
    <t>01/20/2020 18:05:24</t>
  </si>
  <si>
    <t>WEDERSON BRUNO ALVES DOS REIS (25643).contact</t>
  </si>
  <si>
    <t>\\acsfs\profiles$\wedersonbadr\Contacts\WEDERSON BRUNO ALVES DOS REIS (25643).contact</t>
  </si>
  <si>
    <t>01/20/2020 18:01:07</t>
  </si>
  <si>
    <t>01/20/2020 18:04:06</t>
  </si>
  <si>
    <t>01/20/2020 18:06:24</t>
  </si>
  <si>
    <t>XLOG_leydianeamd_20012020_135357.log</t>
  </si>
  <si>
    <t>\\acsfs\profiles$\leydianeamd\My Documents\xworkcenter\logs\XLOG_leydianeamd_20012020_135357.log</t>
  </si>
  <si>
    <t>01/20/2020 18:05:14</t>
  </si>
  <si>
    <t>01/20/2020 18:07:24</t>
  </si>
  <si>
    <t>92e4fe96-3686-4f37-9167-aaff626111de.tmp</t>
  </si>
  <si>
    <t>\\acsfs\profiles$\fernandofs\Downloads\92e4fe96-3686-4f37-9167-aaff626111de.tmp</t>
  </si>
  <si>
    <t>01/20/2020 18:06:16</t>
  </si>
  <si>
    <t>0e1501cc-d219-4c7c-bd92-7a3241950746.tmp</t>
  </si>
  <si>
    <t>\\acsfs\profiles$\fernandofs\Downloads\0e1501cc-d219-4c7c-bd92-7a3241950746.tmp</t>
  </si>
  <si>
    <t>01/20/2020 18:04:45</t>
  </si>
  <si>
    <t>01/20/2020 18:08:24</t>
  </si>
  <si>
    <t>01/20/2020 18:05:32</t>
  </si>
  <si>
    <t>01/20/2020 18:06:56</t>
  </si>
  <si>
    <t>01/20/2020 18:07:40</t>
  </si>
  <si>
    <t>01/20/2020 18:07:11</t>
  </si>
  <si>
    <t>01/20/2020 18:12:24</t>
  </si>
  <si>
    <t>190444d9-f874-4af8-8a5b-7de90bd9bc93.tmp</t>
  </si>
  <si>
    <t>\\acsfs\profiles$\fernandofs\Downloads\190444d9-f874-4af8-8a5b-7de90bd9bc93.tmp</t>
  </si>
  <si>
    <t>01/20/2020 18:10:36</t>
  </si>
  <si>
    <t>01/20/2020 18:13:24</t>
  </si>
  <si>
    <t>01/20/2020 18:09:44</t>
  </si>
  <si>
    <t>01/20/2020 18:16:24</t>
  </si>
  <si>
    <t>01/20/2020 18:10:48</t>
  </si>
  <si>
    <t>63923469-2612-4832-8b4f-5599fe4ca6ac.tmp</t>
  </si>
  <si>
    <t>\\acsfs\profiles$\andreapdsg\Downloads\63923469-2612-4832-8b4f-5599fe4ca6ac.tmp</t>
  </si>
  <si>
    <t>01/20/2020 18:13:34</t>
  </si>
  <si>
    <t>01/20/2020 18:13:35</t>
  </si>
  <si>
    <t>lu1398813h6h.tmp</t>
  </si>
  <si>
    <t>\\acsfs\profiles$\jalilebds\Downloads\lu1398813h6h.tmp</t>
  </si>
  <si>
    <t>01/20/2020 18:13:50</t>
  </si>
  <si>
    <t>01/20/2020 18:13:51</t>
  </si>
  <si>
    <t>lu1398813h6l.tmp</t>
  </si>
  <si>
    <t>\\acsfs\profiles$\jalilebds\Downloads\lu1398813h6l.tmp</t>
  </si>
  <si>
    <t>01/20/2020 18:18:25</t>
  </si>
  <si>
    <t>01/20/2020 18:16:38</t>
  </si>
  <si>
    <t>01/20/2020 18:20:25</t>
  </si>
  <si>
    <t>01/20/2020 18:18:12</t>
  </si>
  <si>
    <t>b7fb3540-3fc0-41f0-836c-17503e4bd7ed.tmp</t>
  </si>
  <si>
    <t>\\acsfs\profiles$\henriqueco\Downloads\b7fb3540-3fc0-41f0-836c-17503e4bd7ed.tmp</t>
  </si>
  <si>
    <t>01/20/2020 18:17:03</t>
  </si>
  <si>
    <t>01/20/2020 18:21:25</t>
  </si>
  <si>
    <t>01/20/2020 18:17:04</t>
  </si>
  <si>
    <t>lu1398813h6p.tmp</t>
  </si>
  <si>
    <t>\\acsfs\profiles$\jalilebds\Downloads\lu1398813h6p.tmp</t>
  </si>
  <si>
    <t>01/20/2020 18:16:50</t>
  </si>
  <si>
    <t>01/20/2020 18:22:25</t>
  </si>
  <si>
    <t>527f0898-fdf6-4d9e-91f2-10ce5de0ab96.tmp</t>
  </si>
  <si>
    <t>\\acsfs\profiles$\fernandofs\Downloads\527f0898-fdf6-4d9e-91f2-10ce5de0ab96.tmp</t>
  </si>
  <si>
    <t>01/20/2020 18:18:50</t>
  </si>
  <si>
    <t>01/20/2020 18:23:24</t>
  </si>
  <si>
    <t>eaae792f-2ce8-4992-99a4-e638b23d2ee6.tmp</t>
  </si>
  <si>
    <t>\\acsfs\profiles$\gabrielsma\Downloads\eaae792f-2ce8-4992-99a4-e638b23d2ee6.tmp</t>
  </si>
  <si>
    <t>\\acsfs\profiles$\gabrielsma\Downloads\eaae792f-2ce8-4992-99a4-e638b23d2ee6.tmp\</t>
  </si>
  <si>
    <t>attachment</t>
  </si>
  <si>
    <t>attachment-01</t>
  </si>
  <si>
    <t>01/20/2020 18:20:22</t>
  </si>
  <si>
    <t>c880e3d5-43a0-4155-abd3-0223ac66ff05.tmp</t>
  </si>
  <si>
    <t>\\acsfs\profiles$\gabrielsma\Downloads\c880e3d5-43a0-4155-abd3-0223ac66ff05.tmp</t>
  </si>
  <si>
    <t>01/20/2020 18:20:30</t>
  </si>
  <si>
    <t>01/20/2020 18:19:43</t>
  </si>
  <si>
    <t>01/20/2020 18:25:24</t>
  </si>
  <si>
    <t>01/20/2020 18:22:38</t>
  </si>
  <si>
    <t>01/20/2020 18:22:39</t>
  </si>
  <si>
    <t>01/20/2020 18:22:40</t>
  </si>
  <si>
    <t>01/20/2020 18:22:41</t>
  </si>
  <si>
    <t>01/20/2020 18:22:42</t>
  </si>
  <si>
    <t>01/20/2020 18:22:43</t>
  </si>
  <si>
    <t>01/20/2020 18:22:44</t>
  </si>
  <si>
    <t>01/20/2020 18:22:45</t>
  </si>
  <si>
    <t>01/20/2020 18:22:46</t>
  </si>
  <si>
    <t>01/20/2020 18:22:47</t>
  </si>
  <si>
    <t>01/20/2020 18:22:48</t>
  </si>
  <si>
    <t>01/20/2020 18:22:49</t>
  </si>
  <si>
    <t>01/20/2020 18:22:50</t>
  </si>
  <si>
    <t>01/20/2020 18:22:51</t>
  </si>
  <si>
    <t>01/20/2020 18:22:52</t>
  </si>
  <si>
    <t>01/20/2020 18:22:53</t>
  </si>
  <si>
    <t>01/20/2020 18:22:54</t>
  </si>
  <si>
    <t>01/20/2020 18:22:55</t>
  </si>
  <si>
    <t>01/20/2020 18:22:56</t>
  </si>
  <si>
    <t>01/20/2020 18:22:57</t>
  </si>
  <si>
    <t>01/20/2020 18:22:58</t>
  </si>
  <si>
    <t>01/20/2020 18:22:59</t>
  </si>
  <si>
    <t>01/20/2020 18:23:00</t>
  </si>
  <si>
    <t>01/20/2020 18:23:01</t>
  </si>
  <si>
    <t>01/20/2020 18:25:18</t>
  </si>
  <si>
    <t>01/20/2020 18:26:25</t>
  </si>
  <si>
    <t>e93f4b81-d6af-46f8-8f8a-529b5329d9c5.tmp</t>
  </si>
  <si>
    <t>\\acsfs\profiles$\rosileiam\Downloads\e93f4b81-d6af-46f8-8f8a-529b5329d9c5.tmp</t>
  </si>
  <si>
    <t>01/20/2020 18:25:47</t>
  </si>
  <si>
    <t>01/20/2020 18:25:48</t>
  </si>
  <si>
    <t>lu1398813h6t.tmp</t>
  </si>
  <si>
    <t>\\acsfs\profiles$\jalilebds\Downloads\lu1398813h6t.tmp</t>
  </si>
  <si>
    <t>01/20/2020 18:24:05</t>
  </si>
  <si>
    <t>01/20/2020 18:27:24</t>
  </si>
  <si>
    <t>\\acsfs\profiles$\thaisdss\My Documents\xworkcenter\logs\</t>
  </si>
  <si>
    <t>XLOG_thaisdss_20012020_145242.log</t>
  </si>
  <si>
    <t>\\acsfs\profiles$\thaisdss\My Documents\xworkcenter\logs\XLOG_thaisdss_20012020_145242.log</t>
  </si>
  <si>
    <t>01/20/2020 18:28:25</t>
  </si>
  <si>
    <t>01/20/2020 18:23:20</t>
  </si>
  <si>
    <t>01/20/2020 18:23:21</t>
  </si>
  <si>
    <t>01/20/2020 18:24:32</t>
  </si>
  <si>
    <t>01/20/2020 18:29:24</t>
  </si>
  <si>
    <t>bfa8f927-d617-4c67-b6ad-5c604d8fe131.tmp</t>
  </si>
  <si>
    <t>\\acsfs\profiles$\gabrielamdp\Downloads\bfa8f927-d617-4c67-b6ad-5c604d8fe131.tmp</t>
  </si>
  <si>
    <t>01/20/2020 18:24:38</t>
  </si>
  <si>
    <t>180c6f15-4c36-4a2f-a17b-abd082dc81ad.tmp</t>
  </si>
  <si>
    <t>\\acsfs\profiles$\gabrielamdp\Downloads\180c6f15-4c36-4a2f-a17b-abd082dc81ad.tmp</t>
  </si>
  <si>
    <t>01/20/2020 18:28:34</t>
  </si>
  <si>
    <t>01/20/2020 18:30:25</t>
  </si>
  <si>
    <t>01/20/2020 18:27:51</t>
  </si>
  <si>
    <t>01/20/2020 18:31:25</t>
  </si>
  <si>
    <t>lu1398813h6x.tmp</t>
  </si>
  <si>
    <t>\\acsfs\profiles$\jalilebds\Downloads\lu1398813h6x.tmp</t>
  </si>
  <si>
    <t>01/20/2020 18:28:06</t>
  </si>
  <si>
    <t>01/20/2020 18:28:07</t>
  </si>
  <si>
    <t>lu1398813h71.tmp</t>
  </si>
  <si>
    <t>\\acsfs\profiles$\jalilebds\Downloads\lu1398813h71.tmp</t>
  </si>
  <si>
    <t>01/20/2020 18:27:25</t>
  </si>
  <si>
    <t>01/20/2020 18:32:25</t>
  </si>
  <si>
    <t>474d5193-8431-420f-bb2a-b06c1bb3ab18.tmp</t>
  </si>
  <si>
    <t>\\acsfs\profiles$\leonardocb\Downloads\474d5193-8431-420f-bb2a-b06c1bb3ab18.tmp</t>
  </si>
  <si>
    <t>01/20/2020 18:28:47</t>
  </si>
  <si>
    <t>4c886322-207f-49db-84bc-9ccecd12b22e.tmp</t>
  </si>
  <si>
    <t>\\acsfs\profiles$\leonardocb\Downloads\4c886322-207f-49db-84bc-9ccecd12b22e.tmp</t>
  </si>
  <si>
    <t>01/20/2020 18:33:25</t>
  </si>
  <si>
    <t>01/20/2020 18:32:38</t>
  </si>
  <si>
    <t>01/20/2020 18:35:25</t>
  </si>
  <si>
    <t>01/20/2020 18:33:33</t>
  </si>
  <si>
    <t>\\acsfs\DEPTOS\Operacao\Banco_Votorantim\Supervisao\SUPERS BV CARTÕES\ADILSON\Reneg\Reneg - Vcto 17-01-20.xlsx</t>
  </si>
  <si>
    <t>01/20/2020 18:36:25</t>
  </si>
  <si>
    <t>01/20/2020 18:32:06</t>
  </si>
  <si>
    <t>https://udpmailboxap01.acs.com.br:8443/h/search?si=0&amp;so=0&amp;sc=79471&amp;sfi=2&amp;st=conversation&amp;action=compose&amp;paction=rowview</t>
  </si>
  <si>
    <t>01/20/2020 18:34:29</t>
  </si>
  <si>
    <t>01/20/2020 18:37:25</t>
  </si>
  <si>
    <t>5adae584-ff9c-4999-81c5-9267bfac57e9.tmp</t>
  </si>
  <si>
    <t>\\acsfs\profiles$\brendadsl\Downloads\5adae584-ff9c-4999-81c5-9267bfac57e9.tmp</t>
  </si>
  <si>
    <t>01/20/2020 18:38:25</t>
  </si>
  <si>
    <t>01/20/2020 18:40:24</t>
  </si>
  <si>
    <t>01/20/2020 18:38:29</t>
  </si>
  <si>
    <t>ca5246fb-d429-4f8f-938a-facb2a99abd6.tmp</t>
  </si>
  <si>
    <t>\\acsfs\profiles$\nycolleemdj\Downloads\ca5246fb-d429-4f8f-938a-facb2a99abd6.tmp</t>
  </si>
  <si>
    <t>01/20/2020 18:39:24</t>
  </si>
  <si>
    <t>01/20/2020 18:40:09</t>
  </si>
  <si>
    <t>01/20/2020 18:37:07</t>
  </si>
  <si>
    <t>01/20/2020 18:41:25</t>
  </si>
  <si>
    <t>01/20/2020 18:39:53</t>
  </si>
  <si>
    <t>01/20/2020 18:39:54</t>
  </si>
  <si>
    <t>lu1398813h75.tmp</t>
  </si>
  <si>
    <t>\\acsfs\profiles$\jalilebds\Downloads\lu1398813h75.tmp</t>
  </si>
  <si>
    <t>01/20/2020 18:39:28</t>
  </si>
  <si>
    <t>01/20/2020 18:42:24</t>
  </si>
  <si>
    <t>9ea9d0a8-60b2-44a4-872d-1d67dd621266.tmp</t>
  </si>
  <si>
    <t>\\acsfs\profiles$\fernandofs\Downloads\9ea9d0a8-60b2-44a4-872d-1d67dd621266.tmp</t>
  </si>
  <si>
    <t>01/20/2020 18:43:25</t>
  </si>
  <si>
    <t>01/20/2020 18:41:43</t>
  </si>
  <si>
    <t>01/20/2020 18:44:25</t>
  </si>
  <si>
    <t>01/20/2020 18:39:50</t>
  </si>
  <si>
    <t>01/20/2020 18:45:25</t>
  </si>
  <si>
    <t>1113732f-9756-45f2-b151-66e47bc4ccf8.tmp</t>
  </si>
  <si>
    <t>\\acsfs\profiles$\nycolleemdj\Downloads\1113732f-9756-45f2-b151-66e47bc4ccf8.tmp</t>
  </si>
  <si>
    <t>01/20/2020 18:43:38</t>
  </si>
  <si>
    <t>01/20/2020 18:48:24</t>
  </si>
  <si>
    <t>01/20/2020 18:46:41</t>
  </si>
  <si>
    <t>01/20/2020 18:51:25</t>
  </si>
  <si>
    <t>92456250-3737-46e6-8f09-93354718495e.tmp</t>
  </si>
  <si>
    <t>\\acsfs\profiles$\brendadsl\Downloads\92456250-3737-46e6-8f09-93354718495e.tmp</t>
  </si>
  <si>
    <t>01/20/2020 18:46:43</t>
  </si>
  <si>
    <t>bfc57d89-40fc-4c41-8d12-d5a6931c0f17.tmp</t>
  </si>
  <si>
    <t>\\acsfs\profiles$\brendadsl\Downloads\bfc57d89-40fc-4c41-8d12-d5a6931c0f17.tmp</t>
  </si>
  <si>
    <t>01/20/2020 18:46:45</t>
  </si>
  <si>
    <t>52f6a63a-9d5b-4da6-8049-6895c2dba255.tmp</t>
  </si>
  <si>
    <t>\\acsfs\profiles$\brendadsl\Downloads\52f6a63a-9d5b-4da6-8049-6895c2dba255.tmp</t>
  </si>
  <si>
    <t>01/20/2020 18:46:46</t>
  </si>
  <si>
    <t>36a148c4-8e94-4f31-b9bf-7fda21ac0708.tmp</t>
  </si>
  <si>
    <t>\\acsfs\profiles$\brendadsl\Downloads\36a148c4-8e94-4f31-b9bf-7fda21ac0708.tmp</t>
  </si>
  <si>
    <t>01/20/2020 18:46:47</t>
  </si>
  <si>
    <t>9b4b04a7-089e-426f-a26a-2114e2f58d8b.tmp</t>
  </si>
  <si>
    <t>\\acsfs\profiles$\brendadsl\Downloads\9b4b04a7-089e-426f-a26a-2114e2f58d8b.tmp</t>
  </si>
  <si>
    <t>01/20/2020 18:49:11</t>
  </si>
  <si>
    <t>1c87167c-0bd4-4d9f-8c62-a448f5201e3e.tmp</t>
  </si>
  <si>
    <t>\\acsfs\profiles$\brendadsl\Downloads\1c87167c-0bd4-4d9f-8c62-a448f5201e3e.tmp</t>
  </si>
  <si>
    <t>01/20/2020 18:49:12</t>
  </si>
  <si>
    <t>2dc9be5a-d4d1-441a-ab4b-ee35d834ab9f.tmp</t>
  </si>
  <si>
    <t>\\acsfs\profiles$\brendadsl\Downloads\2dc9be5a-d4d1-441a-ab4b-ee35d834ab9f.tmp</t>
  </si>
  <si>
    <t>01/20/2020 18:51:17</t>
  </si>
  <si>
    <t>01/20/2020 18:52:24</t>
  </si>
  <si>
    <t>5505d370-4a20-4d20-8ed0-bf12d04b0c8e.tmp</t>
  </si>
  <si>
    <t>\\acsfs\profiles$\myllenardl\Downloads\5505d370-4a20-4d20-8ed0-bf12d04b0c8e.tmp</t>
  </si>
  <si>
    <t>01/20/2020 18:53:25</t>
  </si>
  <si>
    <t>01/20/2020 18:49:43</t>
  </si>
  <si>
    <t>01/20/2020 18:55:25</t>
  </si>
  <si>
    <t>01/20/2020 18:52:36</t>
  </si>
  <si>
    <t>a9409b36-a6c9-4f9e-b3b4-d4d652b31b1f.tmp</t>
  </si>
  <si>
    <t>\\acsfs\profiles$\victorgl\Downloads\a9409b36-a6c9-4f9e-b3b4-d4d652b31b1f.tmp</t>
  </si>
  <si>
    <t>01/20/2020 18:56:24</t>
  </si>
  <si>
    <t>01/20/2020 18:52:09</t>
  </si>
  <si>
    <t>03bf04c6-2783-4568-a3a5-8e7af5a6d3ba.tmp</t>
  </si>
  <si>
    <t>\\acsfs\profiles$\regisadsa\Downloads\03bf04c6-2783-4568-a3a5-8e7af5a6d3ba.tmp</t>
  </si>
  <si>
    <t>01/20/2020 18:52:48</t>
  </si>
  <si>
    <t>3b2dc2a3-be2e-41e5-a9ce-a748d57c410f.tmp</t>
  </si>
  <si>
    <t>\\acsfs\profiles$\regisadsa\Downloads\3b2dc2a3-be2e-41e5-a9ce-a748d57c410f.tmp</t>
  </si>
  <si>
    <t>01/20/2020 18:55:50</t>
  </si>
  <si>
    <t>01/20/2020 18:55:51</t>
  </si>
  <si>
    <t>01/20/2020 18:56:11</t>
  </si>
  <si>
    <t>01/20/2020 18:58:25</t>
  </si>
  <si>
    <t>01/20/2020 18:55:45</t>
  </si>
  <si>
    <t>01/20/2020 19:00:25</t>
  </si>
  <si>
    <t>01/20/2020 19:00:10</t>
  </si>
  <si>
    <t>01/20/2020 19:01:25</t>
  </si>
  <si>
    <t>011aabb2-f7ad-4895-adf1-63738587f411.tmp</t>
  </si>
  <si>
    <t>\\acsfs\profiles$\edicarlosdl\Downloads\011aabb2-f7ad-4895-adf1-63738587f411.tmp</t>
  </si>
  <si>
    <t>01/20/2020 18:58:20</t>
  </si>
  <si>
    <t>5de68ee1-395c-41c8-929b-eefda1e7fa66.tmp</t>
  </si>
  <si>
    <t>\\acsfs\profiles$\andreapdsg\Downloads\5de68ee1-395c-41c8-929b-eefda1e7fa66.tmp</t>
  </si>
  <si>
    <t>01/20/2020 18:56:26</t>
  </si>
  <si>
    <t>01/20/2020 18:56:36</t>
  </si>
  <si>
    <t>01/20/2020 18:56:20</t>
  </si>
  <si>
    <t>01/20/2020 19:02:25</t>
  </si>
  <si>
    <t>f4fcda06-6e2e-4926-97ff-94713e88f3de.tmp</t>
  </si>
  <si>
    <t>\\acsfs\profiles$\regisadsa\Downloads\f4fcda06-6e2e-4926-97ff-94713e88f3de.tmp</t>
  </si>
  <si>
    <t>01/20/2020 19:03:25</t>
  </si>
  <si>
    <t>01/20/2020 19:05:25</t>
  </si>
  <si>
    <t>01/20/2020 19:00:35</t>
  </si>
  <si>
    <t>01/20/2020 19:02:54</t>
  </si>
  <si>
    <t>01/20/2020 19:06:24</t>
  </si>
  <si>
    <t>eb257c78-85f3-4eaa-8467-c783651f84e5.tmp</t>
  </si>
  <si>
    <t>\\acsfs\profiles$\brendadsl\Downloads\eb257c78-85f3-4eaa-8467-c783651f84e5.tmp</t>
  </si>
  <si>
    <t>01/20/2020 19:07:25</t>
  </si>
  <si>
    <t>2633ed87-fa62-4691-b7ff-80012f07d4ce.tmp</t>
  </si>
  <si>
    <t>\\acsfs\profiles$\joselrb\Downloads\2633ed87-fa62-4691-b7ff-80012f07d4ce.tmp</t>
  </si>
  <si>
    <t>01/20/2020 19:06:25</t>
  </si>
  <si>
    <t>0300e54e-bfdc-4042-84d4-4e0165c46055.tmp</t>
  </si>
  <si>
    <t>\\acsfs\profiles$\regisadsa\Downloads\0300e54e-bfdc-4042-84d4-4e0165c46055.tmp</t>
  </si>
  <si>
    <t>01/20/2020 19:05:36</t>
  </si>
  <si>
    <t>01/20/2020 19:08:25</t>
  </si>
  <si>
    <t>01/20/2020 19:06:05</t>
  </si>
  <si>
    <t>01/20/2020 19:06:55</t>
  </si>
  <si>
    <t>01/20/2020 19:07:02</t>
  </si>
  <si>
    <t>01/20/2020 19:07:05</t>
  </si>
  <si>
    <t>01/20/2020 19:06:04</t>
  </si>
  <si>
    <t>cpf cliente.txt</t>
  </si>
  <si>
    <t>\\acsfs\profiles$\julianeas\My Documents\cpf cliente.txt</t>
  </si>
  <si>
    <t>01/20/2020 19:04:46</t>
  </si>
  <si>
    <t>01/20/2020 19:09:38</t>
  </si>
  <si>
    <t>01/20/2020 19:11:25</t>
  </si>
  <si>
    <t>d26d17f0-44ba-4a29-bc3b-ef184cfd4d04.tmp</t>
  </si>
  <si>
    <t>\\acsfs\profiles$\brendadsl\Downloads\d26d17f0-44ba-4a29-bc3b-ef184cfd4d04.tmp</t>
  </si>
  <si>
    <t>01/20/2020 19:08:42</t>
  </si>
  <si>
    <t>01/20/2020 19:12:25</t>
  </si>
  <si>
    <t>01/20/2020 19:10:57</t>
  </si>
  <si>
    <t>2edc702e-274b-4df3-8db0-5a34213d3fe6.tmp</t>
  </si>
  <si>
    <t>\\acsfs\profiles$\regisadsa\Downloads\2edc702e-274b-4df3-8db0-5a34213d3fe6.tmp</t>
  </si>
  <si>
    <t>01/20/2020 19:08:13</t>
  </si>
  <si>
    <t>01/20/2020 19:13:25</t>
  </si>
  <si>
    <t>01/20/2020 19:08:32</t>
  </si>
  <si>
    <t>01/20/2020 19:08:40</t>
  </si>
  <si>
    <t>01/20/2020 19:08:43</t>
  </si>
  <si>
    <t>01/20/2020 19:09:15</t>
  </si>
  <si>
    <t>01/20/2020 19:12:26</t>
  </si>
  <si>
    <t>01/20/2020 19:12:39</t>
  </si>
  <si>
    <t>01/20/2020 19:12:42</t>
  </si>
  <si>
    <t>01/20/2020 19:12:51</t>
  </si>
  <si>
    <t>01/20/2020 19:10:05</t>
  </si>
  <si>
    <t>01/20/2020 19:14:24</t>
  </si>
  <si>
    <t>f84cd2cb-1d23-460c-a928-413b525134ea.tmp</t>
  </si>
  <si>
    <t>\\acsfs\profiles$\gabrielamdp\Downloads\f84cd2cb-1d23-460c-a928-413b525134ea.tmp</t>
  </si>
  <si>
    <t>01/20/2020 19:14:50</t>
  </si>
  <si>
    <t>01/20/2020 19:17:25</t>
  </si>
  <si>
    <t>01/20/2020 19:12:24</t>
  </si>
  <si>
    <t>8a2d977c-457f-4c8d-8f9f-9d9634e38fa3.tmp</t>
  </si>
  <si>
    <t>\\acsfs\profiles$\regisadsa\Downloads\8a2d977c-457f-4c8d-8f9f-9d9634e38fa3.tmp</t>
  </si>
  <si>
    <t>01/20/2020 19:13:38</t>
  </si>
  <si>
    <t>01/20/2020 19:18:25</t>
  </si>
  <si>
    <t>01/20/2020 19:14:57</t>
  </si>
  <si>
    <t>01/20/2020 19:15:20</t>
  </si>
  <si>
    <t>01/20/2020 19:15:21</t>
  </si>
  <si>
    <t>01/20/2020 19:19:34</t>
  </si>
  <si>
    <t>01/20/2020 19:20:24</t>
  </si>
  <si>
    <t>bfb55055-0a63-43c7-81a5-42c97082fe27.tmp</t>
  </si>
  <si>
    <t>\\acsfs\profiles$\nycolleemdj\Downloads\bfb55055-0a63-43c7-81a5-42c97082fe27.tmp</t>
  </si>
  <si>
    <t>01/20/2020 19:18:41</t>
  </si>
  <si>
    <t>Apresentação Reneg.ppt</t>
  </si>
  <si>
    <t>\\acsfs\DEPTOS\Operacao\Banco_Votorantim\Supervisao\SUPERS BV CARTÕES\ADILSON\Apresentação Reneg.ppt</t>
  </si>
  <si>
    <t>\\acsfs\DEPTOS\Operacao\Banco_Votorantim\Supervisao\SUPERS BV CARTÕES\ADILSON\Apresentação Reneg.ppt\s4\</t>
  </si>
  <si>
    <t>01/20/2020 19:22:25</t>
  </si>
  <si>
    <t>01/20/2020 19:17:31</t>
  </si>
  <si>
    <t>9c8c15ca-2b62-454c-b3b1-fb2c3eaf0bf5.tmp</t>
  </si>
  <si>
    <t>\\acsfs\profiles$\Adrieledgc\Downloads\9c8c15ca-2b62-454c-b3b1-fb2c3eaf0bf5.tmp</t>
  </si>
  <si>
    <t>01/20/2020 19:23:24</t>
  </si>
  <si>
    <t>01/20/2020 19:19:49</t>
  </si>
  <si>
    <t>01/20/2020 19:24:25</t>
  </si>
  <si>
    <t>01/20/2020 19:24:21</t>
  </si>
  <si>
    <t>01/20/2020 19:25:24</t>
  </si>
  <si>
    <t>0ff43b13-47ea-483a-8932-aaf58d972daf.tmp</t>
  </si>
  <si>
    <t>\\acsfs\profiles$\henriqueco\Downloads\0ff43b13-47ea-483a-8932-aaf58d972daf.tmp</t>
  </si>
  <si>
    <t>01/20/2020 19:28:25</t>
  </si>
  <si>
    <t>01/20/2020 19:24:02</t>
  </si>
  <si>
    <t>01/20/2020 19:29:24</t>
  </si>
  <si>
    <t>01/20/2020 19:26:11</t>
  </si>
  <si>
    <t>01/20/2020 19:30:25</t>
  </si>
  <si>
    <t>01/20/2020 19:26:15</t>
  </si>
  <si>
    <t>b4986df4-6ce4-410b-930a-716e4f5fc1fb.tmp</t>
  </si>
  <si>
    <t>\\acsfs\profiles$\henriqueco\Downloads\b4986df4-6ce4-410b-930a-716e4f5fc1fb.tmp</t>
  </si>
  <si>
    <t>01/20/2020 19:28:53</t>
  </si>
  <si>
    <t>01/20/2020 19:33:25</t>
  </si>
  <si>
    <t>01/20/2020 19:28:50</t>
  </si>
  <si>
    <t>01/20/2020 19:34:24</t>
  </si>
  <si>
    <t>01/20/2020 19:31:35</t>
  </si>
  <si>
    <t>01/20/2020 19:29:42</t>
  </si>
  <si>
    <t>01/20/2020 19:35:25</t>
  </si>
  <si>
    <t>01/20/2020 19:30:49</t>
  </si>
  <si>
    <t>01/20/2020 19:33:40</t>
  </si>
  <si>
    <t>01/20/2020 19:38:25</t>
  </si>
  <si>
    <t>01/20/2020 19:33:35</t>
  </si>
  <si>
    <t>01/20/2020 19:39:25</t>
  </si>
  <si>
    <t>01/20/2020 19:34:22</t>
  </si>
  <si>
    <t>01/20/2020 19:39:31</t>
  </si>
  <si>
    <t>01/20/2020 19:40:25</t>
  </si>
  <si>
    <t>505e7574-9105-4cb9-a24c-72f22526ca5a.tmp</t>
  </si>
  <si>
    <t>\\acsfs\profiles$\henriqueco\Downloads\505e7574-9105-4cb9-a24c-72f22526ca5a.tmp</t>
  </si>
  <si>
    <t>01/20/2020 19:40:48</t>
  </si>
  <si>
    <t>01/20/2020 19:42:24</t>
  </si>
  <si>
    <t>d6780494-88dc-4015-8fef-e7bd02877df7.tmp</t>
  </si>
  <si>
    <t>\\acsfs\profiles$\nathaliaos\Downloads\d6780494-88dc-4015-8fef-e7bd02877df7.tmp</t>
  </si>
  <si>
    <t>01/20/2020 19:42:53</t>
  </si>
  <si>
    <t>01/20/2020 19:43:25</t>
  </si>
  <si>
    <t>6e5007a3-5364-48be-9ac6-ef29a71c0022.tmp</t>
  </si>
  <si>
    <t>\\acsfs\profiles$\ingridsm\Downloads\6e5007a3-5364-48be-9ac6-ef29a71c0022.tmp</t>
  </si>
  <si>
    <t>01/20/2020 19:39:19</t>
  </si>
  <si>
    <t>01/20/2020 19:44:25</t>
  </si>
  <si>
    <t>01/20/2020 19:40:53</t>
  </si>
  <si>
    <t>01/20/2020 19:45:25</t>
  </si>
  <si>
    <t>01/20/2020 19:40:57</t>
  </si>
  <si>
    <t>01/20/2020 19:40:58</t>
  </si>
  <si>
    <t>Planilha do Microsoft Excel3.xlsx</t>
  </si>
  <si>
    <t>01/20/2020 19:48:25</t>
  </si>
  <si>
    <t>01/20/2020 19:49:25</t>
  </si>
  <si>
    <t>01/20/2020 19:45:27</t>
  </si>
  <si>
    <t>6634f2bd-31e8-4f7b-b8af-683166e1c6a2.tmp</t>
  </si>
  <si>
    <t>\\acsfs\profiles$\gabrielamdp\Downloads\6634f2bd-31e8-4f7b-b8af-683166e1c6a2.tmp</t>
  </si>
  <si>
    <t>01/20/2020 19:53:25</t>
  </si>
  <si>
    <t>01/20/2020 19:50:10</t>
  </si>
  <si>
    <t>01/20/2020 19:54:25</t>
  </si>
  <si>
    <t>01/20/2020 19:51:18</t>
  </si>
  <si>
    <t>01/20/2020 19:49:00</t>
  </si>
  <si>
    <t>9f1b07da-2f7e-46fe-a240-add884cdf88e.tmp</t>
  </si>
  <si>
    <t>\\acsfs\profiles$\gabrielamdp\Downloads\9f1b07da-2f7e-46fe-a240-add884cdf88e.tmp</t>
  </si>
  <si>
    <t>01/20/2020 19:53:38</t>
  </si>
  <si>
    <t>34c49954-a3db-4c04-b833-21b8617992a0.tmp</t>
  </si>
  <si>
    <t>\\acsfs\profiles$\philipegsf\Downloads\34c49954-a3db-4c04-b833-21b8617992a0.tmp</t>
  </si>
  <si>
    <t>01/20/2020 19:52:07</t>
  </si>
  <si>
    <t>01/20/2020 19:56:25</t>
  </si>
  <si>
    <t>Reneg - Consolidado - Revisto.xlsx</t>
  </si>
  <si>
    <t>\\acsfs\DEPTOS\Operacao\Banco_Votorantim\Supervisao\SUPERS BV CARTÕES\ADILSON\Reneg\Reneg - Consolidado - Revisto.xlsx</t>
  </si>
  <si>
    <t>01/20/2020 19:58:26</t>
  </si>
  <si>
    <t>01/20/2020 19:58:04</t>
  </si>
  <si>
    <t>01/20/2020 20:00:25</t>
  </si>
  <si>
    <t>758dfc77-132a-4c48-ba63-b3c5b99e5c44.tmp</t>
  </si>
  <si>
    <t>\\acsfs\profiles$\victorgl\Downloads\758dfc77-132a-4c48-ba63-b3c5b99e5c44.tmp</t>
  </si>
  <si>
    <t>01/20/2020 19:59:12</t>
  </si>
  <si>
    <t>01/20/2020 20:01:25</t>
  </si>
  <si>
    <t>3ca97eec-6d8a-49f9-919a-69ff5ae69079.tmp</t>
  </si>
  <si>
    <t>\\acsfs\profiles$\brendadsl\Downloads\3ca97eec-6d8a-49f9-919a-69ff5ae69079.tmp</t>
  </si>
  <si>
    <t>01/20/2020 20:03:25</t>
  </si>
  <si>
    <t>01/20/2020 20:01:54</t>
  </si>
  <si>
    <t>01/20/2020 20:04:25</t>
  </si>
  <si>
    <t>01/20/2020 20:03:07</t>
  </si>
  <si>
    <t>e2ee5c54-79a5-48f1-b834-2f950727e070.tmp</t>
  </si>
  <si>
    <t>\\acsfs\profiles$\philipegsf\Downloads\e2ee5c54-79a5-48f1-b834-2f950727e070.tmp</t>
  </si>
  <si>
    <t>01/20/2020 20:03:12</t>
  </si>
  <si>
    <t>01/20/2020 20:07:26</t>
  </si>
  <si>
    <t>3e41f8e7-e3f0-42a5-8756-f0063642b90a.tmp</t>
  </si>
  <si>
    <t>\\acsfs\profiles$\mariajaf\Downloads\3e41f8e7-e3f0-42a5-8756-f0063642b90a.tmp</t>
  </si>
  <si>
    <t>01/20/2020 20:08:25</t>
  </si>
  <si>
    <t>01/20/2020 20:03:49</t>
  </si>
  <si>
    <t>01/20/2020 20:09:25</t>
  </si>
  <si>
    <t>01/20/2020 20:04:09</t>
  </si>
  <si>
    <t>01/20/2020 20:04:30</t>
  </si>
  <si>
    <t>01/20/2020 20:04:46</t>
  </si>
  <si>
    <t>b86a9273-3825-4403-b971-c5bea5a3677e.tmp</t>
  </si>
  <si>
    <t>\\acsfs\profiles$\joycemmdl\Downloads\b86a9273-3825-4403-b971-c5bea5a3677e.tmp</t>
  </si>
  <si>
    <t>01/20/2020 20:13:25</t>
  </si>
  <si>
    <t>01/20/2020 20:08:26</t>
  </si>
  <si>
    <t>01/20/2020 20:16:26</t>
  </si>
  <si>
    <t>01/20/2020 20:14:43</t>
  </si>
  <si>
    <t>4ecb087a-f1c3-4915-949d-f52136acdb5b.tmp</t>
  </si>
  <si>
    <t>\\acsfs\profiles$\taylaedoa\Downloads\4ecb087a-f1c3-4915-949d-f52136acdb5b.tmp</t>
  </si>
  <si>
    <t>01/20/2020 20:18:25</t>
  </si>
  <si>
    <t>01/20/2020 20:20:23</t>
  </si>
  <si>
    <t>01/20/2020 20:21:25</t>
  </si>
  <si>
    <t>a1b096cf-bc15-4295-8689-b3124388c643.tmp</t>
  </si>
  <si>
    <t>\\acsfs\profiles$\brendadsl\Downloads\a1b096cf-bc15-4295-8689-b3124388c643.tmp</t>
  </si>
  <si>
    <t>01/20/2020 20:17:08</t>
  </si>
  <si>
    <t>6ee6bdca-a0c6-4c8d-9037-f22516caf438.tmp</t>
  </si>
  <si>
    <t>\\acsfs\profiles$\gabrielamdp\Downloads\6ee6bdca-a0c6-4c8d-9037-f22516caf438.tmp</t>
  </si>
  <si>
    <t>01/20/2020 20:17:10</t>
  </si>
  <si>
    <t>aeb43c9a-4866-4822-8eda-2d0484f23367.tmp</t>
  </si>
  <si>
    <t>\\acsfs\profiles$\gabrielamdp\Downloads\aeb43c9a-4866-4822-8eda-2d0484f23367.tmp</t>
  </si>
  <si>
    <t>01/20/2020 20:17:11</t>
  </si>
  <si>
    <t>f4b3834d-3505-4147-85ef-d8c16ea8033d.tmp</t>
  </si>
  <si>
    <t>\\acsfs\profiles$\gabrielamdp\Downloads\f4b3834d-3505-4147-85ef-d8c16ea8033d.tmp</t>
  </si>
  <si>
    <t>01/20/2020 20:17:12</t>
  </si>
  <si>
    <t>aa659e69-cac7-46ca-9d19-3b0101a71711.tmp</t>
  </si>
  <si>
    <t>\\acsfs\profiles$\gabrielamdp\Downloads\aa659e69-cac7-46ca-9d19-3b0101a71711.tmp</t>
  </si>
  <si>
    <t>01/20/2020 20:17:13</t>
  </si>
  <si>
    <t>ea68954f-bc13-4233-b17a-fe0fe25fca75.tmp</t>
  </si>
  <si>
    <t>\\acsfs\profiles$\gabrielamdp\Downloads\ea68954f-bc13-4233-b17a-fe0fe25fca75.tmp</t>
  </si>
  <si>
    <t>01/20/2020 20:21:17</t>
  </si>
  <si>
    <t>01/20/2020 20:23:25</t>
  </si>
  <si>
    <t>11ca987c-1a11-4465-a5ce-3dd7415bd307.tmp</t>
  </si>
  <si>
    <t>\\acsfs\profiles$\ingridsm\Downloads\11ca987c-1a11-4465-a5ce-3dd7415bd307.tmp</t>
  </si>
  <si>
    <t>01/20/2020 20:20:48</t>
  </si>
  <si>
    <t>01/20/2020 20:26:25</t>
  </si>
  <si>
    <t>e75f55b4-09bb-4885-824b-20f85c96afaa.tmp</t>
  </si>
  <si>
    <t>\\acsfs\profiles$\brendadsl\Downloads\e75f55b4-09bb-4885-824b-20f85c96afaa.tmp</t>
  </si>
  <si>
    <t>01/20/2020 20:28:25</t>
  </si>
  <si>
    <t>01/20/2020 20:27:50</t>
  </si>
  <si>
    <t>01/20/2020 20:29:25</t>
  </si>
  <si>
    <t>01/20/2020 20:28:07</t>
  </si>
  <si>
    <t>01/20/2020 20:28:20</t>
  </si>
  <si>
    <t>01/20/2020 20:27:39</t>
  </si>
  <si>
    <t>01/20/2020 20:31:25</t>
  </si>
  <si>
    <t>1db7c7e7-015d-4ce5-947b-fe76bb3707a1.tmp</t>
  </si>
  <si>
    <t>\\acsfs\profiles$\brendadsl\Downloads\1db7c7e7-015d-4ce5-947b-fe76bb3707a1.tmp</t>
  </si>
  <si>
    <t>01/20/2020 20:30:43</t>
  </si>
  <si>
    <t>d70c54ca-5ab0-4d0e-b2c0-6910b2e932a6.tmp</t>
  </si>
  <si>
    <t>\\acsfs\profiles$\gabrielamdp\Downloads\d70c54ca-5ab0-4d0e-b2c0-6910b2e932a6.tmp</t>
  </si>
  <si>
    <t>01/20/2020 20:29:44</t>
  </si>
  <si>
    <t>01/20/2020 20:33:25</t>
  </si>
  <si>
    <t>da3bde78-3740-4432-8edf-3f94fdcfaf6a.tmp</t>
  </si>
  <si>
    <t>\\acsfs\profiles$\ingridsm\Downloads\da3bde78-3740-4432-8edf-3f94fdcfaf6a.tmp</t>
  </si>
  <si>
    <t>01/20/2020 20:33:06</t>
  </si>
  <si>
    <t>01/20/2020 20:34:25</t>
  </si>
  <si>
    <t>01/20/2020 20:30:48</t>
  </si>
  <si>
    <t>01/20/2020 20:36:25</t>
  </si>
  <si>
    <t>01/20/2020 20:30:49</t>
  </si>
  <si>
    <t>Planilha do Microsoft Excel4.xlsx</t>
  </si>
  <si>
    <t>Planilha do Microsoft Excel5.xlsx</t>
  </si>
  <si>
    <t>01/20/2020 20:31:58</t>
  </si>
  <si>
    <t>01/20/2020 20:31:59</t>
  </si>
  <si>
    <t>01/20/2020 20:38:25</t>
  </si>
  <si>
    <t>01/20/2020 20:37:49</t>
  </si>
  <si>
    <t>01/20/2020 20:39:25</t>
  </si>
  <si>
    <t>01/20/2020 20:43:26</t>
  </si>
  <si>
    <t>01/20/2020 20:44:25</t>
  </si>
  <si>
    <t>01/20/2020 20:40:19</t>
  </si>
  <si>
    <t>01/20/2020 20:42:43</t>
  </si>
  <si>
    <t>01/20/2020 20:45:26</t>
  </si>
  <si>
    <t>b1228e3d-c930-4a18-b09d-6fa55349a890.tmp</t>
  </si>
  <si>
    <t>\\acsfs\profiles$\victorgl\Downloads\b1228e3d-c930-4a18-b09d-6fa55349a890.tmp</t>
  </si>
  <si>
    <t>01/20/2020 20:48:25</t>
  </si>
  <si>
    <t>01/20/2020 20:44:57</t>
  </si>
  <si>
    <t>01/20/2020 20:46:52</t>
  </si>
  <si>
    <t>01/20/2020 20:49:25</t>
  </si>
  <si>
    <t>01/20/2020 20:53:25</t>
  </si>
  <si>
    <t>01/20/2020 20:56:24</t>
  </si>
  <si>
    <t>01/20/2020 20:55:23</t>
  </si>
  <si>
    <t>c080d061-2994-4e73-97e8-d5fa2f4b7fdb.tmp</t>
  </si>
  <si>
    <t>\\acsfs\profiles$\taylaedoa\Downloads\c080d061-2994-4e73-97e8-d5fa2f4b7fdb.tmp</t>
  </si>
  <si>
    <t>01/20/2020 20:56:35</t>
  </si>
  <si>
    <t>01/20/2020 20:57:25</t>
  </si>
  <si>
    <t>XLOG_anakcs_20012020_124238.log</t>
  </si>
  <si>
    <t>\\acsfs\profiles$\anakcs\My Documents\xworkcenter\logs\XLOG_anakcs_20012020_124238.log</t>
  </si>
  <si>
    <t>01/20/2020 20:58:25</t>
  </si>
  <si>
    <t>01/20/2020 20:59:39</t>
  </si>
  <si>
    <t>01/20/2020 21:02:25</t>
  </si>
  <si>
    <t>01/20/2020 21:01:55</t>
  </si>
  <si>
    <t>1a9ff492-0a16-4f87-a73d-337f2b53a8d2.tmp</t>
  </si>
  <si>
    <t>\\acsfs\profiles$\nathaliaos\Downloads\1a9ff492-0a16-4f87-a73d-337f2b53a8d2.tmp</t>
  </si>
  <si>
    <t>01/20/2020 21:01:32</t>
  </si>
  <si>
    <t>01/20/2020 21:03:25</t>
  </si>
  <si>
    <t>01/20/2020 21:04:25</t>
  </si>
  <si>
    <t>01/20/2020 21:02:46</t>
  </si>
  <si>
    <t>Formulário TTV - Lançamento de Hora Extra (5).xlsx</t>
  </si>
  <si>
    <t>01/20/2020 21:03:23</t>
  </si>
  <si>
    <t>01/20/2020 21:08:25</t>
  </si>
  <si>
    <t>01/20/2020 21:13:25</t>
  </si>
  <si>
    <t>01/20/2020 21:18:25</t>
  </si>
  <si>
    <t>01/20/2020 21:18:01</t>
  </si>
  <si>
    <t>01/20/2020 21:20:25</t>
  </si>
  <si>
    <t>5620ee3e-e509-4207-90c7-148ab6d33233.tmp</t>
  </si>
  <si>
    <t>\\acsfs\profiles$\nycolleemdj\Downloads\5620ee3e-e509-4207-90c7-148ab6d33233.tmp</t>
  </si>
  <si>
    <t>01/20/2020 21:17:16</t>
  </si>
  <si>
    <t>01/20/2020 21:21:26</t>
  </si>
  <si>
    <t>87c113a4-2750-4f74-b133-91fbe0a67208.tmp</t>
  </si>
  <si>
    <t>\\acsfs\profiles$\brendadsl\Downloads\87c113a4-2750-4f74-b133-91fbe0a67208.tmp</t>
  </si>
  <si>
    <t>01/20/2020 21:23:25</t>
  </si>
  <si>
    <t>01/20/2020 21:24:25</t>
  </si>
  <si>
    <t>01/20/2020 21:19:15</t>
  </si>
  <si>
    <t>0cdf2316-b7de-41b5-804e-e4d0c1b9b13a.tmp</t>
  </si>
  <si>
    <t>\\acsfs\profiles$\KARENJSS\Downloads\0cdf2316-b7de-41b5-804e-e4d0c1b9b13a.tmp</t>
  </si>
  <si>
    <t>01/20/2020 21:19:44</t>
  </si>
  <si>
    <t>01/20/2020 21:25:25</t>
  </si>
  <si>
    <t>cdb8ba59-3957-40f0-acf0-bc8b3a90022e</t>
  </si>
  <si>
    <t>cdb8ba59-3957-40f0-acf0-bc8b3a90022e;</t>
  </si>
  <si>
    <t>01/20/2020 21:19:46</t>
  </si>
  <si>
    <t>01/20/2020 21:19:48</t>
  </si>
  <si>
    <t>01/20/2020 21:19:50</t>
  </si>
  <si>
    <t>01/20/2020 21:19:53</t>
  </si>
  <si>
    <t>01/20/2020 21:19:54</t>
  </si>
  <si>
    <t>bgrayenywbdwabdfxvdoe0fctvkjgasmw1dktlxrqljcc0dmdvnfwwhd;</t>
  </si>
  <si>
    <t>https://bgrayenywbdwabdfxvdoe0fctvkjgasmw1dktlxrqljcc0dmdvnfwwhd</t>
  </si>
  <si>
    <t>01/20/2020 21:19:56</t>
  </si>
  <si>
    <t>01/20/2020 21:28:25</t>
  </si>
  <si>
    <t>01/20/2020 21:27:46</t>
  </si>
  <si>
    <t>01/20/2020 21:31:25</t>
  </si>
  <si>
    <t>6f59d22a-51d1-4476-b38d-669b912db002.tmp</t>
  </si>
  <si>
    <t>\\acsfs\profiles$\edicarlosdl\Downloads\6f59d22a-51d1-4476-b38d-669b912db002.tmp</t>
  </si>
  <si>
    <t>01/20/2020 21:28:14</t>
  </si>
  <si>
    <t>01/20/2020 21:33:25</t>
  </si>
  <si>
    <t>01/20/2020 21:28:22</t>
  </si>
  <si>
    <t>01/20/2020 21:33:37</t>
  </si>
  <si>
    <t>01/20/2020 21:36:25</t>
  </si>
  <si>
    <t>5150d983-a997-4f10-ac07-247d8a40dca5.tmp</t>
  </si>
  <si>
    <t>\\acsfs\profiles$\gabrielamdp\Downloads\5150d983-a997-4f10-ac07-247d8a40dca5.tmp</t>
  </si>
  <si>
    <t>01/20/2020 21:38:25</t>
  </si>
  <si>
    <t>01/20/2020 21:39:10</t>
  </si>
  <si>
    <t>01/20/2020 21:43:24</t>
  </si>
  <si>
    <t>01/20/2020 21:44:58</t>
  </si>
  <si>
    <t>01/20/2020 21:46:25</t>
  </si>
  <si>
    <t>360b3ea1-e361-4438-9e3e-7ab961e00aef.tmp</t>
  </si>
  <si>
    <t>\\acsfs\profiles$\brendadsl\Downloads\360b3ea1-e361-4438-9e3e-7ab961e00aef.tmp</t>
  </si>
  <si>
    <t>01/20/2020 21:45:25</t>
  </si>
  <si>
    <t>12774606-ed75-407c-b7e8-e9fe180efc48.tmp</t>
  </si>
  <si>
    <t>\\acsfs\profiles$\brendadsl\Downloads\12774606-ed75-407c-b7e8-e9fe180efc48.tmp</t>
  </si>
  <si>
    <t>01/20/2020 21:48:25</t>
  </si>
  <si>
    <t>01/20/2020 21:49:45</t>
  </si>
  <si>
    <t>01/20/2020 21:52:25</t>
  </si>
  <si>
    <t>1e7e47c3-9280-4ef2-9d0d-a9710a2e0b1d.tmp</t>
  </si>
  <si>
    <t>\\acsfs\profiles$\ROBERTM\Downloads\1e7e47c3-9280-4ef2-9d0d-a9710a2e0b1d.tmp</t>
  </si>
  <si>
    <t>01/20/2020 21:51:41</t>
  </si>
  <si>
    <t>87ce1fb3-06eb-4506-bddd-dc5c25d6e90d.tmp</t>
  </si>
  <si>
    <t>\\acsfs\profiles$\ROBERTM\Downloads\87ce1fb3-06eb-4506-bddd-dc5c25d6e90d.tmp</t>
  </si>
  <si>
    <t>01/20/2020 21:53:25</t>
  </si>
  <si>
    <t>01/20/2020 21:57:25</t>
  </si>
  <si>
    <t>01/20/2020 21:52:33</t>
  </si>
  <si>
    <t>d3e3cf05-5fbb-4737-9c26-5a280c457233.tmp</t>
  </si>
  <si>
    <t>\\acsfs\profiles$\ROBERTM\Downloads\d3e3cf05-5fbb-4737-9c26-5a280c457233.tmp</t>
  </si>
  <si>
    <t>01/20/2020 21:57:39</t>
  </si>
  <si>
    <t>01/20/2020 21:58:25</t>
  </si>
  <si>
    <t>https://udpmailboxap01/h/search?si=0&amp;so=0&amp;sc=79612&amp;sfi=6&amp;st=conversation&amp;action=compose</t>
  </si>
  <si>
    <t>lorenacagf@bv.algartech.com;</t>
  </si>
  <si>
    <t>https://lorenacagf@bv.algartech.com</t>
  </si>
  <si>
    <t>01/20/2020 21:57:46</t>
  </si>
  <si>
    <t>01/20/2020 21:59:24</t>
  </si>
  <si>
    <t>01/20/2020 22:00:25</t>
  </si>
  <si>
    <t>XLOG_thaisdss_20012020_182231.log</t>
  </si>
  <si>
    <t>\\acsfs\profiles$\thaisdss\My Documents\xworkcenter\logs\XLOG_thaisdss_20012020_182231.log</t>
  </si>
  <si>
    <t>01/20/2020 22:03:25</t>
  </si>
  <si>
    <t>01/20/2020 22:04:25</t>
  </si>
  <si>
    <t>01/20/2020 22:08:25</t>
  </si>
  <si>
    <t>01/20/2020 22:09:25</t>
  </si>
  <si>
    <t>01/20/2020 22:09:09</t>
  </si>
  <si>
    <t>01/20/2020 22:11:25</t>
  </si>
  <si>
    <t>01/20/2020 22:06:44</t>
  </si>
  <si>
    <t>d7ed6f2f-da31-4ba2-8fd4-778d99372ef5.tmp</t>
  </si>
  <si>
    <t>\\acsfs\profiles$\taylaedoa\Downloads\d7ed6f2f-da31-4ba2-8fd4-778d99372ef5.tmp</t>
  </si>
  <si>
    <t>01/20/2020 22:13:25</t>
  </si>
  <si>
    <t>01/20/2020 22:14:25</t>
  </si>
  <si>
    <t>01/20/2020 22:13:21</t>
  </si>
  <si>
    <t>01/20/2020 22:12:08</t>
  </si>
  <si>
    <t>01/20/2020 22:16:25</t>
  </si>
  <si>
    <t>3d665cc2-0ed5-45c8-a356-e843f6871931.tmp</t>
  </si>
  <si>
    <t>\\acsfs\profiles$\gabrielamdp\Downloads\3d665cc2-0ed5-45c8-a356-e843f6871931.tmp</t>
  </si>
  <si>
    <t>01/20/2020 22:18:25</t>
  </si>
  <si>
    <t>01/20/2020 22:19:25</t>
  </si>
  <si>
    <t>01/20/2020 22:24:25</t>
  </si>
  <si>
    <t>01/20/2020 22:29:25</t>
  </si>
  <si>
    <t>01/20/2020 22:28:29</t>
  </si>
  <si>
    <t>01/20/2020 22:31:25</t>
  </si>
  <si>
    <t>lu1398813h79.tmp</t>
  </si>
  <si>
    <t>\\acsfs\profiles$\jalilebds\Downloads\lu1398813h79.tmp</t>
  </si>
  <si>
    <t>01/20/2020 22:32:25</t>
  </si>
  <si>
    <t>01/20/2020 22:30:39</t>
  </si>
  <si>
    <t>06eb88b2-9585-492f-b0b5-42350ea2b1de.tmp</t>
  </si>
  <si>
    <t>\\acsfs\profiles$\nathaliaos\Downloads\06eb88b2-9585-492f-b0b5-42350ea2b1de.tmp</t>
  </si>
  <si>
    <t>01/20/2020 22:34:25</t>
  </si>
  <si>
    <t>01/20/2020 22:35:42</t>
  </si>
  <si>
    <t>01/20/2020 22:37:25</t>
  </si>
  <si>
    <t>01/20/2020 22:39:25</t>
  </si>
  <si>
    <t>01/20/2020 22:44:25</t>
  </si>
  <si>
    <t>01/20/2020 22:49:25</t>
  </si>
  <si>
    <t>01/20/2020 22:46:57</t>
  </si>
  <si>
    <t>01/20/2020 22:51:25</t>
  </si>
  <si>
    <t>\\acsfs\profiles$\taylaedoa\Favorites\NetScaler Gateway.url\</t>
  </si>
  <si>
    <t>\\acsfs\profiles$\taylaedoa\Favorites\NetScaler Gateway.url\:favicon:$DATA</t>
  </si>
  <si>
    <t>\\acsfs\profiles$\taylaedoa\Favorites\NetScaler Gateway.url</t>
  </si>
  <si>
    <t>01/20/2020 22:54:26</t>
  </si>
  <si>
    <t>01/20/2020 22:59:25</t>
  </si>
  <si>
    <t>01/20/2020 22:55:56</t>
  </si>
  <si>
    <t>557a1f23-95aa-41e7-88a3-5e111cb7711d.tmp</t>
  </si>
  <si>
    <t>\\acsfs\profiles$\mariaavds\Downloads\557a1f23-95aa-41e7-88a3-5e111cb7711d.tmp</t>
  </si>
  <si>
    <t>01/20/2020 22:56:12</t>
  </si>
  <si>
    <t>885d514b-e2aa-45b2-8f69-ad642959714f.tmp</t>
  </si>
  <si>
    <t>\\acsfs\profiles$\mariaavds\Downloads\885d514b-e2aa-45b2-8f69-ad642959714f.tmp</t>
  </si>
  <si>
    <t>01/20/2020 22:57:29</t>
  </si>
  <si>
    <t>49a29d60-014c-4451-82cc-a4906bf8c792.tmp</t>
  </si>
  <si>
    <t>\\acsfs\profiles$\mariaavds\Downloads\49a29d60-014c-4451-82cc-a4906bf8c792.tmp</t>
  </si>
  <si>
    <t>01/20/2020 23:04:26</t>
  </si>
  <si>
    <t>01/20/2020 23:09:25</t>
  </si>
  <si>
    <t>01/20/2020 23:08:47</t>
  </si>
  <si>
    <t>01/20/2020 23:11:25</t>
  </si>
  <si>
    <t>076ce0c3-56f6-4c62-bc3d-f2f0f76a3e76.tmp</t>
  </si>
  <si>
    <t>\\acsfs\profiles$\marlyannegdls\Downloads\076ce0c3-56f6-4c62-bc3d-f2f0f76a3e76.tmp</t>
  </si>
  <si>
    <t>01/20/2020 23:09:48</t>
  </si>
  <si>
    <t>95d0f9d8-62ac-4e19-9fea-38212ae55b10.tmp</t>
  </si>
  <si>
    <t>\\acsfs\profiles$\marlyannegdls\Downloads\95d0f9d8-62ac-4e19-9fea-38212ae55b10.tmp</t>
  </si>
  <si>
    <t>01/20/2020 23:07:03</t>
  </si>
  <si>
    <t>01/20/2020 23:12:25</t>
  </si>
  <si>
    <t>01/20/2020 23:14:26</t>
  </si>
  <si>
    <t>01/20/2020 23:19:26</t>
  </si>
  <si>
    <t>01/20/2020 23:24:26</t>
  </si>
  <si>
    <t>01/20/2020 23:29:26</t>
  </si>
  <si>
    <t>01/20/2020 23:34:26</t>
  </si>
  <si>
    <t>01/20/2020 23:39:25</t>
  </si>
  <si>
    <t>01/20/2020 23:44:26</t>
  </si>
  <si>
    <t>01/20/2020 23:49:26</t>
  </si>
  <si>
    <t>01/20/2020 23:54:25</t>
  </si>
  <si>
    <t>01/20/2020 23:59:27</t>
  </si>
  <si>
    <t>01/21/2020 00:04:26</t>
  </si>
  <si>
    <t>01/21/2020 00:09:26</t>
  </si>
  <si>
    <t>01/21/2020 00:14:27</t>
  </si>
  <si>
    <t>01/21/2020 00:19:26</t>
  </si>
  <si>
    <t>01/21/2020 00:24:26</t>
  </si>
  <si>
    <t>01/21/2020 00:29:26</t>
  </si>
  <si>
    <t>01/21/2020 00:34:26</t>
  </si>
  <si>
    <t>01/21/2020 00:43:23</t>
  </si>
  <si>
    <t>01/21/2020 00:44:26</t>
  </si>
  <si>
    <t>01/21/2020 00:49:26</t>
  </si>
  <si>
    <t>01/21/2020 00:54:27</t>
  </si>
  <si>
    <t>01/21/2020 00:59:27</t>
  </si>
  <si>
    <t>01/21/2020 01:19:26</t>
  </si>
  <si>
    <t>01/21/2020 01:20:26</t>
  </si>
  <si>
    <t>01/21/2020 01:23:27</t>
  </si>
  <si>
    <t>01/21/2020 01:28:28</t>
  </si>
  <si>
    <t>01/21/2020 01:33:27</t>
  </si>
  <si>
    <t>01/21/2020 01:38:27</t>
  </si>
  <si>
    <t>01/21/2020 01:43:27</t>
  </si>
  <si>
    <t>01/21/2020 01:48:28</t>
  </si>
  <si>
    <t>01/21/2020 01:53:28</t>
  </si>
  <si>
    <t>01/21/2020 01:58:27</t>
  </si>
  <si>
    <t>01/21/2020 02:03:27</t>
  </si>
  <si>
    <t>01/21/2020 02:08:27</t>
  </si>
  <si>
    <t>01/21/2020 02:13:28</t>
  </si>
  <si>
    <t>01/21/2020 02:18:27</t>
  </si>
  <si>
    <t>01/21/2020 02:23:27</t>
  </si>
  <si>
    <t>01/21/2020 02:28:27</t>
  </si>
  <si>
    <t>01/21/2020 04:23:47</t>
  </si>
  <si>
    <t>01/21/2020 04:23:48</t>
  </si>
  <si>
    <t>01/21/2020 04:23:49</t>
  </si>
  <si>
    <t>01/21/2020 04:09:44</t>
  </si>
  <si>
    <t>https://outlook.office365.com/mapi/emsmdb/?mailboxid=72ff94cc-38be-4102-b180-a6ad5c6232a9@algartech.com</t>
  </si>
  <si>
    <t>01/21/2020 04:09:45</t>
  </si>
  <si>
    <t>01/21/2020 04:09:46</t>
  </si>
  <si>
    <t>01/21/2020 04:09:47</t>
  </si>
  <si>
    <t>01/21/2020 04:09:48</t>
  </si>
  <si>
    <t>01/21/2020 04:09:54</t>
  </si>
  <si>
    <t>01/21/2020 04:09:55</t>
  </si>
  <si>
    <t>01/21/2020 04:10:00</t>
  </si>
  <si>
    <t>01/21/2020 04:10:34</t>
  </si>
  <si>
    <t>01/21/2020 04:10:35</t>
  </si>
  <si>
    <t>01/21/2020 04:11:20</t>
  </si>
  <si>
    <t>01/21/2020 04:11:24</t>
  </si>
  <si>
    <t>01/21/2020 04:11:25</t>
  </si>
  <si>
    <t>01/21/2020 04:11:29</t>
  </si>
  <si>
    <t>01/21/2020 04:11:30</t>
  </si>
  <si>
    <t>01/21/2020 04:12:25</t>
  </si>
  <si>
    <t>01/21/2020 04:12:27</t>
  </si>
  <si>
    <t>01/21/2020 04:12:28</t>
  </si>
  <si>
    <t>01/21/2020 04:12:29</t>
  </si>
  <si>
    <t>01/21/2020 04:12:30</t>
  </si>
  <si>
    <t>01/21/2020 04:12:31</t>
  </si>
  <si>
    <t>01/21/2020 04:12:32</t>
  </si>
  <si>
    <t>01/21/2020 04:12:33</t>
  </si>
  <si>
    <t>01/21/2020 04:12:34</t>
  </si>
  <si>
    <t>01/21/2020 04:12:35</t>
  </si>
  <si>
    <t>01/21/2020 04:12:36</t>
  </si>
  <si>
    <t>01/21/2020 04:15:03</t>
  </si>
  <si>
    <t>01/21/2020 04:18:03</t>
  </si>
  <si>
    <t>01/21/2020 04:25:28</t>
  </si>
  <si>
    <t>01/21/2020 04:21:03</t>
  </si>
  <si>
    <t>01/21/2020 04:26:27</t>
  </si>
  <si>
    <t>01/21/2020 04:24:02</t>
  </si>
  <si>
    <t>01/21/2020 04:30:28</t>
  </si>
  <si>
    <t>01/21/2020 04:27:02</t>
  </si>
  <si>
    <t>01/21/2020 04:31:27</t>
  </si>
  <si>
    <t>01/21/2020 04:30:02</t>
  </si>
  <si>
    <t>01/21/2020 04:35:27</t>
  </si>
  <si>
    <t>01/21/2020 04:33:02</t>
  </si>
  <si>
    <t>01/21/2020 04:36:27</t>
  </si>
  <si>
    <t>01/21/2020 04:33:08</t>
  </si>
  <si>
    <t>01/21/2020 04:37:27</t>
  </si>
  <si>
    <t>25379346-146c-4803-b786-0c005ff8e1dc.tmp</t>
  </si>
  <si>
    <t>\\acsfs\profiles$\ROBERTM\Downloads\25379346-146c-4803-b786-0c005ff8e1dc.tmp</t>
  </si>
  <si>
    <t>01/21/2020 04:34:14</t>
  </si>
  <si>
    <t>bacd19f8-f1fc-4bed-a155-a95e8d7a7beb.tmp</t>
  </si>
  <si>
    <t>\\acsfs\profiles$\ROBERTM\Downloads\bacd19f8-f1fc-4bed-a155-a95e8d7a7beb.tmp</t>
  </si>
  <si>
    <t>01/21/2020 04:40:28</t>
  </si>
  <si>
    <t>01/21/2020 04:36:02</t>
  </si>
  <si>
    <t>01/21/2020 04:41:27</t>
  </si>
  <si>
    <t>01/21/2020 04:38:49</t>
  </si>
  <si>
    <t>01/21/2020 04:38:50</t>
  </si>
  <si>
    <t>01/21/2020 04:45:28</t>
  </si>
  <si>
    <t>01/21/2020 04:42:02</t>
  </si>
  <si>
    <t>01/21/2020 04:46:27</t>
  </si>
  <si>
    <t>01/21/2020 04:44:03</t>
  </si>
  <si>
    <t>01/21/2020 04:51:27</t>
  </si>
  <si>
    <t>01/21/2020 04:48:03</t>
  </si>
  <si>
    <t>01/21/2020 04:50:03</t>
  </si>
  <si>
    <t>01/21/2020 04:56:27</t>
  </si>
  <si>
    <t>01/21/2020 04:54:03</t>
  </si>
  <si>
    <t>01/21/2020 05:01:27</t>
  </si>
  <si>
    <t>01/21/2020 04:56:03</t>
  </si>
  <si>
    <t>01/21/2020 05:05:27</t>
  </si>
  <si>
    <t>01/21/2020 05:00:03</t>
  </si>
  <si>
    <t>01/21/2020 05:02:52</t>
  </si>
  <si>
    <t>https://outlook.office365.com/mapi/emsmdb/?mailboxid=77162096-c0b3-4a9d-88ca-b9268ce0500f@algartech.com</t>
  </si>
  <si>
    <t>01/21/2020 05:03:47</t>
  </si>
  <si>
    <t>01/21/2020 05:06:27</t>
  </si>
  <si>
    <t>01/21/2020 05:08:27</t>
  </si>
  <si>
    <t>01/21/2020 05:02:03</t>
  </si>
  <si>
    <t>01/21/2020 05:06:03</t>
  </si>
  <si>
    <t>01/21/2020 05:07:36</t>
  </si>
  <si>
    <t>01/21/2020 05:09:47</t>
  </si>
  <si>
    <t>01/21/2020 05:10:27</t>
  </si>
  <si>
    <t>01/21/2020 05:11:27</t>
  </si>
  <si>
    <t>01/21/2020 05:13:27</t>
  </si>
  <si>
    <t>01/21/2020 05:12:03</t>
  </si>
  <si>
    <t>01/21/2020 05:11:05</t>
  </si>
  <si>
    <t>01/21/2020 05:15:27</t>
  </si>
  <si>
    <t>01/21/2020 05:16:27</t>
  </si>
  <si>
    <t>01/21/2020 05:18:27</t>
  </si>
  <si>
    <t>01/21/2020 05:13:03</t>
  </si>
  <si>
    <t>01/21/2020 05:15:47</t>
  </si>
  <si>
    <t>01/21/2020 05:20:27</t>
  </si>
  <si>
    <t>01/21/2020 05:19:29</t>
  </si>
  <si>
    <t>01/21/2020 05:21:27</t>
  </si>
  <si>
    <t>01/21/2020 05:23:27</t>
  </si>
  <si>
    <t>01/21/2020 05:18:03</t>
  </si>
  <si>
    <t>01/21/2020 05:19:03</t>
  </si>
  <si>
    <t>01/21/2020 05:21:47</t>
  </si>
  <si>
    <t>01/21/2020 05:25:27</t>
  </si>
  <si>
    <t>01/21/2020 05:26:28</t>
  </si>
  <si>
    <t>01/21/2020 05:24:03</t>
  </si>
  <si>
    <t>01/21/2020 05:28:27</t>
  </si>
  <si>
    <t>01/21/2020 05:25:03</t>
  </si>
  <si>
    <t>01/21/2020 05:27:35</t>
  </si>
  <si>
    <t>01/21/2020 05:30:27</t>
  </si>
  <si>
    <t>01/21/2020 05:27:47</t>
  </si>
  <si>
    <t>01/21/2020 05:31:28</t>
  </si>
  <si>
    <t>01/21/2020 05:30:03</t>
  </si>
  <si>
    <t>01/21/2020 05:33:28</t>
  </si>
  <si>
    <t>01/21/2020 05:31:03</t>
  </si>
  <si>
    <t>01/21/2020 05:33:47</t>
  </si>
  <si>
    <t>01/21/2020 05:35:28</t>
  </si>
  <si>
    <t>01/21/2020 05:34:27</t>
  </si>
  <si>
    <t>01/21/2020 05:36:27</t>
  </si>
  <si>
    <t>01/21/2020 05:35:00</t>
  </si>
  <si>
    <t>01/21/2020 05:38:27</t>
  </si>
  <si>
    <t>01/21/2020 05:36:03</t>
  </si>
  <si>
    <t>01/21/2020 05:40:27</t>
  </si>
  <si>
    <t>01/21/2020 05:39:47</t>
  </si>
  <si>
    <t>01/21/2020 05:41:27</t>
  </si>
  <si>
    <t>01/21/2020 05:40:03</t>
  </si>
  <si>
    <t>01/21/2020 05:43:27</t>
  </si>
  <si>
    <t>01/21/2020 05:42:03</t>
  </si>
  <si>
    <t>01/21/2020 05:42:00</t>
  </si>
  <si>
    <t>01/21/2020 05:45:27</t>
  </si>
  <si>
    <t>01/21/2020 05:46:27</t>
  </si>
  <si>
    <t>01/21/2020 05:46:03</t>
  </si>
  <si>
    <t>01/21/2020 05:48:27</t>
  </si>
  <si>
    <t>01/21/2020 05:45:47</t>
  </si>
  <si>
    <t>01/21/2020 05:50:27</t>
  </si>
  <si>
    <t>01/21/2020 05:49:47</t>
  </si>
  <si>
    <t>01/21/2020 05:51:27</t>
  </si>
  <si>
    <t>01/21/2020 05:49:55</t>
  </si>
  <si>
    <t>01/21/2020 05:52:27</t>
  </si>
  <si>
    <t>b2bf8907-194a-4e67-9343-049ed2c9f377.tmp</t>
  </si>
  <si>
    <t>\\acsfs\profiles$\ROZENCAM\Downloads\b2bf8907-194a-4e67-9343-049ed2c9f377.tmp</t>
  </si>
  <si>
    <t>01/21/2020 05:48:03</t>
  </si>
  <si>
    <t>01/21/2020 05:53:27</t>
  </si>
  <si>
    <t>01/21/2020 05:52:03</t>
  </si>
  <si>
    <t>01/21/2020 05:51:47</t>
  </si>
  <si>
    <t>01/21/2020 05:55:27</t>
  </si>
  <si>
    <t>01/21/2020 05:56:27</t>
  </si>
  <si>
    <t>01/21/2020 05:54:03</t>
  </si>
  <si>
    <t>01/21/2020 05:58:27</t>
  </si>
  <si>
    <t>01/21/2020 05:54:18</t>
  </si>
  <si>
    <t>11ae3053-9e11-4445-bf3e-4011dab8cce4.tmp</t>
  </si>
  <si>
    <t>\\acsfs\profiles$\lucasqdss\Downloads\11ae3053-9e11-4445-bf3e-4011dab8cce4.tmp</t>
  </si>
  <si>
    <t>01/21/2020 05:56:41</t>
  </si>
  <si>
    <t>355f6e97-3a0a-4303-a754-f8dd8f490722.tmp</t>
  </si>
  <si>
    <t>\\acsfs\profiles$\lucasqdss\Downloads\355f6e97-3a0a-4303-a754-f8dd8f490722.tmp</t>
  </si>
  <si>
    <t>01/21/2020 06:00:27</t>
  </si>
  <si>
    <t>01/21/2020 05:57:35</t>
  </si>
  <si>
    <t>01/21/2020 05:57:47</t>
  </si>
  <si>
    <t>01/21/2020 06:01:27</t>
  </si>
  <si>
    <t>01/21/2020 05:58:03</t>
  </si>
  <si>
    <t>01/21/2020 06:03:27</t>
  </si>
  <si>
    <t>01/21/2020 06:00:03</t>
  </si>
  <si>
    <t>01/21/2020 06:03:48</t>
  </si>
  <si>
    <t>01/21/2020 06:05:28</t>
  </si>
  <si>
    <t>01/21/2020 06:06:27</t>
  </si>
  <si>
    <t>01/21/2020 06:08:27</t>
  </si>
  <si>
    <t>01/21/2020 06:04:03</t>
  </si>
  <si>
    <t>01/21/2020 06:06:05</t>
  </si>
  <si>
    <t>01/21/2020 06:07:04</t>
  </si>
  <si>
    <t>01/21/2020 06:07:05</t>
  </si>
  <si>
    <t>01/21/2020 06:05:06</t>
  </si>
  <si>
    <t>01/21/2020 06:10:27</t>
  </si>
  <si>
    <t>01/21/2020 06:05:15</t>
  </si>
  <si>
    <t>01/21/2020 06:05:16</t>
  </si>
  <si>
    <t>01/21/2020 06:09:47</t>
  </si>
  <si>
    <t>01/21/2020 06:11:27</t>
  </si>
  <si>
    <t>01/21/2020 06:12:03</t>
  </si>
  <si>
    <t>01/21/2020 06:13:27</t>
  </si>
  <si>
    <t>01/21/2020 06:12:52</t>
  </si>
  <si>
    <t>01/21/2020 06:15:27</t>
  </si>
  <si>
    <t>01/21/2020 06:16:27</t>
  </si>
  <si>
    <t>01/20/2020 15:36:47</t>
  </si>
  <si>
    <t>01/21/2020 06:17:28</t>
  </si>
  <si>
    <t>01/21/2020 06:13:03</t>
  </si>
  <si>
    <t>01/21/2020 06:18:27</t>
  </si>
  <si>
    <t>01/21/2020 06:15:47</t>
  </si>
  <si>
    <t>01/21/2020 06:20:28</t>
  </si>
  <si>
    <t>01/21/2020 06:21:27</t>
  </si>
  <si>
    <t>01/20/2020 15:36:22</t>
  </si>
  <si>
    <t>01/21/2020 06:22:28</t>
  </si>
  <si>
    <t>bd5a860f-cd21-414d-b905-519058ec8f62.tmp</t>
  </si>
  <si>
    <t>\\acsfs\profiles$\jalilebds\Downloads\bd5a860f-cd21-414d-b905-519058ec8f62.tmp</t>
  </si>
  <si>
    <t>01/21/2020 06:18:03</t>
  </si>
  <si>
    <t>01/21/2020 06:23:27</t>
  </si>
  <si>
    <t>01/21/2020 06:19:03</t>
  </si>
  <si>
    <t>01/21/2020 06:23:03</t>
  </si>
  <si>
    <t>01/21/2020 06:24:27</t>
  </si>
  <si>
    <t>6e7c56bb-a4d6-4e4a-8b56-0a932c026a97.tmp</t>
  </si>
  <si>
    <t>\\acsfs\profiles$\ALYNYA\Downloads\6e7c56bb-a4d6-4e4a-8b56-0a932c026a97.tmp</t>
  </si>
  <si>
    <t>01/21/2020 06:20:24</t>
  </si>
  <si>
    <t>01/21/2020 06:25:28</t>
  </si>
  <si>
    <t>01/21/2020 06:21:47</t>
  </si>
  <si>
    <t>01/21/2020 06:23:30</t>
  </si>
  <si>
    <t>01/21/2020 06:23:31</t>
  </si>
  <si>
    <t>01/21/2020 06:23:32</t>
  </si>
  <si>
    <t>01/21/2020 06:23:33</t>
  </si>
  <si>
    <t>01/21/2020 06:23:34</t>
  </si>
  <si>
    <t>01/21/2020 06:23:35</t>
  </si>
  <si>
    <t>01/21/2020 06:23:36</t>
  </si>
  <si>
    <t>01/21/2020 06:23:38</t>
  </si>
  <si>
    <t>01/21/2020 06:23:39</t>
  </si>
  <si>
    <t>01/21/2020 06:23:40</t>
  </si>
  <si>
    <t>01/21/2020 06:23:41</t>
  </si>
  <si>
    <t>01/21/2020 06:23:43</t>
  </si>
  <si>
    <t>01/21/2020 06:26:27</t>
  </si>
  <si>
    <t>01/20/2020 16:27:26</t>
  </si>
  <si>
    <t>01/20/2020 16:27:29</t>
  </si>
  <si>
    <t>01/21/2020 06:25:07</t>
  </si>
  <si>
    <t>01/21/2020 06:27:27</t>
  </si>
  <si>
    <t>4719287c-df61-4ab5-976a-c43326129241.tmp</t>
  </si>
  <si>
    <t>\\acsfs\profiles$\ROZENCAM\Downloads\4719287c-df61-4ab5-976a-c43326129241.tmp</t>
  </si>
  <si>
    <t>01/21/2020 06:25:52</t>
  </si>
  <si>
    <t>01/21/2020 06:24:03</t>
  </si>
  <si>
    <t>01/21/2020 06:28:27</t>
  </si>
  <si>
    <t>01/21/2020 06:25:03</t>
  </si>
  <si>
    <t>01/21/2020 06:24:23</t>
  </si>
  <si>
    <t>01/21/2020 06:29:27</t>
  </si>
  <si>
    <t>fd8dee21-3bb7-4db4-a841-91e58217e562.tmp</t>
  </si>
  <si>
    <t>\\acsfs\profiles$\ALYNYA\Downloads\fd8dee21-3bb7-4db4-a841-91e58217e562.tmp</t>
  </si>
  <si>
    <t>01/21/2020 06:26:35</t>
  </si>
  <si>
    <t>01/21/2020 06:28:02</t>
  </si>
  <si>
    <t>01/21/2020 06:30:27</t>
  </si>
  <si>
    <t>01/21/2020 06:28:47</t>
  </si>
  <si>
    <t>01/21/2020 06:31:27</t>
  </si>
  <si>
    <t>01/21/2020 06:27:36</t>
  </si>
  <si>
    <t>3cc60cd8-25d0-4289-b80c-81d7fb8b77b6.tmp</t>
  </si>
  <si>
    <t>\\acsfs\profiles$\BRUNAAR\Downloads\3cc60cd8-25d0-4289-b80c-81d7fb8b77b6.tmp</t>
  </si>
  <si>
    <t>01/21/2020 06:28:55</t>
  </si>
  <si>
    <t>aeee80db-d49e-4384-9e29-b21f0a4c1cd8.tmp</t>
  </si>
  <si>
    <t>\\acsfs\profiles$\BRUNAAR\Downloads\aeee80db-d49e-4384-9e29-b21f0a4c1cd8.tmp</t>
  </si>
  <si>
    <t>01/21/2020 06:30:03</t>
  </si>
  <si>
    <t>01/21/2020 06:33:27</t>
  </si>
  <si>
    <t>01/21/2020 06:31:03</t>
  </si>
  <si>
    <t>01/21/2020 06:34:27</t>
  </si>
  <si>
    <t>01/21/2020 06:29:46</t>
  </si>
  <si>
    <t>9ee777e3-cbbf-4fcf-a90a-8697a94fad65.tmp</t>
  </si>
  <si>
    <t>\\acsfs\profiles$\ALYNYA\Downloads\9ee777e3-cbbf-4fcf-a90a-8697a94fad65.tmp</t>
  </si>
  <si>
    <t>01/21/2020 06:34:47</t>
  </si>
  <si>
    <t>01/21/2020 06:35:28</t>
  </si>
  <si>
    <t>01/21/2020 06:36:27</t>
  </si>
  <si>
    <t>01/21/2020 06:35:43</t>
  </si>
  <si>
    <t>01/21/2020 06:36:04</t>
  </si>
  <si>
    <t>01/21/2020 06:38:27</t>
  </si>
  <si>
    <t>01/21/2020 06:36:09</t>
  </si>
  <si>
    <t>01/21/2020 06:35:57</t>
  </si>
  <si>
    <t>01/21/2020 06:40:27</t>
  </si>
  <si>
    <t>01/21/2020 06:41:27</t>
  </si>
  <si>
    <t>01/21/2020 06:36:49</t>
  </si>
  <si>
    <t>01/21/2020 06:36:50</t>
  </si>
  <si>
    <t>lu260804ah2mk.tmp</t>
  </si>
  <si>
    <t>\\acsfs\profiles$\BRUNAAR\Numero\lu260804ah2mk.tmp</t>
  </si>
  <si>
    <t>01/21/2020 06:42:04</t>
  </si>
  <si>
    <t>01/21/2020 06:43:27</t>
  </si>
  <si>
    <t>01/21/2020 06:43:28</t>
  </si>
  <si>
    <t>01/21/2020 06:44:28</t>
  </si>
  <si>
    <t>01/21/2020 06:40:48</t>
  </si>
  <si>
    <t>01/21/2020 06:45:27</t>
  </si>
  <si>
    <t>01/21/2020 06:43:53</t>
  </si>
  <si>
    <t>01/21/2020 06:46:28</t>
  </si>
  <si>
    <t>01/21/2020 06:46:12</t>
  </si>
  <si>
    <t>01/21/2020 06:47:28</t>
  </si>
  <si>
    <t>9e932ed0-bc64-4521-9cb8-86d31b40787b.tmp</t>
  </si>
  <si>
    <t>\\acsfs\profiles$\lorraynevam\Downloads\9e932ed0-bc64-4521-9cb8-86d31b40787b.tmp</t>
  </si>
  <si>
    <t>01/21/2020 06:46:55</t>
  </si>
  <si>
    <t>295fdfa3-83d5-4d03-b396-52b6dbb362f8.tmp</t>
  </si>
  <si>
    <t>\\acsfs\profiles$\lorraynevam\Downloads\295fdfa3-83d5-4d03-b396-52b6dbb362f8.tmp</t>
  </si>
  <si>
    <t>01/21/2020 06:46:44</t>
  </si>
  <si>
    <t>01/21/2020 06:47:31</t>
  </si>
  <si>
    <t>01/21/2020 06:49:27</t>
  </si>
  <si>
    <t>b40b8a5c-33a9-4f88-9ffb-2e8bb22ddc60.tmp</t>
  </si>
  <si>
    <t>\\acsfs\profiles$\monicargds\Downloads\b40b8a5c-33a9-4f88-9ffb-2e8bb22ddc60.tmp</t>
  </si>
  <si>
    <t>226b6a32-1daf-45fe-8864-34f6c2f60a59.tmp</t>
  </si>
  <si>
    <t>\\acsfs\profiles$\monicargds\Downloads\226b6a32-1daf-45fe-8864-34f6c2f60a59.tmp</t>
  </si>
  <si>
    <t>01/21/2020 06:47:32</t>
  </si>
  <si>
    <t>170a303c-e158-4585-acfb-8974c0e8a984.tmp</t>
  </si>
  <si>
    <t>\\acsfs\profiles$\monicargds\Downloads\170a303c-e158-4585-acfb-8974c0e8a984.tmp</t>
  </si>
  <si>
    <t>01/21/2020 06:46:48</t>
  </si>
  <si>
    <t>01/21/2020 06:50:27</t>
  </si>
  <si>
    <t>01/21/2020 06:51:27</t>
  </si>
  <si>
    <t>01/21/2020 06:52:28</t>
  </si>
  <si>
    <t>c3852a29-4fdf-4906-962d-669db133768d.tmp</t>
  </si>
  <si>
    <t>\\acsfs\profiles$\lorraynevam\Downloads\c3852a29-4fdf-4906-962d-669db133768d.tmp</t>
  </si>
  <si>
    <t>01/21/2020 06:49:42</t>
  </si>
  <si>
    <t>01/21/2020 06:49:43</t>
  </si>
  <si>
    <t>01/21/2020 06:53:27</t>
  </si>
  <si>
    <t>01/21/2020 06:48:04</t>
  </si>
  <si>
    <t>01/21/2020 06:53:05</t>
  </si>
  <si>
    <t>01/21/2020 06:54:28</t>
  </si>
  <si>
    <t>1b994e28-dd7a-4a24-b842-bd3394710471.tmp</t>
  </si>
  <si>
    <t>\\acsfs\profiles$\anafsb\Downloads\1b994e28-dd7a-4a24-b842-bd3394710471.tmp</t>
  </si>
  <si>
    <t>b6ff928a-b19e-45f1-a943-807283647e5a.tmp</t>
  </si>
  <si>
    <t>\\acsfs\profiles$\anafsb\Downloads\b6ff928a-b19e-45f1-a943-807283647e5a.tmp</t>
  </si>
  <si>
    <t>01/21/2020 06:53:21</t>
  </si>
  <si>
    <t>22b82e6a-db9c-4b8d-a052-e5585ab5f399.tmp</t>
  </si>
  <si>
    <t>\\acsfs\profiles$\anafsb\Downloads\22b82e6a-db9c-4b8d-a052-e5585ab5f399.tmp</t>
  </si>
  <si>
    <t>01/21/2020 06:51:25</t>
  </si>
  <si>
    <t>01/21/2020 06:55:27</t>
  </si>
  <si>
    <t>01/21/2020 06:52:48</t>
  </si>
  <si>
    <t>01/21/2020 06:56:27</t>
  </si>
  <si>
    <t>01/21/2020 06:52:54</t>
  </si>
  <si>
    <t>01/21/2020 06:57:27</t>
  </si>
  <si>
    <t>1df01a5b-14e7-4aad-bc44-c7e1cdc1f2cf.tmp</t>
  </si>
  <si>
    <t>\\acsfs\profiles$\lorraynevam\Downloads\1df01a5b-14e7-4aad-bc44-c7e1cdc1f2cf.tmp</t>
  </si>
  <si>
    <t>01/21/2020 06:56:56</t>
  </si>
  <si>
    <t>01/21/2020 06:58:27</t>
  </si>
  <si>
    <t>01/21/2020 06:54:03</t>
  </si>
  <si>
    <t>01/21/2020 06:54:04</t>
  </si>
  <si>
    <t>01/21/2020 06:54:09</t>
  </si>
  <si>
    <t>01/21/2020 06:59:28</t>
  </si>
  <si>
    <t>d0c27fcf-8189-4ae9-8974-7e8a7a0e3328.tmp</t>
  </si>
  <si>
    <t>\\acsfs\profiles$\anafsb\Downloads\d0c27fcf-8189-4ae9-8974-7e8a7a0e3328.tmp</t>
  </si>
  <si>
    <t>01/21/2020 06:54:13</t>
  </si>
  <si>
    <t>b1160b0e-04bf-46ed-a9b7-e085ec5bd855.tmp</t>
  </si>
  <si>
    <t>\\acsfs\profiles$\anafsb\Downloads\b1160b0e-04bf-46ed-a9b7-e085ec5bd855.tmp</t>
  </si>
  <si>
    <t>01/21/2020 06:58:48</t>
  </si>
  <si>
    <t>01/21/2020 07:00:27</t>
  </si>
  <si>
    <t>01/21/2020 06:59:36</t>
  </si>
  <si>
    <t>01/21/2020 07:01:28</t>
  </si>
  <si>
    <t>01/21/2020 07:00:03</t>
  </si>
  <si>
    <t>01/21/2020 07:03:27</t>
  </si>
  <si>
    <t>01/21/2020 06:58:37</t>
  </si>
  <si>
    <t>af9f55b9-6c4f-4705-ae25-276699233efd.tmp</t>
  </si>
  <si>
    <t>\\acsfs\profiles$\lucasgpe\Downloads\af9f55b9-6c4f-4705-ae25-276699233efd.tmp</t>
  </si>
  <si>
    <t>01/21/2020 07:00:06</t>
  </si>
  <si>
    <t>c0577ebc-4f2b-4434-8e7f-4f279e98ddff.tmp</t>
  </si>
  <si>
    <t>\\acsfs\profiles$\lucasgpe\Downloads\c0577ebc-4f2b-4434-8e7f-4f279e98ddff.tmp</t>
  </si>
  <si>
    <t>01/21/2020 07:02:36</t>
  </si>
  <si>
    <t>01/21/2020 07:04:27</t>
  </si>
  <si>
    <t>ccc90c3d-cb92-4cc7-9059-47b18172c663.tmp</t>
  </si>
  <si>
    <t>\\acsfs\profiles$\anafsb\Downloads\ccc90c3d-cb92-4cc7-9059-47b18172c663.tmp</t>
  </si>
  <si>
    <t>01/21/2020 07:03:40</t>
  </si>
  <si>
    <t>01/21/2020 07:04:48</t>
  </si>
  <si>
    <t>01/21/2020 07:05:27</t>
  </si>
  <si>
    <t>01/21/2020 07:06:28</t>
  </si>
  <si>
    <t>01/20/2020 21:49:03</t>
  </si>
  <si>
    <t>01/21/2020 07:02:02</t>
  </si>
  <si>
    <t>01/21/2020 07:07:27</t>
  </si>
  <si>
    <t>01/21/2020 07:05:23</t>
  </si>
  <si>
    <t>https://udpmailboxap01.acs.com.br:8443/h/search;jsessionid=1mq8g134c5x071cvu1mqtkx02r?si=0&amp;so=0&amp;sc=79621&amp;st=conversation&amp;action=compose</t>
  </si>
  <si>
    <t>01/21/2020 07:05:53</t>
  </si>
  <si>
    <t>01/21/2020 07:03:38</t>
  </si>
  <si>
    <t>95c1bd0f-17f1-47f6-8da3-672826af4247.tmp</t>
  </si>
  <si>
    <t>\\acsfs\profiles$\lorraynevam\Downloads\95c1bd0f-17f1-47f6-8da3-672826af4247.tmp</t>
  </si>
  <si>
    <t>01/21/2020 07:08:28</t>
  </si>
  <si>
    <t>01/21/2020 07:04:05</t>
  </si>
  <si>
    <t>01/21/2020 07:04:06</t>
  </si>
  <si>
    <t>01/21/2020 07:06:04</t>
  </si>
  <si>
    <t>01/21/2020 07:05:07</t>
  </si>
  <si>
    <t>01/21/2020 07:10:28</t>
  </si>
  <si>
    <t>01/21/2020 07:05:10</t>
  </si>
  <si>
    <t>01/21/2020 07:05:11</t>
  </si>
  <si>
    <t>01/21/2020 07:05:12</t>
  </si>
  <si>
    <t>01/21/2020 07:05:13</t>
  </si>
  <si>
    <t>01/21/2020 07:05:14</t>
  </si>
  <si>
    <t>01/21/2020 07:05:15</t>
  </si>
  <si>
    <t>01/21/2020 07:05:16</t>
  </si>
  <si>
    <t>01/21/2020 07:05:17</t>
  </si>
  <si>
    <t>01/21/2020 07:05:18</t>
  </si>
  <si>
    <t>01/21/2020 07:05:19</t>
  </si>
  <si>
    <t>01/21/2020 07:05:20</t>
  </si>
  <si>
    <t>01/21/2020 07:05:21</t>
  </si>
  <si>
    <t>01/21/2020 07:05:22</t>
  </si>
  <si>
    <t>01/21/2020 07:05:24</t>
  </si>
  <si>
    <t>01/21/2020 07:05:25</t>
  </si>
  <si>
    <t>01/21/2020 07:05:26</t>
  </si>
  <si>
    <t>01/21/2020 07:05:28</t>
  </si>
  <si>
    <t>01/21/2020 07:05:29</t>
  </si>
  <si>
    <t>01/21/2020 07:05:30</t>
  </si>
  <si>
    <t>01/21/2020 07:11:27</t>
  </si>
  <si>
    <t>01/21/2020 07:09:26</t>
  </si>
  <si>
    <t>01/21/2020 07:12:27</t>
  </si>
  <si>
    <t>01/21/2020 07:13:27</t>
  </si>
  <si>
    <t>01/21/2020 07:10:03</t>
  </si>
  <si>
    <t>01/21/2020 07:12:04</t>
  </si>
  <si>
    <t>01/21/2020 07:11:38</t>
  </si>
  <si>
    <t>01/21/2020 07:15:28</t>
  </si>
  <si>
    <t>7c4359d0-b916-4122-b140-038514b5ff8c.tmp</t>
  </si>
  <si>
    <t>\\acsfs\profiles$\inarajst\Downloads\7c4359d0-b916-4122-b140-038514b5ff8c.tmp</t>
  </si>
  <si>
    <t>01/21/2020 07:11:44</t>
  </si>
  <si>
    <t>202c1717-98cd-40b9-abff-ca33b44163ed.tmp</t>
  </si>
  <si>
    <t>\\acsfs\profiles$\inarajst\Downloads\202c1717-98cd-40b9-abff-ca33b44163ed.tmp</t>
  </si>
  <si>
    <t>01/21/2020 07:12:02</t>
  </si>
  <si>
    <t>408558d1-9bde-4617-8d00-9353e8a13dfa.tmp</t>
  </si>
  <si>
    <t>\\acsfs\profiles$\inarajst\Downloads\408558d1-9bde-4617-8d00-9353e8a13dfa.tmp</t>
  </si>
  <si>
    <t>01/21/2020 07:12:06</t>
  </si>
  <si>
    <t>abe63e49-e9fd-460f-bc7e-89085e6ecdad.tmp</t>
  </si>
  <si>
    <t>\\acsfs\profiles$\inarajst\Downloads\abe63e49-e9fd-460f-bc7e-89085e6ecdad.tmp</t>
  </si>
  <si>
    <t>01/21/2020 07:13:02</t>
  </si>
  <si>
    <t>7de8a27f-4c84-4789-88b8-da4f5bb267b9.tmp</t>
  </si>
  <si>
    <t>\\acsfs\profiles$\inarajst\Downloads\7de8a27f-4c84-4789-88b8-da4f5bb267b9.tmp</t>
  </si>
  <si>
    <t>01/21/2020 07:14:04</t>
  </si>
  <si>
    <t>e96c4450-4114-450c-8ac8-f3ccf1c017f0.tmp</t>
  </si>
  <si>
    <t>\\acsfs\profiles$\inarajst\Downloads\e96c4450-4114-450c-8ac8-f3ccf1c017f0.tmp</t>
  </si>
  <si>
    <t>01/21/2020 07:10:48</t>
  </si>
  <si>
    <t>01/21/2020 07:12:59</t>
  </si>
  <si>
    <t>01/21/2020 07:16:28</t>
  </si>
  <si>
    <t>01/21/2020 07:13:56</t>
  </si>
  <si>
    <t>01/21/2020 07:17:27</t>
  </si>
  <si>
    <t>449f6a60-3d4b-4285-a91d-47049a3a4f89.tmp</t>
  </si>
  <si>
    <t>\\acsfs\profiles$\lorraynevam\Downloads\449f6a60-3d4b-4285-a91d-47049a3a4f89.tmp</t>
  </si>
  <si>
    <t>01/21/2020 07:18:28</t>
  </si>
  <si>
    <t>01/21/2020 07:17:40</t>
  </si>
  <si>
    <t>2ddad6cc-1cad-49ee-9b9d-62179516cd64.tmp</t>
  </si>
  <si>
    <t>\\acsfs\profiles$\claudiajca\Downloads\2ddad6cc-1cad-49ee-9b9d-62179516cd64.tmp</t>
  </si>
  <si>
    <t>01/21/2020 07:16:03</t>
  </si>
  <si>
    <t>01/21/2020 07:16:48</t>
  </si>
  <si>
    <t>01/21/2020 07:20:28</t>
  </si>
  <si>
    <t>01/21/2020 07:21:27</t>
  </si>
  <si>
    <t>01/21/2020 07:18:27</t>
  </si>
  <si>
    <t>01/21/2020 07:23:27</t>
  </si>
  <si>
    <t>1d624a87-3f44-4f0a-959d-1925359c43f5.tmp</t>
  </si>
  <si>
    <t>\\acsfs\profiles$\claudiajca\Downloads\1d624a87-3f44-4f0a-959d-1925359c43f5.tmp</t>
  </si>
  <si>
    <t>01/21/2020 07:18:03</t>
  </si>
  <si>
    <t>01/21/2020 07:20:20</t>
  </si>
  <si>
    <t>01/21/2020 07:20:21</t>
  </si>
  <si>
    <t>01/21/2020 07:22:03</t>
  </si>
  <si>
    <t>01/21/2020 07:22:37</t>
  </si>
  <si>
    <t>8d773121-e6f1-45db-a672-9248c7902b27.tmp</t>
  </si>
  <si>
    <t>\\acsfs\profiles$\lucasqdss\Downloads\8d773121-e6f1-45db-a672-9248c7902b27.tmp</t>
  </si>
  <si>
    <t>01/21/2020 07:20:41</t>
  </si>
  <si>
    <t>01/21/2020 07:25:27</t>
  </si>
  <si>
    <t>b410b347-5bb3-4fab-85be-5193a028607e.tmp</t>
  </si>
  <si>
    <t>\\acsfs\profiles$\inarajst\Downloads\b410b347-5bb3-4fab-85be-5193a028607e.tmp</t>
  </si>
  <si>
    <t>01/21/2020 07:20:39</t>
  </si>
  <si>
    <t>01/21/2020 07:22:48</t>
  </si>
  <si>
    <t>01/21/2020 07:26:27</t>
  </si>
  <si>
    <t>01/21/2020 07:24:53</t>
  </si>
  <si>
    <t>01/21/2020 07:27:28</t>
  </si>
  <si>
    <t>01/21/2020 07:26:23</t>
  </si>
  <si>
    <t>01/21/2020 07:23:13</t>
  </si>
  <si>
    <t>\\acsfs\profiles$\gustavoab\My Documents\</t>
  </si>
  <si>
    <t>Capturar 1.PNG</t>
  </si>
  <si>
    <t>\\acsfs\profiles$\gustavoab\My Documents\Capturar 1.PNG</t>
  </si>
  <si>
    <t>01/21/2020 07:26:04</t>
  </si>
  <si>
    <t>01/21/2020 07:28:27</t>
  </si>
  <si>
    <t>01/21/2020 07:23:53</t>
  </si>
  <si>
    <t>b052fd0e-aab2-407a-8317-e8e28bb166a7.tmp</t>
  </si>
  <si>
    <t>\\acsfs\profiles$\lucasgpe\Downloads\b052fd0e-aab2-407a-8317-e8e28bb166a7.tmp</t>
  </si>
  <si>
    <t>01/21/2020 07:27:14</t>
  </si>
  <si>
    <t>01/21/2020 07:29:28</t>
  </si>
  <si>
    <t>7f2fd01e-cf58-4a53-9034-aae1c8cb9786.tmp</t>
  </si>
  <si>
    <t>\\acsfs\profiles$\maxmillianosv\Downloads\7f2fd01e-cf58-4a53-9034-aae1c8cb9786.tmp</t>
  </si>
  <si>
    <t>01/21/2020 07:26:29</t>
  </si>
  <si>
    <t>bb9bdd63-decb-4c15-9355-a13feca4537e.tmp</t>
  </si>
  <si>
    <t>\\acsfs\profiles$\anafsb\Downloads\bb9bdd63-decb-4c15-9355-a13feca4537e.tmp</t>
  </si>
  <si>
    <t>01/21/2020 07:25:22</t>
  </si>
  <si>
    <t>d5e87be6-a704-41de-a4a8-a25a541ffb99.tmp</t>
  </si>
  <si>
    <t>\\acsfs\profiles$\dhiulliananads\Downloads\d5e87be6-a704-41de-a4a8-a25a541ffb99.tmp</t>
  </si>
  <si>
    <t>01/21/2020 07:26:01</t>
  </si>
  <si>
    <t>5b589238-8044-4763-bff7-e34990dc628d.tmp</t>
  </si>
  <si>
    <t>\\acsfs\profiles$\dhiulliananads\Downloads\5b589238-8044-4763-bff7-e34990dc628d.tmp</t>
  </si>
  <si>
    <t>01/21/2020 07:27:20</t>
  </si>
  <si>
    <t>01/21/2020 07:30:27</t>
  </si>
  <si>
    <t>e679ebc6-2fd0-4c89-a0d9-9a236e92e06b.tmp</t>
  </si>
  <si>
    <t>\\acsfs\profiles$\inarajst\Downloads\e679ebc6-2fd0-4c89-a0d9-9a236e92e06b.tmp</t>
  </si>
  <si>
    <t>01/21/2020 07:28:37</t>
  </si>
  <si>
    <t>01/21/2020 07:28:48</t>
  </si>
  <si>
    <t>01/21/2020 07:31:27</t>
  </si>
  <si>
    <t>01/21/2020 07:26:54</t>
  </si>
  <si>
    <t>01/21/2020 07:26:59</t>
  </si>
  <si>
    <t>01/21/2020 07:27:17</t>
  </si>
  <si>
    <t>01/21/2020 07:27:50</t>
  </si>
  <si>
    <t>01/21/2020 07:27:54</t>
  </si>
  <si>
    <t>01/21/2020 07:28:46</t>
  </si>
  <si>
    <t>01/21/2020 07:28:49</t>
  </si>
  <si>
    <t>01/21/2020 07:29:04</t>
  </si>
  <si>
    <t>01/21/2020 07:25:54</t>
  </si>
  <si>
    <t>45a42d26-6ea3-40e7-ad39-84588abd04c1.tmp</t>
  </si>
  <si>
    <t>\\acsfs\profiles$\mariajra\Downloads\45a42d26-6ea3-40e7-ad39-84588abd04c1.tmp</t>
  </si>
  <si>
    <t>01/21/2020 07:26:50</t>
  </si>
  <si>
    <t>3c8e5401-925f-4236-b1e5-7d199d78387f.tmp</t>
  </si>
  <si>
    <t>\\acsfs\profiles$\mariajra\Downloads\3c8e5401-925f-4236-b1e5-7d199d78387f.tmp</t>
  </si>
  <si>
    <t>01/21/2020 07:30:02</t>
  </si>
  <si>
    <t>e2bf8411-b8f5-466c-b28b-5c50e1d22e64.tmp</t>
  </si>
  <si>
    <t>\\acsfs\profiles$\mariajra\Downloads\e2bf8411-b8f5-466c-b28b-5c50e1d22e64.tmp</t>
  </si>
  <si>
    <t>01/21/2020 07:30:38</t>
  </si>
  <si>
    <t>0c494b0c-67c5-43ca-a80b-ce1bb0fb18a1.tmp</t>
  </si>
  <si>
    <t>\\acsfs\profiles$\mariajra\Downloads\0c494b0c-67c5-43ca-a80b-ce1bb0fb18a1.tmp</t>
  </si>
  <si>
    <t>01/21/2020 07:29:59</t>
  </si>
  <si>
    <t>01/21/2020 07:30:00</t>
  </si>
  <si>
    <t>lu260804ah2mo.tmp</t>
  </si>
  <si>
    <t>\\acsfs\profiles$\BRUNAAR\Numero\lu260804ah2mo.tmp</t>
  </si>
  <si>
    <t>01/21/2020 07:27:01</t>
  </si>
  <si>
    <t>6296c177-8b68-4207-99e9-a92a532d6d0c.tmp</t>
  </si>
  <si>
    <t>\\acsfs\profiles$\sarahbal\Downloads\6296c177-8b68-4207-99e9-a92a532d6d0c.tmp</t>
  </si>
  <si>
    <t>01/21/2020 07:27:13</t>
  </si>
  <si>
    <t>efcb9688-e85f-4956-bbaf-74fd08dcf04a.tmp</t>
  </si>
  <si>
    <t>\\acsfs\profiles$\sarahbal\Downloads\efcb9688-e85f-4956-bbaf-74fd08dcf04a.tmp</t>
  </si>
  <si>
    <t>01/21/2020 07:27:48</t>
  </si>
  <si>
    <t>80c1cae2-1473-46b8-9a99-f109f273bc2a.tmp</t>
  </si>
  <si>
    <t>\\acsfs\profiles$\sarahbal\Downloads\80c1cae2-1473-46b8-9a99-f109f273bc2a.tmp</t>
  </si>
  <si>
    <t>01/21/2020 07:28:23</t>
  </si>
  <si>
    <t>33ad0dbb-b576-4a85-9ad3-d98132e4dafd.tmp</t>
  </si>
  <si>
    <t>\\acsfs\profiles$\sarahbal\Downloads\33ad0dbb-b576-4a85-9ad3-d98132e4dafd.tmp</t>
  </si>
  <si>
    <t>01/21/2020 07:30:36</t>
  </si>
  <si>
    <t>d64adf84-b176-45c1-a0d6-34dec3431227.tmp</t>
  </si>
  <si>
    <t>\\acsfs\profiles$\sarahbal\Downloads\d64adf84-b176-45c1-a0d6-34dec3431227.tmp</t>
  </si>
  <si>
    <t>01/21/2020 07:26:53</t>
  </si>
  <si>
    <t>01/21/2020 07:32:27</t>
  </si>
  <si>
    <t>01/21/2020 07:27:23</t>
  </si>
  <si>
    <t>01/21/2020 07:27:53</t>
  </si>
  <si>
    <t>01/21/2020 07:27:51</t>
  </si>
  <si>
    <t>01/21/2020 07:30:59</t>
  </si>
  <si>
    <t>01/21/2020 07:28:04</t>
  </si>
  <si>
    <t>01/21/2020 07:33:27</t>
  </si>
  <si>
    <t>01/21/2020 07:32:04</t>
  </si>
  <si>
    <t>01/21/2020 07:28:53</t>
  </si>
  <si>
    <t>01/21/2020 07:34:28</t>
  </si>
  <si>
    <t>799bfe1c-4fe0-40f1-8d4d-d4be17d5fb43.tmp</t>
  </si>
  <si>
    <t>\\acsfs\profiles$\maxmillianosv\Downloads\799bfe1c-4fe0-40f1-8d4d-d4be17d5fb43.tmp</t>
  </si>
  <si>
    <t>01/21/2020 07:28:58</t>
  </si>
  <si>
    <t>1f72e5b4-8893-4894-9e20-2018ca8289e6.tmp</t>
  </si>
  <si>
    <t>\\acsfs\profiles$\maxmillianosv\Downloads\1f72e5b4-8893-4894-9e20-2018ca8289e6.tmp</t>
  </si>
  <si>
    <t>01/21/2020 07:29:05</t>
  </si>
  <si>
    <t>e0c11dfa-222b-41f7-a7f9-2de2bb56bb3a.tmp</t>
  </si>
  <si>
    <t>\\acsfs\profiles$\maxmillianosv\Downloads\e0c11dfa-222b-41f7-a7f9-2de2bb56bb3a.tmp</t>
  </si>
  <si>
    <t>01/21/2020 07:29:30</t>
  </si>
  <si>
    <t>17629d09-b400-44e0-8f0d-e96d8246f728.tmp</t>
  </si>
  <si>
    <t>\\acsfs\profiles$\maxmillianosv\Downloads\17629d09-b400-44e0-8f0d-e96d8246f728.tmp</t>
  </si>
  <si>
    <t>01/21/2020 07:29:48</t>
  </si>
  <si>
    <t>2e3d5b75-25a0-406e-b9f0-c78543073021.tmp</t>
  </si>
  <si>
    <t>\\acsfs\profiles$\maxmillianosv\Downloads\2e3d5b75-25a0-406e-b9f0-c78543073021.tmp</t>
  </si>
  <si>
    <t>01/21/2020 07:34:17</t>
  </si>
  <si>
    <t>01/21/2020 07:35:27</t>
  </si>
  <si>
    <t>01/21/2020 07:29:58</t>
  </si>
  <si>
    <t>\\acsfs\profiles$\danielpdl\Downloads\</t>
  </si>
  <si>
    <t>e4acdecc-eca3-4669-ab8e-ce1e900c5580.tmp</t>
  </si>
  <si>
    <t>\\acsfs\profiles$\danielpdl\Downloads\e4acdecc-eca3-4669-ab8e-ce1e900c5580.tmp</t>
  </si>
  <si>
    <t>01/21/2020 07:32:09</t>
  </si>
  <si>
    <t>d48ebe47-d1b7-4b1b-ae9a-b13edb58cb0d.tmp</t>
  </si>
  <si>
    <t>\\acsfs\profiles$\danielpdl\Downloads\d48ebe47-d1b7-4b1b-ae9a-b13edb58cb0d.tmp</t>
  </si>
  <si>
    <t>01/21/2020 07:32:14</t>
  </si>
  <si>
    <t>fdcfca81-d658-4d6c-b864-6fe4b87d1b29.tmp</t>
  </si>
  <si>
    <t>\\acsfs\profiles$\danielpdl\Downloads\fdcfca81-d658-4d6c-b864-6fe4b87d1b29.tmp</t>
  </si>
  <si>
    <t>01/21/2020 07:32:19</t>
  </si>
  <si>
    <t>eab4cc27-863a-4b80-8539-efd707cc1a8b.tmp</t>
  </si>
  <si>
    <t>\\acsfs\profiles$\danielpdl\Downloads\eab4cc27-863a-4b80-8539-efd707cc1a8b.tmp</t>
  </si>
  <si>
    <t>01/21/2020 07:32:25</t>
  </si>
  <si>
    <t>e763faa8-7762-4c6b-a24f-bb4bc4b52848.tmp</t>
  </si>
  <si>
    <t>\\acsfs\profiles$\danielpdl\Downloads\e763faa8-7762-4c6b-a24f-bb4bc4b52848.tmp</t>
  </si>
  <si>
    <t>01/21/2020 07:34:48</t>
  </si>
  <si>
    <t>01/21/2020 07:33:39</t>
  </si>
  <si>
    <t>01/21/2020 07:36:28</t>
  </si>
  <si>
    <t>01/21/2020 07:30:54</t>
  </si>
  <si>
    <t>01/21/2020 07:33:04</t>
  </si>
  <si>
    <t>01/21/2020 07:33:13</t>
  </si>
  <si>
    <t>01/21/2020 07:33:21</t>
  </si>
  <si>
    <t>01/21/2020 07:33:24</t>
  </si>
  <si>
    <t>01/21/2020 07:33:42</t>
  </si>
  <si>
    <t>01/21/2020 07:33:48</t>
  </si>
  <si>
    <t>01/21/2020 07:34:10</t>
  </si>
  <si>
    <t>01/21/2020 07:34:13</t>
  </si>
  <si>
    <t>01/21/2020 07:34:14</t>
  </si>
  <si>
    <t>01/21/2020 07:31:45</t>
  </si>
  <si>
    <t>c3c21101-1585-4c64-a2ec-02a3d21a002d.tmp</t>
  </si>
  <si>
    <t>\\acsfs\profiles$\mariajra\Downloads\c3c21101-1585-4c64-a2ec-02a3d21a002d.tmp</t>
  </si>
  <si>
    <t>01/21/2020 07:34:22</t>
  </si>
  <si>
    <t>0327a958-f47d-430e-88e8-294b933e8770.tmp</t>
  </si>
  <si>
    <t>\\acsfs\profiles$\mariajra\Downloads\0327a958-f47d-430e-88e8-294b933e8770.tmp</t>
  </si>
  <si>
    <t>01/21/2020 07:36:23</t>
  </si>
  <si>
    <t>01/21/2020 07:37:27</t>
  </si>
  <si>
    <t>01/21/2020 07:33:59</t>
  </si>
  <si>
    <t>01/21/2020 07:34:00</t>
  </si>
  <si>
    <t>01/21/2020 07:34:01</t>
  </si>
  <si>
    <t>01/21/2020 07:34:02</t>
  </si>
  <si>
    <t>01/21/2020 07:34:03</t>
  </si>
  <si>
    <t>01/21/2020 07:34:04</t>
  </si>
  <si>
    <t>01/21/2020 07:34:05</t>
  </si>
  <si>
    <t>01/21/2020 07:34:06</t>
  </si>
  <si>
    <t>01/21/2020 07:34:07</t>
  </si>
  <si>
    <t>01/21/2020 07:38:28</t>
  </si>
  <si>
    <t>01/21/2020 07:34:08</t>
  </si>
  <si>
    <t>01/21/2020 07:34:09</t>
  </si>
  <si>
    <t>01/21/2020 07:34:11</t>
  </si>
  <si>
    <t>01/21/2020 07:34:12</t>
  </si>
  <si>
    <t>01/21/2020 07:34:15</t>
  </si>
  <si>
    <t>01/21/2020 07:34:16</t>
  </si>
  <si>
    <t>01/21/2020 07:34:18</t>
  </si>
  <si>
    <t>01/21/2020 07:34:19</t>
  </si>
  <si>
    <t>01/21/2020 07:34:20</t>
  </si>
  <si>
    <t>01/21/2020 07:34:21</t>
  </si>
  <si>
    <t>01/21/2020 07:37:56</t>
  </si>
  <si>
    <t>01/21/2020 07:35:09</t>
  </si>
  <si>
    <t>cf1ec55f-7fcc-4fef-9cc1-87dd23dedc0f.tmp</t>
  </si>
  <si>
    <t>\\acsfs\profiles$\lucasgpe\Downloads\cf1ec55f-7fcc-4fef-9cc1-87dd23dedc0f.tmp</t>
  </si>
  <si>
    <t>01/21/2020 07:38:24</t>
  </si>
  <si>
    <t>01/21/2020 07:39:27</t>
  </si>
  <si>
    <t>817df234-87cf-41f0-903d-d158fc4db319.tmp</t>
  </si>
  <si>
    <t>\\acsfs\profiles$\websondsa\Downloads\817df234-87cf-41f0-903d-d158fc4db319.tmp</t>
  </si>
  <si>
    <t>01/21/2020 07:38:27</t>
  </si>
  <si>
    <t>1a0b5b81-f93b-4f69-9d38-a765bc260c25.tmp</t>
  </si>
  <si>
    <t>\\acsfs\profiles$\websondsa\Downloads\1a0b5b81-f93b-4f69-9d38-a765bc260c25.tmp</t>
  </si>
  <si>
    <t>768a4a87-112c-46c5-9e19-e6d4f5e8919f.tmp</t>
  </si>
  <si>
    <t>\\acsfs\profiles$\websondsa\Downloads\768a4a87-112c-46c5-9e19-e6d4f5e8919f.tmp</t>
  </si>
  <si>
    <t>c1d590f7-81a4-4dfc-82a5-4403cf17b930.tmp</t>
  </si>
  <si>
    <t>\\acsfs\profiles$\websondsa\Downloads\c1d590f7-81a4-4dfc-82a5-4403cf17b930.tmp</t>
  </si>
  <si>
    <t>75565fb7-6a62-46dd-8f95-f45e11c90ba7.tmp</t>
  </si>
  <si>
    <t>\\acsfs\profiles$\websondsa\Downloads\75565fb7-6a62-46dd-8f95-f45e11c90ba7.tmp</t>
  </si>
  <si>
    <t>01/21/2020 07:38:20</t>
  </si>
  <si>
    <t>01/21/2020 07:40:27</t>
  </si>
  <si>
    <t>37155719-fbe5-4433-a6ed-b0aec096a6b7.tmp</t>
  </si>
  <si>
    <t>\\acsfs\profiles$\inarajst\Downloads\37155719-fbe5-4433-a6ed-b0aec096a6b7.tmp</t>
  </si>
  <si>
    <t>01/21/2020 07:36:08</t>
  </si>
  <si>
    <t>01/21/2020 07:38:12</t>
  </si>
  <si>
    <t>01/21/2020 07:38:13</t>
  </si>
  <si>
    <t>01/21/2020 07:41:27</t>
  </si>
  <si>
    <t>01/21/2020 07:36:24</t>
  </si>
  <si>
    <t>01/21/2020 07:36:27</t>
  </si>
  <si>
    <t>01/21/2020 07:37:30</t>
  </si>
  <si>
    <t>01/21/2020 07:37:39</t>
  </si>
  <si>
    <t>01/21/2020 07:37:42</t>
  </si>
  <si>
    <t>01/21/2020 07:37:45</t>
  </si>
  <si>
    <t>01/21/2020 07:38:08</t>
  </si>
  <si>
    <t>01/21/2020 07:37:34</t>
  </si>
  <si>
    <t>01/21/2020 07:38:57</t>
  </si>
  <si>
    <t>01/21/2020 07:40:23</t>
  </si>
  <si>
    <t>01/21/2020 07:42:27</t>
  </si>
  <si>
    <t>ddbc94de-8804-4da3-94be-d6615ad1d301.tmp</t>
  </si>
  <si>
    <t>\\acsfs\profiles$\ROZENCAM\Downloads\ddbc94de-8804-4da3-94be-d6615ad1d301.tmp</t>
  </si>
  <si>
    <t>01/21/2020 07:37:23</t>
  </si>
  <si>
    <t>01/21/2020 07:38:53</t>
  </si>
  <si>
    <t>01/21/2020 07:39:23</t>
  </si>
  <si>
    <t>01/21/2020 07:39:53</t>
  </si>
  <si>
    <t>01/21/2020 07:38:22</t>
  </si>
  <si>
    <t>f6d82c11-ff0a-425a-af12-32499ae18b13.tmp</t>
  </si>
  <si>
    <t>\\acsfs\profiles$\vivianalds\Downloads\f6d82c11-ff0a-425a-af12-32499ae18b13.tmp</t>
  </si>
  <si>
    <t>01/21/2020 07:38:45</t>
  </si>
  <si>
    <t>611862ff-e27d-4324-88d0-bf6e17df6bdf.tmp</t>
  </si>
  <si>
    <t>\\acsfs\profiles$\vivianalds\Downloads\611862ff-e27d-4324-88d0-bf6e17df6bdf.tmp</t>
  </si>
  <si>
    <t>01/21/2020 07:40:29</t>
  </si>
  <si>
    <t>f6a0f7f9-02ad-476b-a29b-0933d1faec9f.tmp</t>
  </si>
  <si>
    <t>\\acsfs\profiles$\vivianalds\Downloads\f6a0f7f9-02ad-476b-a29b-0933d1faec9f.tmp</t>
  </si>
  <si>
    <t>01/21/2020 07:38:04</t>
  </si>
  <si>
    <t>01/21/2020 07:43:27</t>
  </si>
  <si>
    <t>01/21/2020 07:39:57</t>
  </si>
  <si>
    <t>01/21/2020 07:44:27</t>
  </si>
  <si>
    <t>cd0eb090-a581-4a5c-85c4-e790f5c56ec5.tmp</t>
  </si>
  <si>
    <t>\\acsfs\profiles$\websondsa\Downloads\cd0eb090-a581-4a5c-85c4-e790f5c56ec5.tmp</t>
  </si>
  <si>
    <t>01/21/2020 07:40:13</t>
  </si>
  <si>
    <t>92dd55de-026f-4c8a-bf62-65c1d9c7db31.tmp</t>
  </si>
  <si>
    <t>\\acsfs\profiles$\websondsa\Downloads\92dd55de-026f-4c8a-bf62-65c1d9c7db31.tmp</t>
  </si>
  <si>
    <t>01/21/2020 07:40:16</t>
  </si>
  <si>
    <t>01/21/2020 07:42:49</t>
  </si>
  <si>
    <t>01/21/2020 07:45:27</t>
  </si>
  <si>
    <t>b10b98db-f923-4e6b-b298-ed7bd5ab2447.tmp</t>
  </si>
  <si>
    <t>\\acsfs\profiles$\inarajst\Downloads\b10b98db-f923-4e6b-b298-ed7bd5ab2447.tmp</t>
  </si>
  <si>
    <t>01/21/2020 07:40:48</t>
  </si>
  <si>
    <t>01/21/2020 07:46:27</t>
  </si>
  <si>
    <t>01/21/2020 07:42:31</t>
  </si>
  <si>
    <t>01/21/2020 07:42:32</t>
  </si>
  <si>
    <t>01/21/2020 07:42:33</t>
  </si>
  <si>
    <t>01/21/2020 07:42:34</t>
  </si>
  <si>
    <t>01/21/2020 07:42:35</t>
  </si>
  <si>
    <t>01/21/2020 07:42:36</t>
  </si>
  <si>
    <t>01/21/2020 07:42:37</t>
  </si>
  <si>
    <t>01/21/2020 07:42:38</t>
  </si>
  <si>
    <t>01/21/2020 07:42:39</t>
  </si>
  <si>
    <t>01/21/2020 07:42:40</t>
  </si>
  <si>
    <t>01/21/2020 07:42:41</t>
  </si>
  <si>
    <t>01/21/2020 07:42:42</t>
  </si>
  <si>
    <t>01/21/2020 07:42:43</t>
  </si>
  <si>
    <t>01/21/2020 07:42:44</t>
  </si>
  <si>
    <t>01/21/2020 07:42:45</t>
  </si>
  <si>
    <t>01/21/2020 07:42:46</t>
  </si>
  <si>
    <t>01/21/2020 07:42:47</t>
  </si>
  <si>
    <t>01/21/2020 07:42:48</t>
  </si>
  <si>
    <t>01/21/2020 07:42:50</t>
  </si>
  <si>
    <t>01/21/2020 07:42:51</t>
  </si>
  <si>
    <t>01/21/2020 07:42:52</t>
  </si>
  <si>
    <t>01/21/2020 07:42:53</t>
  </si>
  <si>
    <t>01/21/2020 07:43:53</t>
  </si>
  <si>
    <t>01/21/2020 07:47:27</t>
  </si>
  <si>
    <t>01/21/2020 07:44:23</t>
  </si>
  <si>
    <t>01/21/2020 07:44:53</t>
  </si>
  <si>
    <t>01/21/2020 07:48:27</t>
  </si>
  <si>
    <t>01/21/2020 07:43:04</t>
  </si>
  <si>
    <t>01/21/2020 07:44:04</t>
  </si>
  <si>
    <t>01/21/2020 07:48:51</t>
  </si>
  <si>
    <t>01/21/2020 07:49:27</t>
  </si>
  <si>
    <t>08b0eba8-72f7-42cc-a8bd-9cbb5df09c5e.tmp</t>
  </si>
  <si>
    <t>\\acsfs\profiles$\websondsa\Downloads\08b0eba8-72f7-42cc-a8bd-9cbb5df09c5e.tmp</t>
  </si>
  <si>
    <t>01/21/2020 07:48:44</t>
  </si>
  <si>
    <t>8cb15fc0-2245-43e4-8360-369906c955b5.tmp</t>
  </si>
  <si>
    <t>\\acsfs\profiles$\geovannasm\Downloads\8cb15fc0-2245-43e4-8360-369906c955b5.tmp</t>
  </si>
  <si>
    <t>01/21/2020 07:48:53</t>
  </si>
  <si>
    <t>770ecdf5-bba2-4c3f-830d-2dfc3c874bd6.tmp</t>
  </si>
  <si>
    <t>\\acsfs\profiles$\geovannasm\Downloads\770ecdf5-bba2-4c3f-830d-2dfc3c874bd6.tmp</t>
  </si>
  <si>
    <t>01/21/2020 07:45:43</t>
  </si>
  <si>
    <t>01/21/2020 07:50:28</t>
  </si>
  <si>
    <t>01/21/2020 07:46:48</t>
  </si>
  <si>
    <t>01/21/2020 07:51:27</t>
  </si>
  <si>
    <t>01/21/2020 07:48:23</t>
  </si>
  <si>
    <t>01/21/2020 07:52:28</t>
  </si>
  <si>
    <t>01/21/2020 07:49:23</t>
  </si>
  <si>
    <t>01/21/2020 07:49:53</t>
  </si>
  <si>
    <t>01/21/2020 07:51:23</t>
  </si>
  <si>
    <t>01/21/2020 07:49:04</t>
  </si>
  <si>
    <t>01/21/2020 07:53:27</t>
  </si>
  <si>
    <t>01/21/2020 07:50:04</t>
  </si>
  <si>
    <t>01/21/2020 07:49:10</t>
  </si>
  <si>
    <t>01/21/2020 07:54:27</t>
  </si>
  <si>
    <t>17801afa-5095-41e9-a305-783dd1d5299d.tmp</t>
  </si>
  <si>
    <t>\\acsfs\profiles$\websondsa\Downloads\17801afa-5095-41e9-a305-783dd1d5299d.tmp</t>
  </si>
  <si>
    <t>36f62982-fc02-42e1-9255-044688f1236b.tmp</t>
  </si>
  <si>
    <t>\\acsfs\profiles$\geovannasm\Downloads\36f62982-fc02-42e1-9255-044688f1236b.tmp</t>
  </si>
  <si>
    <t>01/21/2020 07:49:20</t>
  </si>
  <si>
    <t>4cf8546b-a807-4dc1-9260-619422e92221.tmp</t>
  </si>
  <si>
    <t>\\acsfs\profiles$\geovannasm\Downloads\4cf8546b-a807-4dc1-9260-619422e92221.tmp</t>
  </si>
  <si>
    <t>01/21/2020 07:51:43</t>
  </si>
  <si>
    <t>414a92a6-2c1f-4932-838c-c54a95f7edb0.tmp</t>
  </si>
  <si>
    <t>\\acsfs\profiles$\geovannasm\Downloads\414a92a6-2c1f-4932-838c-c54a95f7edb0.tmp</t>
  </si>
  <si>
    <t>01/21/2020 07:52:33</t>
  </si>
  <si>
    <t>5df97c66-c461-4e49-a6ea-d26e1939d933.tmp</t>
  </si>
  <si>
    <t>\\acsfs\profiles$\geovannasm\Downloads\5df97c66-c461-4e49-a6ea-d26e1939d933.tmp</t>
  </si>
  <si>
    <t>01/21/2020 07:53:02</t>
  </si>
  <si>
    <t>b244e998-9585-46b2-a636-fb919bc8bc5b.tmp</t>
  </si>
  <si>
    <t>\\acsfs\profiles$\geovannasm\Downloads\b244e998-9585-46b2-a636-fb919bc8bc5b.tmp</t>
  </si>
  <si>
    <t>01/21/2020 07:52:48</t>
  </si>
  <si>
    <t>01/21/2020 07:55:27</t>
  </si>
  <si>
    <t>01/21/2020 07:53:19</t>
  </si>
  <si>
    <t>01/21/2020 07:55:19</t>
  </si>
  <si>
    <t>01/21/2020 07:56:27</t>
  </si>
  <si>
    <t>01/21/2020 07:54:24</t>
  </si>
  <si>
    <t>antoniocoj@algartech.com;joaogvc@algartech.com;marianadjc@algartech.com;planejamentodeoperacoesetrafego@bv.com.br;rafaelggs@algartech.com;raphaelmco@algartech.com.br;ricardodfm@algartech.com.br;taysdss@algartech.com;viniciussg@algartech.com;</t>
  </si>
  <si>
    <t>antoniocoj@algartech.com,joaogvc@algartech.com,marianadjc@algartech.com,planejamentodeoperacoesetrafego@bv.com.br,rafaelggs@algartech.com,raphaelmco@algartech.com.br,ricardodfm@algartech.com.br,taysdss@algartech.com,viniciussg@algartech.com</t>
  </si>
  <si>
    <t>01/21/2020 07:54:39</t>
  </si>
  <si>
    <t>01/21/2020 07:54:54</t>
  </si>
  <si>
    <t>01/21/2020 07:55:30</t>
  </si>
  <si>
    <t>01/21/2020 07:55:36</t>
  </si>
  <si>
    <t>01/21/2020 07:55:39</t>
  </si>
  <si>
    <t>01/21/2020 07:53:32</t>
  </si>
  <si>
    <t>acc73303-81bf-4428-879e-45a4bad71401.tmp</t>
  </si>
  <si>
    <t>\\acsfs\profiles$\mariajra\Downloads\acc73303-81bf-4428-879e-45a4bad71401.tmp</t>
  </si>
  <si>
    <t>01/21/2020 07:53:55</t>
  </si>
  <si>
    <t>\\acsfs\profiles$\mariajra\Downloads\$RECYCLE.BIN\</t>
  </si>
  <si>
    <t>$IUX4WT0.pdf</t>
  </si>
  <si>
    <t>\\acsfs\profiles$\mariajra\Downloads\$RECYCLE.BIN\$IUX4WT0.pdf</t>
  </si>
  <si>
    <t>$I077ORW.pdf</t>
  </si>
  <si>
    <t>\\acsfs\profiles$\mariajra\Downloads\$RECYCLE.BIN\$I077ORW.pdf</t>
  </si>
  <si>
    <t>$IFJKA8T.pdf</t>
  </si>
  <si>
    <t>\\acsfs\profiles$\mariajra\Downloads\$RECYCLE.BIN\$IFJKA8T.pdf</t>
  </si>
  <si>
    <t>$IDY1YSD.pdf</t>
  </si>
  <si>
    <t>\\acsfs\profiles$\mariajra\Downloads\$RECYCLE.BIN\$IDY1YSD.pdf</t>
  </si>
  <si>
    <t>01/21/2020 07:53:56</t>
  </si>
  <si>
    <t>$IZFSN1R.pdf</t>
  </si>
  <si>
    <t>\\acsfs\profiles$\mariajra\Downloads\$RECYCLE.BIN\$IZFSN1R.pdf</t>
  </si>
  <si>
    <t>$I7WJNU4.pdf</t>
  </si>
  <si>
    <t>\\acsfs\profiles$\mariajra\Downloads\$RECYCLE.BIN\$I7WJNU4.pdf</t>
  </si>
  <si>
    <t>$IDZQ03P.pdf</t>
  </si>
  <si>
    <t>\\acsfs\profiles$\mariajra\Downloads\$RECYCLE.BIN\$IDZQ03P.pdf</t>
  </si>
  <si>
    <t>6246c722-5e9f-4f57-9269-6a9e4c542981.tmp</t>
  </si>
  <si>
    <t>\\acsfs\profiles$\mariajra\Downloads\6246c722-5e9f-4f57-9269-6a9e4c542981.tmp</t>
  </si>
  <si>
    <t>01/21/2020 07:54:40</t>
  </si>
  <si>
    <t>$I4VFCM3.pdf</t>
  </si>
  <si>
    <t>\\acsfs\profiles$\mariajra\Downloads\$RECYCLE.BIN\$I4VFCM3.pdf</t>
  </si>
  <si>
    <t>01/21/2020 07:54:41</t>
  </si>
  <si>
    <t>$I501N6D.pdf</t>
  </si>
  <si>
    <t>\\acsfs\profiles$\mariajra\Downloads\$RECYCLE.BIN\$I501N6D.pdf</t>
  </si>
  <si>
    <t>$I9XO549.pdf</t>
  </si>
  <si>
    <t>\\acsfs\profiles$\mariajra\Downloads\$RECYCLE.BIN\$I9XO549.pdf</t>
  </si>
  <si>
    <t>$ISZGMJN.pdf</t>
  </si>
  <si>
    <t>\\acsfs\profiles$\mariajra\Downloads\$RECYCLE.BIN\$ISZGMJN.pdf</t>
  </si>
  <si>
    <t>01/21/2020 07:54:42</t>
  </si>
  <si>
    <t>$I4B24X8.pdf</t>
  </si>
  <si>
    <t>\\acsfs\profiles$\mariajra\Downloads\$RECYCLE.BIN\$I4B24X8.pdf</t>
  </si>
  <si>
    <t>$INDR745.xls</t>
  </si>
  <si>
    <t>\\acsfs\profiles$\mariajra\Downloads\$RECYCLE.BIN\$INDR745.xls</t>
  </si>
  <si>
    <t>$I1KPXLE.pdf</t>
  </si>
  <si>
    <t>\\acsfs\profiles$\mariajra\Downloads\$RECYCLE.BIN\$I1KPXLE.pdf</t>
  </si>
  <si>
    <t>01/21/2020 07:52:35</t>
  </si>
  <si>
    <t>lu260804ah2ms.tmp</t>
  </si>
  <si>
    <t>\\acsfs\profiles$\BRUNAAR\Numero\lu260804ah2ms.tmp</t>
  </si>
  <si>
    <t>01/21/2020 07:55:31</t>
  </si>
  <si>
    <t>01/21/2020 07:56:23</t>
  </si>
  <si>
    <t>01/21/2020 07:57:27</t>
  </si>
  <si>
    <t>01/21/2020 07:56:44</t>
  </si>
  <si>
    <t>52fc6bec-4776-4110-8a6e-1fd71a7c3c15.tmp</t>
  </si>
  <si>
    <t>\\acsfs\profiles$\felipetds\Downloads\52fc6bec-4776-4110-8a6e-1fd71a7c3c15.tmp</t>
  </si>
  <si>
    <t>01/21/2020 07:57:10</t>
  </si>
  <si>
    <t>cc3e3102-58fb-4eb5-8e36-cb97139aa339.tmp</t>
  </si>
  <si>
    <t>\\acsfs\profiles$\wenderbnm\Downloads\cc3e3102-58fb-4eb5-8e36-cb97139aa339.tmp</t>
  </si>
  <si>
    <t>01/21/2020 07:57:38</t>
  </si>
  <si>
    <t>01/21/2020 07:58:28</t>
  </si>
  <si>
    <t>01/21/2020 07:55:04</t>
  </si>
  <si>
    <t>01/21/2020 07:56:04</t>
  </si>
  <si>
    <t>01/21/2020 07:58:48</t>
  </si>
  <si>
    <t>01/21/2020 08:00:28</t>
  </si>
  <si>
    <t>01/21/2020 07:56:13</t>
  </si>
  <si>
    <t>b13dc191-d9ba-4894-b47b-aecbee3ec489.tmp</t>
  </si>
  <si>
    <t>\\acsfs\profiles$\nayarasds\Downloads\b13dc191-d9ba-4894-b47b-aecbee3ec489.tmp</t>
  </si>
  <si>
    <t>01/21/2020 07:57:57</t>
  </si>
  <si>
    <t>6a46c866-e6ff-485f-a9bc-787cf90eaaa9.tmp</t>
  </si>
  <si>
    <t>\\acsfs\profiles$\nayarasds\Downloads\6a46c866-e6ff-485f-a9bc-787cf90eaaa9.tmp</t>
  </si>
  <si>
    <t>01/21/2020 07:58:27</t>
  </si>
  <si>
    <t>ec721f6f-1a5d-409e-91a6-b10d1db6d5cb.tmp</t>
  </si>
  <si>
    <t>\\acsfs\profiles$\nayarasds\Downloads\ec721f6f-1a5d-409e-91a6-b10d1db6d5cb.tmp</t>
  </si>
  <si>
    <t>01/21/2020 07:58:54</t>
  </si>
  <si>
    <t>c2b02c5c-da70-4865-9398-97b80836a775.tmp</t>
  </si>
  <si>
    <t>\\acsfs\profiles$\nayarasds\Downloads\c2b02c5c-da70-4865-9398-97b80836a775.tmp</t>
  </si>
  <si>
    <t>01/21/2020 07:59:04</t>
  </si>
  <si>
    <t>21336e22-6451-4397-b152-d9f20a568aa4.tmp</t>
  </si>
  <si>
    <t>\\acsfs\profiles$\nayarasds\Downloads\21336e22-6451-4397-b152-d9f20a568aa4.tmp</t>
  </si>
  <si>
    <t>01/21/2020 07:59:41</t>
  </si>
  <si>
    <t>3183c96f-15b4-4d7c-9834-87daf91933d6.tmp</t>
  </si>
  <si>
    <t>\\acsfs\profiles$\nayarasds\Downloads\3183c96f-15b4-4d7c-9834-87daf91933d6.tmp</t>
  </si>
  <si>
    <t>01/21/2020 08:01:27</t>
  </si>
  <si>
    <t>01/21/2020 07:56:46</t>
  </si>
  <si>
    <t>01/21/2020 08:02:27</t>
  </si>
  <si>
    <t>1f4f3f81-0e17-4fe2-9526-6ac6ca7653a8.tmp</t>
  </si>
  <si>
    <t>\\acsfs\profiles$\ERICALSR\Downloads\1f4f3f81-0e17-4fe2-9526-6ac6ca7653a8.tmp</t>
  </si>
  <si>
    <t>01/21/2020 07:57:55</t>
  </si>
  <si>
    <t>72e0d40b-bd56-4bbc-a06b-78f8ccf396d1.tmp</t>
  </si>
  <si>
    <t>\\acsfs\profiles$\ERICALSR\Downloads\72e0d40b-bd56-4bbc-a06b-78f8ccf396d1.tmp</t>
  </si>
  <si>
    <t>01/21/2020 07:59:53</t>
  </si>
  <si>
    <t>01/21/2020 08:00:23</t>
  </si>
  <si>
    <t>01/21/2020 08:00:53</t>
  </si>
  <si>
    <t>01/21/2020 08:01:23</t>
  </si>
  <si>
    <t>01/21/2020 07:57:48</t>
  </si>
  <si>
    <t>16fbeecc-a59c-4b8b-92f4-d6d3370816ff.tmp</t>
  </si>
  <si>
    <t>\\acsfs\profiles$\felipetds\Downloads\16fbeecc-a59c-4b8b-92f4-d6d3370816ff.tmp</t>
  </si>
  <si>
    <t>01/21/2020 07:58:01</t>
  </si>
  <si>
    <t>ebf39185-33d3-463b-b536-a316180e1714.tmp</t>
  </si>
  <si>
    <t>\\acsfs\profiles$\wenderbnm\Downloads\ebf39185-33d3-463b-b536-a316180e1714.tmp</t>
  </si>
  <si>
    <t>01/21/2020 08:03:27</t>
  </si>
  <si>
    <t>01/21/2020 07:59:34</t>
  </si>
  <si>
    <t>CASO 00822165 - OPERADOR LUCAS QUITONIO DE SOUZA SILVA_1_6782113210006834513_1_32.wav</t>
  </si>
  <si>
    <t>\\acsfs\Deptos\EDUCACAO EMPRESARIAL\KÉSIA\OUVIDORIA, PROCON, BACEN E RECLAME AQUI\CASO 00822165 - OPERADOR LUCAS QUITONIO DE SOUZA SILVA_1_6782113210006834513_1_32.wav</t>
  </si>
  <si>
    <t>01/21/2020 08:00:10</t>
  </si>
  <si>
    <t>CASO 00822165 - OPERADOR PEDRO HENRIQUE ALMEIDA BATISTA_1_6782194745665990349_1_32.wav</t>
  </si>
  <si>
    <t>\\acsfs\Deptos\EDUCACAO EMPRESARIAL\KÉSIA\OUVIDORIA, PROCON, BACEN E RECLAME AQUI\CASO 00822165 - OPERADOR PEDRO HENRIQUE ALMEIDA BATISTA_1_6782194745665990349_1_32.wav</t>
  </si>
  <si>
    <t>01/21/2020 08:01:04</t>
  </si>
  <si>
    <t>01/21/2020 08:02:04</t>
  </si>
  <si>
    <t>01/21/2020 07:58:21</t>
  </si>
  <si>
    <t>6f7693f7-144f-4f53-ba63-eb23979dcf15.tmp</t>
  </si>
  <si>
    <t>\\acsfs\profiles$\luanarda\Downloads\6f7693f7-144f-4f53-ba63-eb23979dcf15.tmp</t>
  </si>
  <si>
    <t>01/21/2020 07:59:52</t>
  </si>
  <si>
    <t>efa55bb4-c9c1-4787-9b47-f46eb1fd993c.tmp</t>
  </si>
  <si>
    <t>\\acsfs\profiles$\luanarda\Downloads\efa55bb4-c9c1-4787-9b47-f46eb1fd993c.tmp</t>
  </si>
  <si>
    <t>01/21/2020 08:01:03</t>
  </si>
  <si>
    <t>01/21/2020 07:59:18</t>
  </si>
  <si>
    <t>6e950d00-114d-41d9-a7b2-cc05a2c1f824.tmp</t>
  </si>
  <si>
    <t>\\acsfs\profiles$\paulovadc\Downloads\6e950d00-114d-41d9-a7b2-cc05a2c1f824.tmp</t>
  </si>
  <si>
    <t>01/21/2020 08:01:52</t>
  </si>
  <si>
    <t>96dc056a-f9fa-4c75-aaea-f9d058a4e97e.tmp</t>
  </si>
  <si>
    <t>\\acsfs\profiles$\paulovadc\Downloads\96dc056a-f9fa-4c75-aaea-f9d058a4e97e.tmp</t>
  </si>
  <si>
    <t>01/21/2020 08:03:16</t>
  </si>
  <si>
    <t>01/21/2020 08:04:27</t>
  </si>
  <si>
    <t>7f4de1a4-3bf9-4052-b5a9-6df9f470793a.tmp</t>
  </si>
  <si>
    <t>\\acsfs\profiles$\RAFAELRF\Downloads\7f4de1a4-3bf9-4052-b5a9-6df9f470793a.tmp</t>
  </si>
  <si>
    <t>01/21/2020 08:04:03</t>
  </si>
  <si>
    <t>09a65953-c199-408a-8b69-b422acd0d5fb.tmp</t>
  </si>
  <si>
    <t>\\acsfs\profiles$\RAFAELRF\Downloads\09a65953-c199-408a-8b69-b422acd0d5fb.tmp</t>
  </si>
  <si>
    <t>01/21/2020 08:00:41</t>
  </si>
  <si>
    <t>01/21/2020 08:05:28</t>
  </si>
  <si>
    <t>c3532ee0-96e2-4be6-a173-c79bff84a663.tmp</t>
  </si>
  <si>
    <t>\\acsfs\profiles$\inarajst\Downloads\c3532ee0-96e2-4be6-a173-c79bff84a663.tmp</t>
  </si>
  <si>
    <t>01/21/2020 08:03:11</t>
  </si>
  <si>
    <t>1e5a6c79-a53e-4665-9688-0e8f84e83af4.tmp</t>
  </si>
  <si>
    <t>\\acsfs\profiles$\inarajst\Downloads\1e5a6c79-a53e-4665-9688-0e8f84e83af4.tmp</t>
  </si>
  <si>
    <t>01/21/2020 08:01:36</t>
  </si>
  <si>
    <t>01/21/2020 08:04:49</t>
  </si>
  <si>
    <t>01/21/2020 08:02:22</t>
  </si>
  <si>
    <t>01/21/2020 08:06:27</t>
  </si>
  <si>
    <t>01/21/2020 08:01:30</t>
  </si>
  <si>
    <t>7c2f096f-f149-4f69-a8d8-9f38e01ecb21.tmp</t>
  </si>
  <si>
    <t>\\acsfs\profiles$\gabrielaff\Downloads\7c2f096f-f149-4f69-a8d8-9f38e01ecb21.tmp</t>
  </si>
  <si>
    <t>01/21/2020 08:02:51</t>
  </si>
  <si>
    <t>983db6cd-5fe5-403a-9aa2-b1c58063a694.tmp</t>
  </si>
  <si>
    <t>\\acsfs\profiles$\gabrielaff\Downloads\983db6cd-5fe5-403a-9aa2-b1c58063a694.tmp</t>
  </si>
  <si>
    <t>01/21/2020 08:02:25</t>
  </si>
  <si>
    <t>01/21/2020 08:07:28</t>
  </si>
  <si>
    <t>03fc58a3-52c9-48aa-bd10-131ec7cdb11d.tmp</t>
  </si>
  <si>
    <t>\\acsfs\profiles$\ANAPDSB\Downloads\03fc58a3-52c9-48aa-bd10-131ec7cdb11d.tmp</t>
  </si>
  <si>
    <t>01/21/2020 08:02:32</t>
  </si>
  <si>
    <t>01/21/2020 08:03:39</t>
  </si>
  <si>
    <t>30e5540f-3b3a-4837-a5a5-4e199cde96e7.tmp</t>
  </si>
  <si>
    <t>\\acsfs\profiles$\ANAPDSB\Downloads\30e5540f-3b3a-4837-a5a5-4e199cde96e7.tmp</t>
  </si>
  <si>
    <t>01/21/2020 08:03:23</t>
  </si>
  <si>
    <t>01/21/2020 08:03:53</t>
  </si>
  <si>
    <t>01/21/2020 08:04:23</t>
  </si>
  <si>
    <t>01/21/2020 08:04:53</t>
  </si>
  <si>
    <t>01/21/2020 08:05:23</t>
  </si>
  <si>
    <t>01/21/2020 08:06:23</t>
  </si>
  <si>
    <t>01/21/2020 08:08:27</t>
  </si>
  <si>
    <t>01/21/2020 08:03:50</t>
  </si>
  <si>
    <t>01/21/2020 08:07:45</t>
  </si>
  <si>
    <t>01/21/2020 08:09:27</t>
  </si>
  <si>
    <t>7618f696-25f2-4578-a135-e4d9fa3e81ad.tmp</t>
  </si>
  <si>
    <t>\\acsfs\profiles$\milenaas\Downloads\7618f696-25f2-4578-a135-e4d9fa3e81ad.tmp</t>
  </si>
  <si>
    <t>01/21/2020 08:09:03</t>
  </si>
  <si>
    <t>b4a5985a-18d9-4786-8747-56fdbe47efb2.tmp</t>
  </si>
  <si>
    <t>\\acsfs\profiles$\milenaas\Downloads\b4a5985a-18d9-4786-8747-56fdbe47efb2.tmp</t>
  </si>
  <si>
    <t>01/21/2020 08:09:47</t>
  </si>
  <si>
    <t>01/21/2020 08:10:27</t>
  </si>
  <si>
    <t>01/21/2020 08:11:28</t>
  </si>
  <si>
    <t>01/21/2020 08:12:27</t>
  </si>
  <si>
    <t>01/21/2020 08:06:53</t>
  </si>
  <si>
    <t>01/21/2020 08:07:23</t>
  </si>
  <si>
    <t>01/21/2020 08:09:23</t>
  </si>
  <si>
    <t>01/21/2020 08:09:53</t>
  </si>
  <si>
    <t>01/21/2020 08:13:28</t>
  </si>
  <si>
    <t>01/21/2020 08:08:04</t>
  </si>
  <si>
    <t>01/21/2020 08:09:04</t>
  </si>
  <si>
    <t>01/21/2020 08:14:27</t>
  </si>
  <si>
    <t>7eae16f7-3602-4ac7-b7a8-8910898ce74f.tmp</t>
  </si>
  <si>
    <t>\\acsfs\profiles$\milenaas\Downloads\7eae16f7-3602-4ac7-b7a8-8910898ce74f.tmp</t>
  </si>
  <si>
    <t>7416640a-b75b-4f38-8ca5-83b12c921ff6.tmp</t>
  </si>
  <si>
    <t>\\acsfs\profiles$\milenaas\Downloads\7416640a-b75b-4f38-8ca5-83b12c921ff6.tmp</t>
  </si>
  <si>
    <t>01/21/2020 08:10:48</t>
  </si>
  <si>
    <t>01/21/2020 08:15:28</t>
  </si>
  <si>
    <t>01/21/2020 08:15:09</t>
  </si>
  <si>
    <t>01/21/2020 08:13:26</t>
  </si>
  <si>
    <t>01/21/2020 08:16:27</t>
  </si>
  <si>
    <t>05baefe9-a026-433c-8f06-a1777a722e14.tmp</t>
  </si>
  <si>
    <t>\\acsfs\profiles$\DALVADFB\Downloads\05baefe9-a026-433c-8f06-a1777a722e14.tmp</t>
  </si>
  <si>
    <t>01/21/2020 08:15:31</t>
  </si>
  <si>
    <t>f913f1a5-edad-4eb5-a226-3d136be1c9ef.tmp</t>
  </si>
  <si>
    <t>\\acsfs\profiles$\DALVADFB\Downloads\f913f1a5-edad-4eb5-a226-3d136be1c9ef.tmp</t>
  </si>
  <si>
    <t>01/21/2020 08:16:10</t>
  </si>
  <si>
    <t>01/21/2020 08:17:27</t>
  </si>
  <si>
    <t>b5e908df-36df-41ec-abdf-7b29c6b89de6.tmp</t>
  </si>
  <si>
    <t>\\acsfs\profiles$\larissaad\Downloads\b5e908df-36df-41ec-abdf-7b29c6b89de6.tmp</t>
  </si>
  <si>
    <t>01/21/2020 08:13:23</t>
  </si>
  <si>
    <t>01/21/2020 08:13:53</t>
  </si>
  <si>
    <t>01/21/2020 08:14:23</t>
  </si>
  <si>
    <t>01/21/2020 08:14:53</t>
  </si>
  <si>
    <t>01/21/2020 08:14:38</t>
  </si>
  <si>
    <t>01/21/2020 08:18:28</t>
  </si>
  <si>
    <t>\\acsfs\Deptos\EDUCACAO EMPRESARIAL\KÉSIA\LAUDO - Cópia.docx\</t>
  </si>
  <si>
    <t>\\acsfs\Deptos\EDUCACAO EMPRESARIAL\KÉSIA\LAUDO - Cópia.docx</t>
  </si>
  <si>
    <t>LAUDO - Cópia.docx</t>
  </si>
  <si>
    <t>01/21/2020 08:14:04</t>
  </si>
  <si>
    <t>01/21/2020 08:15:04</t>
  </si>
  <si>
    <t>01/21/2020 08:16:48</t>
  </si>
  <si>
    <t>01/21/2020 08:20:27</t>
  </si>
  <si>
    <t>01/21/2020 08:17:18</t>
  </si>
  <si>
    <t>01/21/2020 08:21:28</t>
  </si>
  <si>
    <t>01/21/2020 08:17:57</t>
  </si>
  <si>
    <t>01/21/2020 08:20:37</t>
  </si>
  <si>
    <t>Rascunho.txt</t>
  </si>
  <si>
    <t>\\acsfs\profiles$\sarahbal\My Documents\Rascunho.txt</t>
  </si>
  <si>
    <t>01/21/2020 08:18:27</t>
  </si>
  <si>
    <t>01/21/2020 08:22:27</t>
  </si>
  <si>
    <t>d3c02999-f15d-41a6-a1fb-5d50883ddf74.tmp</t>
  </si>
  <si>
    <t>\\acsfs\profiles$\larissaad\Downloads\d3c02999-f15d-41a6-a1fb-5d50883ddf74.tmp</t>
  </si>
  <si>
    <t>01/21/2020 08:21:40</t>
  </si>
  <si>
    <t>71dfd5db-e72d-4260-941a-600fbbe98bc6.tmp</t>
  </si>
  <si>
    <t>\\acsfs\profiles$\antoniosva\Downloads\71dfd5db-e72d-4260-941a-600fbbe98bc6.tmp</t>
  </si>
  <si>
    <t>01/21/2020 08:23:27</t>
  </si>
  <si>
    <t>01/21/2020 08:21:37</t>
  </si>
  <si>
    <t>10.200.67.133</t>
  </si>
  <si>
    <t>01/21/2020 08:21:38</t>
  </si>
  <si>
    <t>01/21/2020 08:20:06</t>
  </si>
  <si>
    <t>01/21/2020 08:21:06</t>
  </si>
  <si>
    <t>01/21/2020 08:19:39</t>
  </si>
  <si>
    <t>01/21/2020 08:25:27</t>
  </si>
  <si>
    <t>0698f1c0-f688-4021-bba8-302c7701dbd1.tmp</t>
  </si>
  <si>
    <t>\\acsfs\profiles$\thallitaqna\Downloads\0698f1c0-f688-4021-bba8-302c7701dbd1.tmp</t>
  </si>
  <si>
    <t>01/21/2020 08:19:46</t>
  </si>
  <si>
    <t>Não confirmado 5990.crdownload</t>
  </si>
  <si>
    <t>\\acsfs\profiles$\thallitaqna\Downloads\Não confirmado 5990.crdownload</t>
  </si>
  <si>
    <t>01/21/2020 08:20:38</t>
  </si>
  <si>
    <t>4edd6761-f563-4686-afae-46cb6414a22b.tmp</t>
  </si>
  <si>
    <t>\\acsfs\profiles$\quindaizaagds\Downloads\4edd6761-f563-4686-afae-46cb6414a22b.tmp</t>
  </si>
  <si>
    <t>01/21/2020 08:22:41</t>
  </si>
  <si>
    <t>dee91b58-a504-4f40-ad6c-dbe85e6a6a72.tmp</t>
  </si>
  <si>
    <t>\\acsfs\profiles$\quindaizaagds\Downloads\dee91b58-a504-4f40-ad6c-dbe85e6a6a72.tmp</t>
  </si>
  <si>
    <t>01/21/2020 08:22:48</t>
  </si>
  <si>
    <t>01/21/2020 08:26:28</t>
  </si>
  <si>
    <t>01/21/2020 08:24:36</t>
  </si>
  <si>
    <t>01/21/2020 08:23:23</t>
  </si>
  <si>
    <t>01/21/2020 08:27:27</t>
  </si>
  <si>
    <t>01/21/2020 08:23:53</t>
  </si>
  <si>
    <t>01/21/2020 08:24:23</t>
  </si>
  <si>
    <t>01/21/2020 08:22:02</t>
  </si>
  <si>
    <t>373e6c42-3ff0-4095-a1c8-ce0ec7854993.tmp</t>
  </si>
  <si>
    <t>\\acsfs\profiles$\antoniosva\Downloads\373e6c42-3ff0-4095-a1c8-ce0ec7854993.tmp</t>
  </si>
  <si>
    <t>01/21/2020 08:22:51</t>
  </si>
  <si>
    <t>7fa8a65f-1052-4e31-92f1-0ab197d1e554.tmp</t>
  </si>
  <si>
    <t>\\acsfs\profiles$\antoniosva\Downloads\7fa8a65f-1052-4e31-92f1-0ab197d1e554.tmp</t>
  </si>
  <si>
    <t>01/21/2020 08:24:22</t>
  </si>
  <si>
    <t>acb3f486-3efa-4380-8241-985c936f16e8.tmp</t>
  </si>
  <si>
    <t>\\acsfs\profiles$\antoniosva\Downloads\acb3f486-3efa-4380-8241-985c936f16e8.tmp</t>
  </si>
  <si>
    <t>01/21/2020 08:24:43</t>
  </si>
  <si>
    <t>bdf5b0fb-562e-447e-abd2-eb576a1a3138.tmp</t>
  </si>
  <si>
    <t>\\acsfs\profiles$\antoniosva\Downloads\bdf5b0fb-562e-447e-abd2-eb576a1a3138.tmp</t>
  </si>
  <si>
    <t>01/21/2020 08:25:17</t>
  </si>
  <si>
    <t>5e5bf4b5-1008-4d2b-a80f-b12539809ebd.tmp</t>
  </si>
  <si>
    <t>\\acsfs\profiles$\antoniosva\Downloads\5e5bf4b5-1008-4d2b-a80f-b12539809ebd.tmp</t>
  </si>
  <si>
    <t>01/21/2020 08:25:45</t>
  </si>
  <si>
    <t>2821b82d-b7fd-4773-9e3c-2cfdedb79432.tmp</t>
  </si>
  <si>
    <t>\\acsfs\profiles$\antoniosva\Downloads\2821b82d-b7fd-4773-9e3c-2cfdedb79432.tmp</t>
  </si>
  <si>
    <t>01/21/2020 08:26:47</t>
  </si>
  <si>
    <t>cf5aeed5-ba7a-46a5-bb20-94d07309dcbb.tmp</t>
  </si>
  <si>
    <t>\\acsfs\profiles$\nataliacsl\Downloads\cf5aeed5-ba7a-46a5-bb20-94d07309dcbb.tmp</t>
  </si>
  <si>
    <t>01/21/2020 08:26:49</t>
  </si>
  <si>
    <t>a87481aa-9258-40b0-af34-d18069b72426.tmp</t>
  </si>
  <si>
    <t>\\acsfs\profiles$\nataliacsl\Downloads\a87481aa-9258-40b0-af34-d18069b72426.tmp</t>
  </si>
  <si>
    <t>01/21/2020 08:25:13</t>
  </si>
  <si>
    <t>01/21/2020 08:28:27</t>
  </si>
  <si>
    <t>01/21/2020 08:26:06</t>
  </si>
  <si>
    <t>01/21/2020 08:27:06</t>
  </si>
  <si>
    <t>01/21/2020 08:23:38</t>
  </si>
  <si>
    <t>d38c8e37-68b8-4b71-8313-29ed75c70b97.tmp</t>
  </si>
  <si>
    <t>\\acsfs\profiles$\nathaliarmr\Downloads\d38c8e37-68b8-4b71-8313-29ed75c70b97.tmp</t>
  </si>
  <si>
    <t>23e77aa8-1af7-4b28-b66a-e1ca012f5b4a.tmp</t>
  </si>
  <si>
    <t>\\acsfs\profiles$\nathaliarmr\Downloads\23e77aa8-1af7-4b28-b66a-e1ca012f5b4a.tmp</t>
  </si>
  <si>
    <t>01/21/2020 08:27:17</t>
  </si>
  <si>
    <t>01/21/2020 08:29:27</t>
  </si>
  <si>
    <t>cf1e6c9a-82fc-47d1-9894-1ee9e66652f8.tmp</t>
  </si>
  <si>
    <t>\\acsfs\profiles$\KARENDSR\Downloads\cf1e6c9a-82fc-47d1-9894-1ee9e66652f8.tmp</t>
  </si>
  <si>
    <t>01/21/2020 08:28:05</t>
  </si>
  <si>
    <t>6633628a-bf4c-42a4-bd65-1448b5e67982.tmp</t>
  </si>
  <si>
    <t>\\acsfs\profiles$\KARENDSR\Downloads\6633628a-bf4c-42a4-bd65-1448b5e67982.tmp</t>
  </si>
  <si>
    <t>01/21/2020 08:30:27</t>
  </si>
  <si>
    <t>01/21/2020 08:25:00</t>
  </si>
  <si>
    <t>01/21/2020 08:28:48</t>
  </si>
  <si>
    <t>01/21/2020 08:26:58</t>
  </si>
  <si>
    <t>8505479e-d61b-4a38-8ef0-dc905e345c0d.tmp</t>
  </si>
  <si>
    <t>\\acsfs\profiles$\wedersonbadr\My Documents\My Music\8505479e-d61b-4a38-8ef0-dc905e345c0d.tmp</t>
  </si>
  <si>
    <t>01/21/2020 08:27:08</t>
  </si>
  <si>
    <t>51d84488-9260-4b70-92c0-69a3c917941c.tmp</t>
  </si>
  <si>
    <t>\\acsfs\profiles$\wedersonbadr\My Documents\My Music\51d84488-9260-4b70-92c0-69a3c917941c.tmp</t>
  </si>
  <si>
    <t>01/21/2020 08:27:41</t>
  </si>
  <si>
    <t>7bc7c17c-cc2d-4af8-89cd-2d3c3458eaa2.tmp</t>
  </si>
  <si>
    <t>\\acsfs\profiles$\wedersonbadr\My Documents\My Music\7bc7c17c-cc2d-4af8-89cd-2d3c3458eaa2.tmp</t>
  </si>
  <si>
    <t>01/21/2020 08:27:04</t>
  </si>
  <si>
    <t>01/21/2020 08:31:27</t>
  </si>
  <si>
    <t>47d26e0b-565c-44e4-8149-4c2f54208872.tmp</t>
  </si>
  <si>
    <t>\\acsfs\profiles$\LUCASNS\Downloads\47d26e0b-565c-44e4-8149-4c2f54208872.tmp</t>
  </si>
  <si>
    <t>c8c36183-bfb8-45a4-b92f-1d9754cd1a5c.tmp</t>
  </si>
  <si>
    <t>\\acsfs\profiles$\LUCASNS\Downloads\c8c36183-bfb8-45a4-b92f-1d9754cd1a5c.tmp</t>
  </si>
  <si>
    <t>01/21/2020 08:27:11</t>
  </si>
  <si>
    <t>01/21/2020 08:27:18</t>
  </si>
  <si>
    <t>01/21/2020 08:27:43</t>
  </si>
  <si>
    <t>01/21/2020 08:30:23</t>
  </si>
  <si>
    <t>e05a4b75-f387-448e-a0df-128bed16d803.tmp</t>
  </si>
  <si>
    <t>\\acsfs\profiles$\danielac\Downloads\e05a4b75-f387-448e-a0df-128bed16d803.tmp</t>
  </si>
  <si>
    <t>01/21/2020 08:30:53</t>
  </si>
  <si>
    <t>214eeb19-10ae-4bdf-9882-6715382b0aa2.tmp</t>
  </si>
  <si>
    <t>\\acsfs\profiles$\danielac\Downloads\214eeb19-10ae-4bdf-9882-6715382b0aa2.tmp</t>
  </si>
  <si>
    <t>01/21/2020 08:31:46</t>
  </si>
  <si>
    <t>01/21/2020 08:32:27</t>
  </si>
  <si>
    <t>01/21/2020 08:29:42</t>
  </si>
  <si>
    <t>ec59307d-0d19-4e72-83ac-a1399df21f9b.tmp</t>
  </si>
  <si>
    <t>\\acsfs\profiles$\felipetds\Downloads\ec59307d-0d19-4e72-83ac-a1399df21f9b.tmp</t>
  </si>
  <si>
    <t>01/21/2020 08:30:42</t>
  </si>
  <si>
    <t>a75234f2-d3e0-46bb-a430-9dbfc794a089.tmp</t>
  </si>
  <si>
    <t>\\acsfs\profiles$\lorrainerdl\Downloads\a75234f2-d3e0-46bb-a430-9dbfc794a089.tmp</t>
  </si>
  <si>
    <t>01/21/2020 08:31:03</t>
  </si>
  <si>
    <t>ef723cb9-daa3-42eb-ae2c-94b3f990fe33.tmp</t>
  </si>
  <si>
    <t>\\acsfs\profiles$\lorrainerdl\Downloads\ef723cb9-daa3-42eb-ae2c-94b3f990fe33.tmp</t>
  </si>
  <si>
    <t>01/21/2020 08:31:57</t>
  </si>
  <si>
    <t>080e1bc7-e205-4957-8791-b15280360b2b.tmp</t>
  </si>
  <si>
    <t>\\acsfs\profiles$\lorrainerdl\Downloads\080e1bc7-e205-4957-8791-b15280360b2b.tmp</t>
  </si>
  <si>
    <t>01/21/2020 08:32:06</t>
  </si>
  <si>
    <t>01/21/2020 08:33:27</t>
  </si>
  <si>
    <t>01/21/2020 08:30:40</t>
  </si>
  <si>
    <t>aedd7536-d55e-47a9-a545-97e87cba9972.tmp</t>
  </si>
  <si>
    <t>\\acsfs\profiles$\nathaliarmr\Downloads\aedd7536-d55e-47a9-a545-97e87cba9972.tmp</t>
  </si>
  <si>
    <t>01/21/2020 08:30:49</t>
  </si>
  <si>
    <t>01/21/2020 08:34:27</t>
  </si>
  <si>
    <t>b1e2d39e-4e61-4c61-8922-e4307304495a.tmp</t>
  </si>
  <si>
    <t>\\acsfs\profiles$\KARENDSR\Downloads\b1e2d39e-4e61-4c61-8922-e4307304495a.tmp</t>
  </si>
  <si>
    <t>01/21/2020 08:33:09</t>
  </si>
  <si>
    <t>34af72a6-fd96-4302-a000-b713dc12147b.tmp</t>
  </si>
  <si>
    <t>\\acsfs\profiles$\KARENDSR\Downloads\34af72a6-fd96-4302-a000-b713dc12147b.tmp</t>
  </si>
  <si>
    <t>01/21/2020 08:32:12</t>
  </si>
  <si>
    <t>01/21/2020 08:35:28</t>
  </si>
  <si>
    <t>c6ed6da5-fcd8-4e1c-9cd4-fc6bf6bbd1a0.tmp</t>
  </si>
  <si>
    <t>\\acsfs\profiles$\quindaizaagds\Downloads\c6ed6da5-fcd8-4e1c-9cd4-fc6bf6bbd1a0.tmp</t>
  </si>
  <si>
    <t>01/21/2020 08:32:49</t>
  </si>
  <si>
    <t>01/21/2020 08:34:48</t>
  </si>
  <si>
    <t>01/21/2020 08:33:18</t>
  </si>
  <si>
    <t>01/21/2020 08:30:50</t>
  </si>
  <si>
    <t>01/21/2020 08:36:27</t>
  </si>
  <si>
    <t>\\acsfs\DEPTOS\Operacao\Banco_Votorantim\Supervisao\SUPERS BV CARTÕES\ADILSON\Reneg\Modelo Funil - Consolidado Reneg Oficial.xlsx</t>
  </si>
  <si>
    <t>01/21/2020 08:35:25</t>
  </si>
  <si>
    <t>bdb4de5b-0833-4b9e-9503-3460aaa540b3.tmp</t>
  </si>
  <si>
    <t>\\acsfs\profiles$\andrezacapf\Downloads\bdb4de5b-0833-4b9e-9503-3460aaa540b3.tmp</t>
  </si>
  <si>
    <t>01/21/2020 08:35:31</t>
  </si>
  <si>
    <t>b3714b95-da9f-4f24-90ce-27600b63b5b8.tmp</t>
  </si>
  <si>
    <t>\\acsfs\profiles$\andrezacapf\Downloads\b3714b95-da9f-4f24-90ce-27600b63b5b8.tmp</t>
  </si>
  <si>
    <t>01/21/2020 08:35:32</t>
  </si>
  <si>
    <t>923b9b3f-64d0-4bc9-88fc-ec0a86edb14a.tmp</t>
  </si>
  <si>
    <t>\\acsfs\profiles$\andrezacapf\Downloads\923b9b3f-64d0-4bc9-88fc-ec0a86edb14a.tmp</t>
  </si>
  <si>
    <t>01/21/2020 08:35:34</t>
  </si>
  <si>
    <t>1f71784c-1fca-4551-9d16-1877ebe10713.tmp</t>
  </si>
  <si>
    <t>\\acsfs\profiles$\andrezacapf\Downloads\1f71784c-1fca-4551-9d16-1877ebe10713.tmp</t>
  </si>
  <si>
    <t>01/21/2020 08:35:37</t>
  </si>
  <si>
    <t>c4ccc40d-64cf-47f4-8325-90def14900f0.tmp</t>
  </si>
  <si>
    <t>\\acsfs\profiles$\andrezacapf\Downloads\c4ccc40d-64cf-47f4-8325-90def14900f0.tmp</t>
  </si>
  <si>
    <t>01/21/2020 08:31:47</t>
  </si>
  <si>
    <t>f04c3149-0591-45a0-879c-5b1306507a05.tmp</t>
  </si>
  <si>
    <t>\\acsfs\profiles$\danielac\Downloads\f04c3149-0591-45a0-879c-5b1306507a05.tmp</t>
  </si>
  <si>
    <t>01/21/2020 08:32:53</t>
  </si>
  <si>
    <t>01/21/2020 08:37:27</t>
  </si>
  <si>
    <t>148b2f06-7297-4757-ae8e-c544020afbdd.tmp</t>
  </si>
  <si>
    <t>\\acsfs\profiles$\larissaad\Downloads\148b2f06-7297-4757-ae8e-c544020afbdd.tmp</t>
  </si>
  <si>
    <t>01/21/2020 08:32:13</t>
  </si>
  <si>
    <t>01/21/2020 08:32:55</t>
  </si>
  <si>
    <t>01/21/2020 08:32:58</t>
  </si>
  <si>
    <t>01/21/2020 08:34:01</t>
  </si>
  <si>
    <t>01/21/2020 08:34:53</t>
  </si>
  <si>
    <t>01/21/2020 08:35:23</t>
  </si>
  <si>
    <t>01/21/2020 08:35:53</t>
  </si>
  <si>
    <t>01/21/2020 08:36:23</t>
  </si>
  <si>
    <t>01/21/2020 08:34:13</t>
  </si>
  <si>
    <t>65002abd-cd27-4caf-a970-3902800f0eec.tmp</t>
  </si>
  <si>
    <t>\\acsfs\profiles$\lorrainerdl\Downloads\65002abd-cd27-4caf-a970-3902800f0eec.tmp</t>
  </si>
  <si>
    <t>01/21/2020 08:37:37</t>
  </si>
  <si>
    <t>01/21/2020 08:38:27</t>
  </si>
  <si>
    <t>01/21/2020 08:37:03</t>
  </si>
  <si>
    <t>\\acsfs\Deptos\EDUCACAO EMPRESARIAL\KÉSIA\Ligações 3º ciclo - Janeiro 2020\</t>
  </si>
  <si>
    <t>RAFAELA MARQUES SOUZA VALIM_1_6781046271411035902_1_32.wav</t>
  </si>
  <si>
    <t>\\acsfs\Deptos\EDUCACAO EMPRESARIAL\KÉSIA\Ligações 3º ciclo - Janeiro 2020\RAFAELA MARQUES SOUZA VALIM_1_6781046271411035902_1_32.wav</t>
  </si>
  <si>
    <t>01/21/2020 08:33:06</t>
  </si>
  <si>
    <t>01/21/2020 08:36:42</t>
  </si>
  <si>
    <t>01/21/2020 08:35:22</t>
  </si>
  <si>
    <t>01/21/2020 08:39:27</t>
  </si>
  <si>
    <t>0ec4c6af-fe7b-46df-9377-08bc24fb93dd.tmp</t>
  </si>
  <si>
    <t>\\acsfs\profiles$\KARENDSR\Downloads\0ec4c6af-fe7b-46df-9377-08bc24fb93dd.tmp</t>
  </si>
  <si>
    <t>01/21/2020 08:36:07</t>
  </si>
  <si>
    <t>bd914250-a154-40d7-b8f3-39bcddaaf3e6.tmp</t>
  </si>
  <si>
    <t>\\acsfs\profiles$\KARENDSR\Downloads\bd914250-a154-40d7-b8f3-39bcddaaf3e6.tmp</t>
  </si>
  <si>
    <t>01/21/2020 08:36:38</t>
  </si>
  <si>
    <t>01/21/2020 08:40:27</t>
  </si>
  <si>
    <t>Briga (3).cxu3zdw.partial</t>
  </si>
  <si>
    <t>\\acsfs\profiles$\nathalydds\Downloads\Briga (3).cxu3zdw.partial</t>
  </si>
  <si>
    <t>01/21/2020 08:39:14</t>
  </si>
  <si>
    <t>01/21/2020 08:36:21</t>
  </si>
  <si>
    <t>01/21/2020 08:41:28</t>
  </si>
  <si>
    <t>c6c585a6-d380-403d-b23b-5730df7b91b9.tmp</t>
  </si>
  <si>
    <t>\\acsfs\profiles$\victoriaksr\Downloads\c6c585a6-d380-403d-b23b-5730df7b91b9.tmp</t>
  </si>
  <si>
    <t>01/21/2020 08:37:23</t>
  </si>
  <si>
    <t>658cf783-04fc-4025-a660-d708d414fa26.tmp</t>
  </si>
  <si>
    <t>\\acsfs\profiles$\victoriaksr\Downloads\658cf783-04fc-4025-a660-d708d414fa26.tmp</t>
  </si>
  <si>
    <t>01/21/2020 08:39:02</t>
  </si>
  <si>
    <t>01/21/2020 08:37:10</t>
  </si>
  <si>
    <t>01/21/2020 08:37:14</t>
  </si>
  <si>
    <t>01/21/2020 08:37:21</t>
  </si>
  <si>
    <t>01/21/2020 08:37:28</t>
  </si>
  <si>
    <t>01/21/2020 08:37:32</t>
  </si>
  <si>
    <t>01/21/2020 08:37:43</t>
  </si>
  <si>
    <t>01/21/2020 08:37:46</t>
  </si>
  <si>
    <t>01/21/2020 08:37:51</t>
  </si>
  <si>
    <t>01/21/2020 08:37:57</t>
  </si>
  <si>
    <t>01/21/2020 08:38:03</t>
  </si>
  <si>
    <t>01/21/2020 08:38:17</t>
  </si>
  <si>
    <t>mail.google.com/_/upload?authuser=0&amp;dcp=asu-n&amp;upload_id=AEnB2UpneJsuRRrQ6yUu7EG7NWKegD8RGD8au0mT51_UwlVkQA--w4_r2elkr9BUqk3kbSV-tAiG94ABeNBEznBlriM1gwPSh9YDcOwE5rMaONILIpDCBsE&amp;upload_protocol=resumable</t>
  </si>
  <si>
    <t>01/21/2020 08:39:55</t>
  </si>
  <si>
    <t>01/21/2020 08:39:56</t>
  </si>
  <si>
    <t>lu260804ah2mw.tmp</t>
  </si>
  <si>
    <t>\\acsfs\profiles$\BRUNAAR\Numero\lu260804ah2mw.tmp</t>
  </si>
  <si>
    <t>01/21/2020 08:36:01</t>
  </si>
  <si>
    <t>325324dd-a079-498d-910f-cdf044fbc215.tmp</t>
  </si>
  <si>
    <t>\\acsfs\profiles$\andrezacapf\Downloads\325324dd-a079-498d-910f-cdf044fbc215.tmp</t>
  </si>
  <si>
    <t>01/21/2020 08:36:05</t>
  </si>
  <si>
    <t>ebfb1832-ac45-4ade-aa3b-a196c3cf2676.tmp</t>
  </si>
  <si>
    <t>\\acsfs\profiles$\andrezacapf\Downloads\ebfb1832-ac45-4ade-aa3b-a196c3cf2676.tmp</t>
  </si>
  <si>
    <t>01/21/2020 08:38:35</t>
  </si>
  <si>
    <t>01/21/2020 08:42:27</t>
  </si>
  <si>
    <t>11cf5060-0a69-4a65-b07a-42bc0496071e.tmp</t>
  </si>
  <si>
    <t>\\acsfs\profiles$\larissaad\Downloads\11cf5060-0a69-4a65-b07a-42bc0496071e.tmp</t>
  </si>
  <si>
    <t>01/21/2020 08:36:53</t>
  </si>
  <si>
    <t>01/21/2020 08:40:49</t>
  </si>
  <si>
    <t>e1964d79-e2e6-47a3-8412-9c1007ecfd35.tmp</t>
  </si>
  <si>
    <t>\\acsfs\profiles$\lorraynevam\Downloads\e1964d79-e2e6-47a3-8412-9c1007ecfd35.tmp</t>
  </si>
  <si>
    <t>01/21/2020 08:41:06</t>
  </si>
  <si>
    <t>635045e1-b96e-4282-aa38-f928c57c0eea.tmp</t>
  </si>
  <si>
    <t>\\acsfs\profiles$\lorraynevam\Downloads\635045e1-b96e-4282-aa38-f928c57c0eea.tmp</t>
  </si>
  <si>
    <t>01/21/2020 08:38:43</t>
  </si>
  <si>
    <t>01/21/2020 08:43:27</t>
  </si>
  <si>
    <t>01/21/2020 08:38:59</t>
  </si>
  <si>
    <t>01/21/2020 08:39:20</t>
  </si>
  <si>
    <t>01/21/2020 08:39:37</t>
  </si>
  <si>
    <t>01/21/2020 08:38:06</t>
  </si>
  <si>
    <t>01/21/2020 08:42:06</t>
  </si>
  <si>
    <t>01/21/2020 08:40:15</t>
  </si>
  <si>
    <t>01/21/2020 08:40:35</t>
  </si>
  <si>
    <t>01/21/2020 08:40:38</t>
  </si>
  <si>
    <t>01/21/2020 08:40:50</t>
  </si>
  <si>
    <t>01/21/2020 08:40:58</t>
  </si>
  <si>
    <t>01/21/2020 08:42:03</t>
  </si>
  <si>
    <t>01/21/2020 08:42:09</t>
  </si>
  <si>
    <t>01/21/2020 08:40:48</t>
  </si>
  <si>
    <t>01/21/2020 08:45:27</t>
  </si>
  <si>
    <t>01/21/2020 08:43:56</t>
  </si>
  <si>
    <t>01/21/2020 08:44:05</t>
  </si>
  <si>
    <t>01/21/2020 08:44:06</t>
  </si>
  <si>
    <t>01/21/2020 08:45:25</t>
  </si>
  <si>
    <t>01/21/2020 08:46:27</t>
  </si>
  <si>
    <t>01/21/2020 08:47:04</t>
  </si>
  <si>
    <t>01/21/2020 08:48:27</t>
  </si>
  <si>
    <t>ef38fa0a-ff7b-4c97-b5cb-86512484eff6.tmp</t>
  </si>
  <si>
    <t>\\acsfs\profiles$\criciavdo\Downloads\ef38fa0a-ff7b-4c97-b5cb-86512484eff6.tmp</t>
  </si>
  <si>
    <t>01/21/2020 08:48:06</t>
  </si>
  <si>
    <t>01/21/2020 08:48:18</t>
  </si>
  <si>
    <t>01/21/2020 08:49:28</t>
  </si>
  <si>
    <t>01/21/2020 08:46:28</t>
  </si>
  <si>
    <t>01/21/2020 08:50:27</t>
  </si>
  <si>
    <t>a12b4152-099c-43b7-b27c-c629c4269822.tmp</t>
  </si>
  <si>
    <t>\\acsfs\profiles$\THYAGOSP\Downloads\a12b4152-099c-43b7-b27c-c629c4269822.tmp</t>
  </si>
  <si>
    <t>01/21/2020 08:47:44</t>
  </si>
  <si>
    <t>80eeb383-bc61-410c-802a-fff1b815a137.tmp</t>
  </si>
  <si>
    <t>\\acsfs\profiles$\THYAGOSP\Downloads\80eeb383-bc61-410c-802a-fff1b815a137.tmp</t>
  </si>
  <si>
    <t>01/21/2020 08:46:37</t>
  </si>
  <si>
    <t>bc3532f0-6084-4b6e-a27c-7ef5cbbe2763.tmp</t>
  </si>
  <si>
    <t>\\acsfs\profiles$\yurics\Downloads\bc3532f0-6084-4b6e-a27c-7ef5cbbe2763.tmp</t>
  </si>
  <si>
    <t>01/21/2020 08:46:48</t>
  </si>
  <si>
    <t>01/21/2020 08:51:28</t>
  </si>
  <si>
    <t>01/21/2020 08:49:15</t>
  </si>
  <si>
    <t>01/21/2020 08:48:03</t>
  </si>
  <si>
    <t>joaogvc@algartech.com;marianadjc@algartech.com;marianadjc@algartech.com.br;rafaelggs@algartech.com;taysdss@algartech.com;viniciussg@algartech.com;</t>
  </si>
  <si>
    <t>joaogvc@algartech.com,marianadjc@algartech.com,marianadjc@algartech.com.br,rafaelggs@algartech.com,taysdss@algartech.com,viniciussg@algartech.com</t>
  </si>
  <si>
    <t>01/21/2020 08:48:04</t>
  </si>
  <si>
    <t>01/21/2020 08:47:40</t>
  </si>
  <si>
    <t>68b5ceea-faf2-4eb4-ba4e-b9b311ff8fa1.tmp</t>
  </si>
  <si>
    <t>\\acsfs\profiles$\valeriasda\Downloads\68b5ceea-faf2-4eb4-ba4e-b9b311ff8fa1.tmp</t>
  </si>
  <si>
    <t>01/21/2020 08:48:58</t>
  </si>
  <si>
    <t>9900e837-4ea8-4fca-985e-7f3d5264dd23.tmp</t>
  </si>
  <si>
    <t>\\acsfs\profiles$\valeriasda\Downloads\9900e837-4ea8-4fca-985e-7f3d5264dd23.tmp</t>
  </si>
  <si>
    <t>01/21/2020 08:49:05</t>
  </si>
  <si>
    <t>e095f9aa-187f-452d-83bb-f2dbb381bc45.tmp</t>
  </si>
  <si>
    <t>\\acsfs\profiles$\valeriasda\Downloads\e095f9aa-187f-452d-83bb-f2dbb381bc45.tmp</t>
  </si>
  <si>
    <t>01/21/2020 08:48:50</t>
  </si>
  <si>
    <t>01/21/2020 08:52:27</t>
  </si>
  <si>
    <t>86a376c2-e11d-457a-a499-5b90b4c931e5.tmp</t>
  </si>
  <si>
    <t>\\acsfs\profiles$\lorrainerdl\Downloads\86a376c2-e11d-457a-a499-5b90b4c931e5.tmp</t>
  </si>
  <si>
    <t>01/21/2020 08:51:53</t>
  </si>
  <si>
    <t>657ee41a-f71c-4bc5-8bbc-4ba164d9e2ce.tmp</t>
  </si>
  <si>
    <t>\\acsfs\profiles$\kamilamrc\Downloads\657ee41a-f71c-4bc5-8bbc-4ba164d9e2ce.tmp</t>
  </si>
  <si>
    <t>01/21/2020 08:49:14</t>
  </si>
  <si>
    <t>01/21/2020 08:53:28</t>
  </si>
  <si>
    <t>01/21/2020 08:49:16</t>
  </si>
  <si>
    <t>01/21/2020 08:49:17</t>
  </si>
  <si>
    <t>01/21/2020 08:49:18</t>
  </si>
  <si>
    <t>01/21/2020 08:49:19</t>
  </si>
  <si>
    <t>01/21/2020 08:49:20</t>
  </si>
  <si>
    <t>01/21/2020 08:49:21</t>
  </si>
  <si>
    <t>01/21/2020 08:49:22</t>
  </si>
  <si>
    <t>01/21/2020 08:49:23</t>
  </si>
  <si>
    <t>01/21/2020 08:49:24</t>
  </si>
  <si>
    <t>01/21/2020 08:49:25</t>
  </si>
  <si>
    <t>01/21/2020 08:49:26</t>
  </si>
  <si>
    <t>01/21/2020 08:49:27</t>
  </si>
  <si>
    <t>01/21/2020 08:49:29</t>
  </si>
  <si>
    <t>01/21/2020 08:50:06</t>
  </si>
  <si>
    <t>01/21/2020 08:49:36</t>
  </si>
  <si>
    <t>Erro fatal ANA FLAVIA SOARES BARBOSA 2.PNG</t>
  </si>
  <si>
    <t>\\acsfs\ACS\001 - Qualidade Lilian\PAULO\Pasta Tainara\Erro fatal ANA FLAVIA SOARES BARBOSA 2.PNG</t>
  </si>
  <si>
    <t>01/21/2020 08:51:40</t>
  </si>
  <si>
    <t>01/21/2020 08:55:27</t>
  </si>
  <si>
    <t>Mentira (2).vvaezky.partial</t>
  </si>
  <si>
    <t>\\acsfs\profiles$\nathalydds\Downloads\Mentira (2).vvaezky.partial</t>
  </si>
  <si>
    <t>01/21/2020 08:54:07</t>
  </si>
  <si>
    <t>\\acsfs\profiles$\nathalydds\Downloads\$RECYCLE.BIN\</t>
  </si>
  <si>
    <t>$IA7ML7U.doc</t>
  </si>
  <si>
    <t>\\acsfs\profiles$\nathalydds\Downloads\$RECYCLE.BIN\$IA7ML7U.doc</t>
  </si>
  <si>
    <t>01/21/2020 08:54:08</t>
  </si>
  <si>
    <t>$IAJ6KAY.doc</t>
  </si>
  <si>
    <t>\\acsfs\profiles$\nathalydds\Downloads\$RECYCLE.BIN\$IAJ6KAY.doc</t>
  </si>
  <si>
    <t>01/21/2020 08:54:19</t>
  </si>
  <si>
    <t>$IRG53UG.crdownload</t>
  </si>
  <si>
    <t>\\acsfs\profiles$\nathalydds\Downloads\$RECYCLE.BIN\$IRG53UG.crdownload</t>
  </si>
  <si>
    <t>$IQP5C20.crdownload</t>
  </si>
  <si>
    <t>\\acsfs\profiles$\nathalydds\Downloads\$RECYCLE.BIN\$IQP5C20.crdownload</t>
  </si>
  <si>
    <t>$IQDO83A.crdownload</t>
  </si>
  <si>
    <t>\\acsfs\profiles$\nathalydds\Downloads\$RECYCLE.BIN\$IQDO83A.crdownload</t>
  </si>
  <si>
    <t>$IRVAURN.crdownload</t>
  </si>
  <si>
    <t>\\acsfs\profiles$\nathalydds\Downloads\$RECYCLE.BIN\$IRVAURN.crdownload</t>
  </si>
  <si>
    <t>$I5MCN63.crdownload</t>
  </si>
  <si>
    <t>\\acsfs\profiles$\nathalydds\Downloads\$RECYCLE.BIN\$I5MCN63.crdownload</t>
  </si>
  <si>
    <t>01/21/2020 08:54:20</t>
  </si>
  <si>
    <t>$IXMFSEA.crdownload</t>
  </si>
  <si>
    <t>\\acsfs\profiles$\nathalydds\Downloads\$RECYCLE.BIN\$IXMFSEA.crdownload</t>
  </si>
  <si>
    <t>$IQO39GF.crdownload</t>
  </si>
  <si>
    <t>\\acsfs\profiles$\nathalydds\Downloads\$RECYCLE.BIN\$IQO39GF.crdownload</t>
  </si>
  <si>
    <t>01/21/2020 08:52:48</t>
  </si>
  <si>
    <t>01/21/2020 08:51:27</t>
  </si>
  <si>
    <t>01/21/2020 08:56:27</t>
  </si>
  <si>
    <t>01/21/2020 08:55:01</t>
  </si>
  <si>
    <t>01/21/2020 08:55:08</t>
  </si>
  <si>
    <t>01/21/2020 08:55:26</t>
  </si>
  <si>
    <t>01/21/2020 08:55:30</t>
  </si>
  <si>
    <t>01/21/2020 08:55:34</t>
  </si>
  <si>
    <t>01/21/2020 08:55:49</t>
  </si>
  <si>
    <t>01/21/2020 08:55:46</t>
  </si>
  <si>
    <t>e9ad6fc9-0dd0-4628-9bf7-4e857080c35b.tmp</t>
  </si>
  <si>
    <t>\\acsfs\profiles$\sarahbal\Downloads\e9ad6fc9-0dd0-4628-9bf7-4e857080c35b.tmp</t>
  </si>
  <si>
    <t>01/21/2020 08:57:27</t>
  </si>
  <si>
    <t>01/21/2020 08:53:13</t>
  </si>
  <si>
    <t>c80d9064-7d25-4cd6-8cfd-eb342a388f2d.tmp</t>
  </si>
  <si>
    <t>\\acsfs\profiles$\kamilamrc\Downloads\c80d9064-7d25-4cd6-8cfd-eb342a388f2d.tmp</t>
  </si>
  <si>
    <t>01/21/2020 08:53:40</t>
  </si>
  <si>
    <t>b39ac817-f19b-4161-8c75-738ab9ab104e.tmp</t>
  </si>
  <si>
    <t>\\acsfs\profiles$\kamilamrc\Downloads\b39ac817-f19b-4161-8c75-738ab9ab104e.tmp</t>
  </si>
  <si>
    <t>01/21/2020 08:54:01</t>
  </si>
  <si>
    <t>1fce09b6-5f2a-4f19-8dc7-5b924b5a08da.tmp</t>
  </si>
  <si>
    <t>\\acsfs\profiles$\kamilamrc\Downloads\1fce09b6-5f2a-4f19-8dc7-5b924b5a08da.tmp</t>
  </si>
  <si>
    <t>01/21/2020 08:54:05</t>
  </si>
  <si>
    <t>bea03496-7977-4b2e-a9d8-4272b74b2946.tmp</t>
  </si>
  <si>
    <t>\\acsfs\profiles$\kamilamrc\Downloads\bea03496-7977-4b2e-a9d8-4272b74b2946.tmp</t>
  </si>
  <si>
    <t>01/21/2020 08:54:09</t>
  </si>
  <si>
    <t>a61dc741-33bb-4aae-9de5-7ba553aea445.tmp</t>
  </si>
  <si>
    <t>\\acsfs\profiles$\kamilamrc\Downloads\a61dc741-33bb-4aae-9de5-7ba553aea445.tmp</t>
  </si>
  <si>
    <t>01/21/2020 08:56:15</t>
  </si>
  <si>
    <t>9c287e15-5ebd-4515-9674-c355f056af5f.tmp</t>
  </si>
  <si>
    <t>\\acsfs\profiles$\danielmlds\Downloads\9c287e15-5ebd-4515-9674-c355f056af5f.tmp</t>
  </si>
  <si>
    <t>01/21/2020 08:58:27</t>
  </si>
  <si>
    <t>01/21/2020 08:54:06</t>
  </si>
  <si>
    <t>01/21/2020 08:56:06</t>
  </si>
  <si>
    <t>01/21/2020 08:57:18</t>
  </si>
  <si>
    <t>65436a48-71a4-4505-90ae-6203022c2640.tmp</t>
  </si>
  <si>
    <t>\\acsfs\profiles$\lucasgpe\Downloads\65436a48-71a4-4505-90ae-6203022c2640.tmp</t>
  </si>
  <si>
    <t>01/21/2020 08:56:55</t>
  </si>
  <si>
    <t>01/21/2020 08:59:27</t>
  </si>
  <si>
    <t>01/21/2020 08:55:35</t>
  </si>
  <si>
    <t>d7d27e54-e483-431b-8a96-47c14e2b41e0.tmp</t>
  </si>
  <si>
    <t>\\acsfs\profiles$\isabellegtds\Downloads\d7d27e54-e483-431b-8a96-47c14e2b41e0.tmp</t>
  </si>
  <si>
    <t>01/21/2020 08:57:01</t>
  </si>
  <si>
    <t>4f14a002-fe23-45d4-926a-c1eb6d777f57.tmp</t>
  </si>
  <si>
    <t>\\acsfs\profiles$\isabellegtds\Downloads\4f14a002-fe23-45d4-926a-c1eb6d777f57.tmp</t>
  </si>
  <si>
    <t>01/21/2020 08:58:48</t>
  </si>
  <si>
    <t>01/21/2020 09:00:27</t>
  </si>
  <si>
    <t>01/20/2020 18:24:30</t>
  </si>
  <si>
    <t>01/21/2020 09:01:27</t>
  </si>
  <si>
    <t>01/20/2020 18:24:33</t>
  </si>
  <si>
    <t>01/21/2020 08:56:09</t>
  </si>
  <si>
    <t>01/21/2020 09:00:23</t>
  </si>
  <si>
    <t>RELATORIO DE LOGIN - BV CARTÕES 17-01 - Cópia.xlsm</t>
  </si>
  <si>
    <t>\\acsfs\DEPTOS\Operacao\PCP\5 - Comum\PLANEJAMENTO BV\14 - ACOMPANHAMENTO\1 - REPORT ACOMPANHAMENTO\2020\1 - JANEIRO\CARTÕES\Login Logout Cartões\RELATORIO DE LOGIN - BV CARTÕES 17-01 - Cópia.xlsm</t>
  </si>
  <si>
    <t>01/21/2020 08:57:00</t>
  </si>
  <si>
    <t>925d4c12-9910-4026-958a-a5fd0e3bf7c2.tmp</t>
  </si>
  <si>
    <t>\\acsfs\profiles$\talitafdc\Downloads\925d4c12-9910-4026-958a-a5fd0e3bf7c2.tmp</t>
  </si>
  <si>
    <t>01/21/2020 08:58:25</t>
  </si>
  <si>
    <t>2e343a4d-75f1-4b15-bb6a-04dde9aff44c.tmp</t>
  </si>
  <si>
    <t>\\acsfs\profiles$\talitafdc\Downloads\2e343a4d-75f1-4b15-bb6a-04dde9aff44c.tmp</t>
  </si>
  <si>
    <t>01/21/2020 08:59:36</t>
  </si>
  <si>
    <t>ee3e373d-9a75-4200-97d3-194f54be712e.tmp</t>
  </si>
  <si>
    <t>\\acsfs\profiles$\talitafdc\Downloads\ee3e373d-9a75-4200-97d3-194f54be712e.tmp</t>
  </si>
  <si>
    <t>01/21/2020 09:00:18</t>
  </si>
  <si>
    <t>01/21/2020 09:02:28</t>
  </si>
  <si>
    <t>01/21/2020 09:00:19</t>
  </si>
  <si>
    <t>01/21/2020 08:56:53</t>
  </si>
  <si>
    <t>01/21/2020 08:57:23</t>
  </si>
  <si>
    <t>01/21/2020 09:00:15</t>
  </si>
  <si>
    <t>4ac2d589-ea0a-44c8-adb6-6de248d2168b.tmp</t>
  </si>
  <si>
    <t>\\acsfs\profiles$\gabriellalpr\Downloads\4ac2d589-ea0a-44c8-adb6-6de248d2168b.tmp</t>
  </si>
  <si>
    <t>01/21/2020 09:00:34</t>
  </si>
  <si>
    <t>4ff43e3d-0b5a-4f50-bfd3-dd8e24fa9b85.tmp</t>
  </si>
  <si>
    <t>\\acsfs\profiles$\gabriellalpr\Downloads\4ff43e3d-0b5a-4f50-bfd3-dd8e24fa9b85.tmp</t>
  </si>
  <si>
    <t>01/21/2020 08:58:18</t>
  </si>
  <si>
    <t>7d307fb2-29ba-40fb-937f-0427f336a247.tmp</t>
  </si>
  <si>
    <t>\\acsfs\profiles$\danielmlds\Downloads\7d307fb2-29ba-40fb-937f-0427f336a247.tmp</t>
  </si>
  <si>
    <t>01/21/2020 09:03:27</t>
  </si>
  <si>
    <t>01/21/2020 09:00:56</t>
  </si>
  <si>
    <t>01/21/2020 09:01:11</t>
  </si>
  <si>
    <t>01/21/2020 09:01:12</t>
  </si>
  <si>
    <t>01/21/2020 09:01:19</t>
  </si>
  <si>
    <t>01/21/2020 09:00:06</t>
  </si>
  <si>
    <t>01/21/2020 09:01:35</t>
  </si>
  <si>
    <t>mail.google.com/sync/u/0/i/fd?hl=pt-BR&amp;c=160</t>
  </si>
  <si>
    <t>01/21/2020 09:02:06</t>
  </si>
  <si>
    <t>01/21/2020 09:02:05</t>
  </si>
  <si>
    <t>01/21/2020 09:02:45</t>
  </si>
  <si>
    <t>CASO 00822165 - REF 175693905 - MARCO AURELIO ZANON.pdf</t>
  </si>
  <si>
    <t>\\acsfs\Deptos\EDUCACAO EMPRESARIAL\KÉSIA\OUVIDORIA, PROCON, BACEN E RECLAME AQUI\CASO 00822165 - REF 175693905 - MARCO AURELIO ZANON.pdf</t>
  </si>
  <si>
    <t>01/21/2020 09:02:46</t>
  </si>
  <si>
    <t>01/21/2020 09:04:27</t>
  </si>
  <si>
    <t>01/21/2020 09:00:17</t>
  </si>
  <si>
    <t>D4-AE-52-FC-97-9E</t>
  </si>
  <si>
    <t>VOTORANT-ACB006</t>
  </si>
  <si>
    <t>vanessacas</t>
  </si>
  <si>
    <t>https://parceiro.metlife.com.br/cotadorml/cotacoes/cadcotacao.aspx</t>
  </si>
  <si>
    <t>01/21/2020 09:00:39</t>
  </si>
  <si>
    <t>01/21/2020 09:05:27</t>
  </si>
  <si>
    <t>0e928897-a303-48bc-ada3-55a91b8a957b.tmp</t>
  </si>
  <si>
    <t>\\acsfs\profiles$\yurics\Downloads\0e928897-a303-48bc-ada3-55a91b8a957b.tmp</t>
  </si>
  <si>
    <t>01/21/2020 09:01:39</t>
  </si>
  <si>
    <t>9ab6f57f-487b-4e7e-888b-d346b2843909.tmp</t>
  </si>
  <si>
    <t>\\acsfs\profiles$\yurics\Downloads\9ab6f57f-487b-4e7e-888b-d346b2843909.tmp</t>
  </si>
  <si>
    <t>01/21/2020 09:01:48</t>
  </si>
  <si>
    <t>cafc8400-e155-47c4-89ef-a32eceb265b7.tmp</t>
  </si>
  <si>
    <t>\\acsfs\profiles$\yurics\Downloads\cafc8400-e155-47c4-89ef-a32eceb265b7.tmp</t>
  </si>
  <si>
    <t>01/21/2020 09:01:54</t>
  </si>
  <si>
    <t>01/21/2020 09:04:49</t>
  </si>
  <si>
    <t>01/21/2020 09:04:34</t>
  </si>
  <si>
    <t>01/21/2020 09:06:27</t>
  </si>
  <si>
    <t>10.200.67.11</t>
  </si>
  <si>
    <t>f36618c0-3705-491d-8ed9-f3c9df0fa73d.tmp</t>
  </si>
  <si>
    <t>\\acsfs\profiles$\gabrielsma\Downloads\f36618c0-3705-491d-8ed9-f3c9df0fa73d.tmp</t>
  </si>
  <si>
    <t>01/21/2020 09:04:39</t>
  </si>
  <si>
    <t>01/21/2020 09:02:47</t>
  </si>
  <si>
    <t>01/21/2020 09:02:48</t>
  </si>
  <si>
    <t>01/21/2020 09:02:49</t>
  </si>
  <si>
    <t>01/21/2020 09:02:50</t>
  </si>
  <si>
    <t>01/21/2020 09:02:52</t>
  </si>
  <si>
    <t>01/21/2020 09:02:53</t>
  </si>
  <si>
    <t>01/21/2020 09:02:54</t>
  </si>
  <si>
    <t>01/21/2020 09:02:55</t>
  </si>
  <si>
    <t>01/21/2020 09:02:57</t>
  </si>
  <si>
    <t>01/21/2020 09:03:01</t>
  </si>
  <si>
    <t>01/21/2020 09:03:02</t>
  </si>
  <si>
    <t>01/21/2020 09:03:03</t>
  </si>
  <si>
    <t>01/21/2020 09:03:04</t>
  </si>
  <si>
    <t>01/21/2020 09:03:05</t>
  </si>
  <si>
    <t>01/21/2020 09:03:06</t>
  </si>
  <si>
    <t>01/21/2020 09:03:07</t>
  </si>
  <si>
    <t>01/21/2020 09:03:08</t>
  </si>
  <si>
    <t>01/21/2020 09:03:09</t>
  </si>
  <si>
    <t>01/21/2020 09:03:10</t>
  </si>
  <si>
    <t>01/21/2020 09:03:11</t>
  </si>
  <si>
    <t>01/21/2020 09:03:12</t>
  </si>
  <si>
    <t>01/21/2020 09:03:13</t>
  </si>
  <si>
    <t>01/21/2020 09:03:14</t>
  </si>
  <si>
    <t>01/21/2020 09:03:15</t>
  </si>
  <si>
    <t>01/21/2020 09:03:16</t>
  </si>
  <si>
    <t>01/21/2020 09:03:17</t>
  </si>
  <si>
    <t>01/21/2020 09:03:54</t>
  </si>
  <si>
    <t>70f812e6-0edf-44a5-8188-e2f927d18a0c.tmp</t>
  </si>
  <si>
    <t>\\acsfs\profiles$\gabrielhca\Downloads\70f812e6-0edf-44a5-8188-e2f927d18a0c.tmp</t>
  </si>
  <si>
    <t>01/21/2020 09:04:33</t>
  </si>
  <si>
    <t>7d52e7f8-f96c-4a9d-b0d8-8ff9c6a84db1.tmp</t>
  </si>
  <si>
    <t>\\acsfs\profiles$\gabrielhca\Downloads\7d52e7f8-f96c-4a9d-b0d8-8ff9c6a84db1.tmp</t>
  </si>
  <si>
    <t>01/21/2020 09:05:43</t>
  </si>
  <si>
    <t>96543abc-1eaf-4c2d-aed2-32dfc6f27571.tmp</t>
  </si>
  <si>
    <t>\\acsfs\profiles$\gabrielhca\Downloads\96543abc-1eaf-4c2d-aed2-32dfc6f27571.tmp</t>
  </si>
  <si>
    <t>01/21/2020 09:07:27</t>
  </si>
  <si>
    <t>01/21/2020 09:03:58</t>
  </si>
  <si>
    <t>3e5ff7cd-d5dc-4291-9a0f-0a390fec3af8.tmp</t>
  </si>
  <si>
    <t>\\acsfs\profiles$\larissaad\Downloads\3e5ff7cd-d5dc-4291-9a0f-0a390fec3af8.tmp</t>
  </si>
  <si>
    <t>01/21/2020 09:01:53</t>
  </si>
  <si>
    <t>01/21/2020 09:06:23</t>
  </si>
  <si>
    <t>01/21/2020 09:03:34</t>
  </si>
  <si>
    <t>e12622f2-b2b8-47fe-92a6-9882c1bba28c.tmp</t>
  </si>
  <si>
    <t>\\acsfs\profiles$\gabriellalpr\Downloads\e12622f2-b2b8-47fe-92a6-9882c1bba28c.tmp</t>
  </si>
  <si>
    <t>01/21/2020 09:05:30</t>
  </si>
  <si>
    <t>0c5f2757-6c57-4c04-822e-5366ce90a66a.tmp</t>
  </si>
  <si>
    <t>\\acsfs\profiles$\gabriellalpr\Downloads\0c5f2757-6c57-4c04-822e-5366ce90a66a.tmp</t>
  </si>
  <si>
    <t>01/21/2020 09:04:43</t>
  </si>
  <si>
    <t>7adc4dd9-7df1-4098-882f-272608c00e57.tmp</t>
  </si>
  <si>
    <t>\\acsfs\profiles$\kamilamrc\Downloads\7adc4dd9-7df1-4098-882f-272608c00e57.tmp</t>
  </si>
  <si>
    <t>01/21/2020 09:08:27</t>
  </si>
  <si>
    <t>01/21/2020 09:03:42</t>
  </si>
  <si>
    <t>CASO 00822165 - REF 175722944 - MARCO AURELIO ZANON.pdf</t>
  </si>
  <si>
    <t>\\acsfs\Deptos\EDUCACAO EMPRESARIAL\KÉSIA\OUVIDORIA, PROCON, BACEN E RECLAME AQUI\CASO 00822165 - REF 175722944 - MARCO AURELIO ZANON.pdf</t>
  </si>
  <si>
    <t>01/21/2020 09:03:59</t>
  </si>
  <si>
    <t>01/21/2020 09:06:07</t>
  </si>
  <si>
    <t>01/21/2020 09:04:05</t>
  </si>
  <si>
    <t>01/21/2020 09:08:06</t>
  </si>
  <si>
    <t>01/21/2020 09:05:52</t>
  </si>
  <si>
    <t>01/21/2020 09:05:59</t>
  </si>
  <si>
    <t>01/21/2020 09:09:27</t>
  </si>
  <si>
    <t>01/21/2020 09:06:32</t>
  </si>
  <si>
    <t>01/21/2020 09:06:22</t>
  </si>
  <si>
    <t>01/21/2020 09:10:28</t>
  </si>
  <si>
    <t>10.200.66.153</t>
  </si>
  <si>
    <t>7a3d0d69-ff62-405f-a9b1-4eb9db79169c.tmp</t>
  </si>
  <si>
    <t>\\acsfs\profiles$\mariagsg\Downloads\7a3d0d69-ff62-405f-a9b1-4eb9db79169c.tmp</t>
  </si>
  <si>
    <t>a5b63360-9490-4708-95f8-39597e099bd9.tmp</t>
  </si>
  <si>
    <t>\\acsfs\profiles$\mariagsg\Downloads\a5b63360-9490-4708-95f8-39597e099bd9.tmp</t>
  </si>
  <si>
    <t>Q29udHJvbGxlci5QYXl3YXJlXzEtMg-- (11).ica</t>
  </si>
  <si>
    <t>\\acsfs\profiles$\mariagsg\Downloads\Q29udHJvbGxlci5QYXl3YXJlXzEtMg-- (11).ica</t>
  </si>
  <si>
    <t>01/21/2020 09:07:00</t>
  </si>
  <si>
    <t>01/21/2020 09:06:19</t>
  </si>
  <si>
    <t>f6f445d6-11c7-4fcb-95d3-36de1516c3e5.tmp</t>
  </si>
  <si>
    <t>\\acsfs\profiles$\quindaizaagds\Downloads\f6f445d6-11c7-4fcb-95d3-36de1516c3e5.tmp</t>
  </si>
  <si>
    <t>01/21/2020 09:05:56</t>
  </si>
  <si>
    <t>01/21/2020 09:05:57</t>
  </si>
  <si>
    <t>01/21/2020 09:08:11</t>
  </si>
  <si>
    <t>01/21/2020 09:11:27</t>
  </si>
  <si>
    <t>f31bf6cb-2a35-41c5-b4ec-42214956fe85.tmp</t>
  </si>
  <si>
    <t>\\acsfs\profiles$\esterasg\Downloads\f31bf6cb-2a35-41c5-b4ec-42214956fe85.tmp</t>
  </si>
  <si>
    <t>01/21/2020 09:09:07</t>
  </si>
  <si>
    <t>a81f61a1-f628-43ad-9933-69b2cf2a8fb8.tmp</t>
  </si>
  <si>
    <t>\\acsfs\profiles$\esterasg\Downloads\a81f61a1-f628-43ad-9933-69b2cf2a8fb8.tmp</t>
  </si>
  <si>
    <t>01/21/2020 09:09:37</t>
  </si>
  <si>
    <t>2c49d536-8be7-4ce6-98d5-565a870f5c2a.tmp</t>
  </si>
  <si>
    <t>\\acsfs\profiles$\esterasg\Downloads\2c49d536-8be7-4ce6-98d5-565a870f5c2a.tmp</t>
  </si>
  <si>
    <t>01/21/2020 09:10:09</t>
  </si>
  <si>
    <t>a69e9403-382d-4265-b1f4-053516265b49.tmp</t>
  </si>
  <si>
    <t>\\acsfs\profiles$\esterasg\Downloads\a69e9403-382d-4265-b1f4-053516265b49.tmp</t>
  </si>
  <si>
    <t>01/21/2020 09:10:19</t>
  </si>
  <si>
    <t>98150e7e-7cf6-4297-ab16-4cb077472905.tmp</t>
  </si>
  <si>
    <t>\\acsfs\profiles$\esterasg\Downloads\98150e7e-7cf6-4297-ab16-4cb077472905.tmp</t>
  </si>
  <si>
    <t>01/21/2020 09:08:29</t>
  </si>
  <si>
    <t>01/21/2020 09:08:33</t>
  </si>
  <si>
    <t>01/21/2020 09:08:41</t>
  </si>
  <si>
    <t>01/21/2020 09:08:52</t>
  </si>
  <si>
    <t>01/21/2020 09:09:09</t>
  </si>
  <si>
    <t>01/21/2020 09:09:16</t>
  </si>
  <si>
    <t>01/21/2020 09:09:26</t>
  </si>
  <si>
    <t>01/21/2020 09:09:35</t>
  </si>
  <si>
    <t>01/21/2020 09:09:36</t>
  </si>
  <si>
    <t>01/21/2020 09:09:48</t>
  </si>
  <si>
    <t>01/21/2020 09:09:53</t>
  </si>
  <si>
    <t>01/21/2020 09:10:02</t>
  </si>
  <si>
    <t>RELATORIO DE LOGIN - BV CARTÕES 20-01.xlsm</t>
  </si>
  <si>
    <t>\\acsfs\DEPTOS\Operacao\PCP\5 - Comum\PLANEJAMENTO BV\14 - ACOMPANHAMENTO\1 - REPORT ACOMPANHAMENTO\2020\1 - JANEIRO\CARTÕES\Login Logout Cartões\RELATORIO DE LOGIN - BV CARTÕES 20-01.xlsm</t>
  </si>
  <si>
    <t>01/21/2020 09:06:31</t>
  </si>
  <si>
    <t>2ce22769-197f-4e11-8215-92fe107334a7.tmp</t>
  </si>
  <si>
    <t>\\acsfs\profiles$\gabrielhca\Downloads\2ce22769-197f-4e11-8215-92fe107334a7.tmp</t>
  </si>
  <si>
    <t>01/21/2020 09:09:05</t>
  </si>
  <si>
    <t>c0e07418-d094-4e0e-9559-4ea98154676e.tmp</t>
  </si>
  <si>
    <t>\\acsfs\profiles$\gabrielaff\Downloads\c0e07418-d094-4e0e-9559-4ea98154676e.tmp</t>
  </si>
  <si>
    <t>01/21/2020 09:10:18</t>
  </si>
  <si>
    <t>0875a98e-7865-460c-a5fc-cb848d33d6fe.tmp</t>
  </si>
  <si>
    <t>\\acsfs\profiles$\gabrielaff\Downloads\0875a98e-7865-460c-a5fc-cb848d33d6fe.tmp</t>
  </si>
  <si>
    <t>01/21/2020 09:12:27</t>
  </si>
  <si>
    <t>01/20/2020 16:12:14</t>
  </si>
  <si>
    <t>01/21/2020 09:10:12</t>
  </si>
  <si>
    <t>01/21/2020 09:11:16</t>
  </si>
  <si>
    <t>4c58b83e-37e7-4900-b074-398df0dfe5da.tmp</t>
  </si>
  <si>
    <t>\\acsfs\profiles$\rafaelacdoc\Downloads\4c58b83e-37e7-4900-b074-398df0dfe5da.tmp</t>
  </si>
  <si>
    <t>01/21/2020 09:11:18</t>
  </si>
  <si>
    <t>9e79edac-4be9-40d3-a353-ef021b2d96e0.tmp</t>
  </si>
  <si>
    <t>\\acsfs\profiles$\rafaelacdoc\Downloads\9e79edac-4be9-40d3-a353-ef021b2d96e0.tmp</t>
  </si>
  <si>
    <t>01/21/2020 09:10:53</t>
  </si>
  <si>
    <t>01/21/2020 09:11:23</t>
  </si>
  <si>
    <t>2687ed3c-3c03-460f-9961-de5b95213f63.tmp</t>
  </si>
  <si>
    <t>\\acsfs\profiles$\lorrainerdl\Downloads\2687ed3c-3c03-460f-9961-de5b95213f63.tmp</t>
  </si>
  <si>
    <t>01/21/2020 09:10:23</t>
  </si>
  <si>
    <t>01/21/2020 09:13:28</t>
  </si>
  <si>
    <t>0193023f-b2b9-44ba-afb9-c779bc494244.tmp</t>
  </si>
  <si>
    <t>\\acsfs\profiles$\Flaviojmm\Downloads\0193023f-b2b9-44ba-afb9-c779bc494244.tmp</t>
  </si>
  <si>
    <t>01/21/2020 09:09:55</t>
  </si>
  <si>
    <t>01/21/2020 09:11:56</t>
  </si>
  <si>
    <t>mail.google.com/sync/u/0/i/s?hl=pt-BR&amp;c=1040</t>
  </si>
  <si>
    <t>"mozilla/5.0 (windows nt 6.1) applewebkit/537.36 (khtml;0;0]ot;;1;12;13;137;13700014;13700109;13700167;13700185;13700235;13700451;13700563;13700607;13700883;13700946;13700951;13700982;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42;1579520900840000;1579520901989000;1579521807978;1579524214946;1579529030884;1579546802300;1579564008808;1579579960944;195;2400];28;4;5701393;6.1;621969351;82;84;87;["mozilla/5.0 (windows nt 6.1) applewebkit/537.36 (khtml;[1;[[13701450;[[null;[];[]]];[false;[null;adfn-csyrvwqermfbxam1mkavsrzjlg0rundo9gysmvmlrxxhlhfmqhcw7_ynhcatkqscdyldsiy;andrelpsa@algartech.com;drive.web-frontend_20200108.00_p2;false;false];false</t>
  </si>
  <si>
    <t>"mozilla/5.0 (windows nt 6.1) applewebkit/537.36 (khtml,0,0]ot;,1,12,13,137,13700014,13700109,13700167,13700185,13700235,13700451,13700563,13700607,13700883,13700946,13700951,13700982,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42,1579520900840000,1579520901989000,1579521807978,1579524214946,1579529030884,1579546802300,1579564008808,1579579960944,195,2400],28,4,5701393,6.1,621969351,82,84,87,["mozilla/5.0 (windows nt 6.1) applewebkit/537.36 (khtml,[1,[[13701450,[[null,[],[]]],[false,[null,adfn-csyrvwqermfbxam1mkavsrzjlg0rundo9gysmvmlrxxhlhfmqhcw7_ynhcatkqscdyldsiy,andrelpsa@algartech.com,drive.web-frontend_20200108.00_p2,false,false],false</t>
  </si>
  <si>
    <t>01/21/2020 09:12:12</t>
  </si>
  <si>
    <t>01/21/2020 09:12:19</t>
  </si>
  <si>
    <t>01/21/2020 09:12:41</t>
  </si>
  <si>
    <t>01/21/2020 09:12:50</t>
  </si>
  <si>
    <t>01/21/2020 09:14:27</t>
  </si>
  <si>
    <t>01/21/2020 09:10:21</t>
  </si>
  <si>
    <t>5e6317a4-6ddc-4da3-b511-c57a6453e6d8.tmp</t>
  </si>
  <si>
    <t>\\acsfs\profiles$\geovannasm\Downloads\5e6317a4-6ddc-4da3-b511-c57a6453e6d8.tmp</t>
  </si>
  <si>
    <t>01/21/2020 09:11:49</t>
  </si>
  <si>
    <t>01/21/2020 09:13:47</t>
  </si>
  <si>
    <t>01/21/2020 09:10:59</t>
  </si>
  <si>
    <t>01/21/2020 09:15:28</t>
  </si>
  <si>
    <t>01/21/2020 09:11:00</t>
  </si>
  <si>
    <t>01/21/2020 09:11:43</t>
  </si>
  <si>
    <t>0f1f52bc-b8a8-4c54-b456-afaf5aaa7ca9.tmp</t>
  </si>
  <si>
    <t>\\acsfs\profiles$\danielpdl\Downloads\0f1f52bc-b8a8-4c54-b456-afaf5aaa7ca9.tmp</t>
  </si>
  <si>
    <t>01/21/2020 09:10:49</t>
  </si>
  <si>
    <t>01/21/2020 09:11:14</t>
  </si>
  <si>
    <t>01/21/2020 09:16:27</t>
  </si>
  <si>
    <t>Não confirmado 129686.crdownload</t>
  </si>
  <si>
    <t>\\acsfs\ACS\Gabriel da Silva\Contemporânea\Gen\Não confirmado 129686.crdownload</t>
  </si>
  <si>
    <t>\\acsfs\ACS\Gabriel da Silva\Contemporânea\Gen\Não confirmado 129686.crdownload\</t>
  </si>
  <si>
    <t>Main.csv</t>
  </si>
  <si>
    <t>01/21/2020 09:12:38</t>
  </si>
  <si>
    <t>\\acsfs\ACS\Gabriel da Silva\Contemporânea\Gen\Leticia Teixeira\</t>
  </si>
  <si>
    <t>Não confirmado 993532.crdownload</t>
  </si>
  <si>
    <t>\\acsfs\ACS\Gabriel da Silva\Contemporânea\Gen\Leticia Teixeira\Não confirmado 993532.crdownload</t>
  </si>
  <si>
    <t>\\acsfs\ACS\Gabriel da Silva\Contemporânea\Gen\Leticia Teixeira\Não confirmado 993532.crdownload\</t>
  </si>
  <si>
    <t>01/21/2020 09:13:00</t>
  </si>
  <si>
    <t>Não confirmado 529979.crdownload</t>
  </si>
  <si>
    <t>\\acsfs\ACS\Gabriel da Silva\Contemporânea\Gen\Leticia Teixeira\Não confirmado 529979.crdownload</t>
  </si>
  <si>
    <t>\\acsfs\ACS\Gabriel da Silva\Contemporânea\Gen\Leticia Teixeira\Não confirmado 529979.crdownload\</t>
  </si>
  <si>
    <t>01/21/2020 09:13:57</t>
  </si>
  <si>
    <t>Não confirmado 309706.crdownload</t>
  </si>
  <si>
    <t>\\acsfs\ACS\Gabriel da Silva\Contemporânea\Gen\Leticia Teixeira\Não confirmado 309706.crdownload</t>
  </si>
  <si>
    <t>\\acsfs\ACS\Gabriel da Silva\Contemporânea\Gen\Leticia Teixeira\Não confirmado 309706.crdownload\</t>
  </si>
  <si>
    <t>01/21/2020 09:14:54</t>
  </si>
  <si>
    <t>\\acsfs\ACS\Gabriel da Silva\Contemporânea\Gen\Leticia Teixeira\Main.csv</t>
  </si>
  <si>
    <t>01/21/2020 09:15:04</t>
  </si>
  <si>
    <t>01/21/2020 09:15:05</t>
  </si>
  <si>
    <t>01/21/2020 09:15:06</t>
  </si>
  <si>
    <t>38d6f404-e779-4f0e-9784-d602ba04c742.tmp</t>
  </si>
  <si>
    <t>\\acsfs\profiles$\esterasg\Downloads\38d6f404-e779-4f0e-9784-d602ba04c742.tmp</t>
  </si>
  <si>
    <t>01/21/2020 09:15:37</t>
  </si>
  <si>
    <t>01/21/2020 09:16:02</t>
  </si>
  <si>
    <t>01/21/2020 09:11:26</t>
  </si>
  <si>
    <t>a0a19b82-f7ef-415b-a06e-17ff13e4936a.tmp</t>
  </si>
  <si>
    <t>\\acsfs\profiles$\gabrielaff\Downloads\a0a19b82-f7ef-415b-a06e-17ff13e4936a.tmp</t>
  </si>
  <si>
    <t>01/21/2020 09:11:58</t>
  </si>
  <si>
    <t>01/21/2020 09:17:28</t>
  </si>
  <si>
    <t>01/21/2020 09:12:53</t>
  </si>
  <si>
    <t>01/21/2020 09:13:23</t>
  </si>
  <si>
    <t>01/21/2020 09:13:53</t>
  </si>
  <si>
    <t>01/21/2020 09:14:23</t>
  </si>
  <si>
    <t>01/21/2020 09:15:23</t>
  </si>
  <si>
    <t>01/21/2020 09:12:51</t>
  </si>
  <si>
    <t>01/21/2020 09:18:27</t>
  </si>
  <si>
    <t>8afa4a32-6d9a-4ecf-b4ec-c37868b28b65.tmp</t>
  </si>
  <si>
    <t>\\acsfs\profiles$\Flaviojmm\Downloads\8afa4a32-6d9a-4ecf-b4ec-c37868b28b65.tmp</t>
  </si>
  <si>
    <t>01/21/2020 09:13:32</t>
  </si>
  <si>
    <t>mail.google.com/sync/u/0/i/s?hl=pt-BR&amp;c=1050</t>
  </si>
  <si>
    <t>"mozilla/5.0 (windows nt 6.1) applewebkit/537.36 (khtml;1;100;101;102;103;117;13;13700109;1370056;13700563;13700607;13700883;13701139;13701214;13701298;13701418;13701458;13701577;13701589;13701613;13701625;13701657;13701749;13701825;13701901;13701921;13701949;13701953;13701969;13702064;13702088;1579520900840000;1579520901989000;1579535660799;1579548608462;1579548909491;1579549210510;1579549511540;1579549811594;1579550112593;1579550413615;1579550714646;1579551015673;1579551316701;1579551617721;1579556483146;50;621969351;93;94;95;96;97;98;99;[[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ll;ken=ac4w5vi0ka-sxkbznvlqg8lj5-wvx_fz5a:1579520900837&amp;buildlabel=drive.web-</t>
  </si>
  <si>
    <t>"mozilla/5.0 (windows nt 6.1) applewebkit/537.36 (khtml,1,100,101,102,103,117,13,13700109,1370056,13700563,13700607,13700883,13701139,13701214,13701298,13701418,13701458,13701577,13701589,13701613,13701625,13701657,13701749,13701825,13701901,13701921,13701949,13701953,13701969,13702064,13702088,1579520900840000,1579520901989000,1579535660799,1579548608462,1579548909491,1579549210510,1579549511540,1579549811594,1579550112593,1579550413615,1579550714646,1579551015673,1579551316701,1579551617721,1579556483146,50,621969351,93,94,95,96,97,98,99,[[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ll,ken=ac4w5vi0ka-sxkbznvlqg8lj5-wvx_fz5a:1579520900837&amp;buildlabel=drive.web-</t>
  </si>
  <si>
    <t>01/21/2020 09:13:55</t>
  </si>
  <si>
    <t>"mozilla/5.0 (windows nt 6.1) applewebkit/537.36 (khtml;1;113;124;13;13700109;1370056;13700607;13700883;13701139;13701214;13701298;13701418;13701458;13701577;13701589;13701613;13701625;13701657;13701749;13701825;13701901;13701921;13701949;13701953;13701969;13702064;13702088;1579520900840000;1579520901989000;1579555279040;1579558590331;621969351;[[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3701613;ken=ac4w5vi0ka-sxkbznvlqg8lj5-wvx_fz5a:1579520900837&amp;buildlabel=drive.web-frontend_20200108.00_p2��_x0008_e;kind;l-ckacf_7r3zozh1hhizn88xwetaapoebcpjm5ey2zyse1nt3xmnhcr-rz9s-zdg-5-xx2v8f_tzsvcfibwrle5qaq53vh6r8m19mnq0rhk68ibitnjgrsmrdalihic4l1lxyqga8ovr5etkjjbkmsgw0htomrw0f</t>
  </si>
  <si>
    <t>"mozilla/5.0 (windows nt 6.1) applewebkit/537.36 (khtml,1,113,124,13,13700109,1370056,13700607,13700883,13701139,13701214,13701298,13701418,13701458,13701577,13701589,13701613,13701625,13701657,13701749,13701825,13701901,13701921,13701949,13701953,13701969,13702064,13702088,1579520900840000,1579520901989000,1579555279040,1579558590331,621969351,[[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3701613,ken=ac4w5vi0ka-sxkbznvlqg8lj5-wvx_fz5a:1579520900837&amp;buildlabel=drive.web-frontend_20200108.00_p2��_x0008_e,kind,l-ckacf_7r3zozh1hhizn88xwetaapoebcpjm5ey2zyse1nt3xmnhcr-rz9s-zdg-5-xx2v8f_tzsvcfibwrle5qaq53vh6r8m19mnq0rhk68ibitnjgrsmrdalihic4l1lxyqga8ovr5etkjjbkmsgw0htomrw0f</t>
  </si>
  <si>
    <t>01/21/2020 09:14:06</t>
  </si>
  <si>
    <t>01/21/2020 09:16:52</t>
  </si>
  <si>
    <t>f57602aa-f312-4f67-8b12-7fadacca88f3.tmp</t>
  </si>
  <si>
    <t>\\acsfs\profiles$\paulovadc\Downloads\f57602aa-f312-4f67-8b12-7fadacca88f3.tmp</t>
  </si>
  <si>
    <t>01/21/2020 09:18:21</t>
  </si>
  <si>
    <t>01/21/2020 09:19:28</t>
  </si>
  <si>
    <t>01/21/2020 09:15:44</t>
  </si>
  <si>
    <t>01/21/2020 09:20:28</t>
  </si>
  <si>
    <t>01/21/2020 09:16:49</t>
  </si>
  <si>
    <t>01/21/2020 09:19:18</t>
  </si>
  <si>
    <t>01/21/2020 09:21:27</t>
  </si>
  <si>
    <t>01/21/2020 09:17:33</t>
  </si>
  <si>
    <t>leticiaTeixeira_Login_0111.csv.crdownload</t>
  </si>
  <si>
    <t>\\acsfs\ACS\Gabriel da Silva\Contemporânea\Gen\Leticia Teixeira\leticiaTeixeira_Login_0111.csv.crdownload</t>
  </si>
  <si>
    <t>01/21/2020 09:18:18</t>
  </si>
  <si>
    <t>leticiaTeixeira_Login_0411.csv.crdownload</t>
  </si>
  <si>
    <t>\\acsfs\ACS\Gabriel da Silva\Contemporânea\Gen\Leticia Teixeira\leticiaTeixeira_Login_0411.csv.crdownload</t>
  </si>
  <si>
    <t>01/21/2020 09:18:39</t>
  </si>
  <si>
    <t>leticiaTeixeira_Login_0511.csv.crdownload</t>
  </si>
  <si>
    <t>\\acsfs\ACS\Gabriel da Silva\Contemporânea\Gen\Leticia Teixeira\leticiaTeixeira_Login_0511.csv.crdownload</t>
  </si>
  <si>
    <t>01/21/2020 09:19:01</t>
  </si>
  <si>
    <t>leticiaTeixeira_Login_0611.csv.crdownload</t>
  </si>
  <si>
    <t>\\acsfs\ACS\Gabriel da Silva\Contemporânea\Gen\Leticia Teixeira\leticiaTeixeira_Login_0611.csv.crdownload</t>
  </si>
  <si>
    <t>01/21/2020 09:19:30</t>
  </si>
  <si>
    <t>leticiaTeixeira_Login_0711.csv.crdownload</t>
  </si>
  <si>
    <t>\\acsfs\ACS\Gabriel da Silva\Contemporânea\Gen\Leticia Teixeira\leticiaTeixeira_Login_0711.csv.crdownload</t>
  </si>
  <si>
    <t>01/21/2020 09:19:56</t>
  </si>
  <si>
    <t>leticiaTeixeira_Login_0811.csv.crdownload</t>
  </si>
  <si>
    <t>\\acsfs\ACS\Gabriel da Silva\Contemporânea\Gen\Leticia Teixeira\leticiaTeixeira_Login_0811.csv.crdownload</t>
  </si>
  <si>
    <t>01/21/2020 09:16:19</t>
  </si>
  <si>
    <t>01/21/2020 09:16:24</t>
  </si>
  <si>
    <t>01/21/2020 09:16:25</t>
  </si>
  <si>
    <t>01/21/2020 09:16:30</t>
  </si>
  <si>
    <t>01/21/2020 09:20:54</t>
  </si>
  <si>
    <t>01/21/2020 09:22:28</t>
  </si>
  <si>
    <t>01/21/2020 09:20:01</t>
  </si>
  <si>
    <t>dfbcf217-cd41-4462-9568-3aa73817d154.tmp</t>
  </si>
  <si>
    <t>\\acsfs\profiles$\PEDROHAB\Downloads\dfbcf217-cd41-4462-9568-3aa73817d154.tmp</t>
  </si>
  <si>
    <t>01/21/2020 09:20:07</t>
  </si>
  <si>
    <t>f112894d-9f4c-41f9-844c-806db3908bd7.tmp</t>
  </si>
  <si>
    <t>\\acsfs\profiles$\PEDROHAB\Downloads\f112894d-9f4c-41f9-844c-806db3908bd7.tmp</t>
  </si>
  <si>
    <t>01/21/2020 09:21:19</t>
  </si>
  <si>
    <t>01/21/2020 09:21:29</t>
  </si>
  <si>
    <t>01/21/2020 09:21:55</t>
  </si>
  <si>
    <t>01/21/2020 09:22:10</t>
  </si>
  <si>
    <t>01/21/2020 09:20:06</t>
  </si>
  <si>
    <t>01/21/2020 09:23:27</t>
  </si>
  <si>
    <t>01/21/2020 09:21:08</t>
  </si>
  <si>
    <t>01/21/2020 09:21:35</t>
  </si>
  <si>
    <t>01/21/2020 09:24:27</t>
  </si>
  <si>
    <t>430ef3b1-89ef-4b20-b80e-6062881f260b.tmp</t>
  </si>
  <si>
    <t>\\acsfs\profiles$\adelvinsonle\Downloads\430ef3b1-89ef-4b20-b80e-6062881f260b.tmp</t>
  </si>
  <si>
    <t>01/21/2020 09:21:44</t>
  </si>
  <si>
    <t>01/21/2020 09:23:54</t>
  </si>
  <si>
    <t>28646a25-8187-4cbc-a49b-db0ff4d2ee3f.tmp</t>
  </si>
  <si>
    <t>\\acsfs\profiles$\adelvinsonle\Downloads\28646a25-8187-4cbc-a49b-db0ff4d2ee3f.tmp</t>
  </si>
  <si>
    <t>01/21/2020 09:20:24</t>
  </si>
  <si>
    <t>4d5836b5-264a-4af9-9e95-a045d2792fd3.tmp</t>
  </si>
  <si>
    <t>\\acsfs\profiles$\geovannasm\Downloads\4d5836b5-264a-4af9-9e95-a045d2792fd3.tmp</t>
  </si>
  <si>
    <t>01/21/2020 09:25:27</t>
  </si>
  <si>
    <t>01/21/2020 09:21:42</t>
  </si>
  <si>
    <t>01/21/2020 09:22:49</t>
  </si>
  <si>
    <t>01/21/2020 09:24:22</t>
  </si>
  <si>
    <t>01/21/2020 09:26:27</t>
  </si>
  <si>
    <t>38162436-91fd-4155-abd5-f4e5fdabbcc7.tmp</t>
  </si>
  <si>
    <t>\\acsfs\profiles$\henriquehmdo\Downloads\38162436-91fd-4155-abd5-f4e5fdabbcc7.tmp</t>
  </si>
  <si>
    <t>01/21/2020 09:24:39</t>
  </si>
  <si>
    <t>01/21/2020 09:20:36</t>
  </si>
  <si>
    <t>leticiaTeixeira_Login_1111.csv.crdownload</t>
  </si>
  <si>
    <t>\\acsfs\ACS\Gabriel da Silva\Contemporânea\Gen\Leticia Teixeira\leticiaTeixeira_Login_1111.csv.crdownload</t>
  </si>
  <si>
    <t>01/21/2020 09:21:09</t>
  </si>
  <si>
    <t>leticiaTeixeira_Login_1211.csv.crdownload</t>
  </si>
  <si>
    <t>\\acsfs\ACS\Gabriel da Silva\Contemporânea\Gen\Leticia Teixeira\leticiaTeixeira_Login_1211.csv.crdownload</t>
  </si>
  <si>
    <t>01/21/2020 09:21:33</t>
  </si>
  <si>
    <t>leticiaTeixeira_Login_1311.csv.crdownload</t>
  </si>
  <si>
    <t>\\acsfs\ACS\Gabriel da Silva\Contemporânea\Gen\Leticia Teixeira\leticiaTeixeira_Login_1311.csv.crdownload</t>
  </si>
  <si>
    <t>leticiaTeixeira_Login_1411.csv.crdownload</t>
  </si>
  <si>
    <t>\\acsfs\ACS\Gabriel da Silva\Contemporânea\Gen\Leticia Teixeira\leticiaTeixeira_Login_1411.csv.crdownload</t>
  </si>
  <si>
    <t>01/21/2020 09:23:02</t>
  </si>
  <si>
    <t>leticiaTeixeira_Login_1811.csv.crdownload</t>
  </si>
  <si>
    <t>\\acsfs\ACS\Gabriel da Silva\Contemporânea\Gen\Leticia Teixeira\leticiaTeixeira_Login_1811.csv.crdownload</t>
  </si>
  <si>
    <t>01/21/2020 09:23:28</t>
  </si>
  <si>
    <t>leticiaTeixeira_Login_1911.csv.crdownload</t>
  </si>
  <si>
    <t>\\acsfs\ACS\Gabriel da Silva\Contemporânea\Gen\Leticia Teixeira\leticiaTeixeira_Login_1911.csv.crdownload</t>
  </si>
  <si>
    <t>01/21/2020 09:23:56</t>
  </si>
  <si>
    <t>leticiaTeixeira_Login_2011.csv.crdownload</t>
  </si>
  <si>
    <t>\\acsfs\ACS\Gabriel da Silva\Contemporânea\Gen\Leticia Teixeira\leticiaTeixeira_Login_2011.csv.crdownload</t>
  </si>
  <si>
    <t>01/21/2020 09:24:13</t>
  </si>
  <si>
    <t>leticiaTeixeira_Login_2111.csv.crdownload</t>
  </si>
  <si>
    <t>\\acsfs\ACS\Gabriel da Silva\Contemporânea\Gen\Leticia Teixeira\leticiaTeixeira_Login_2111.csv.crdownload</t>
  </si>
  <si>
    <t>01/21/2020 09:24:53</t>
  </si>
  <si>
    <t>leticiaTeixeira_Login_2211.csv.crdownload</t>
  </si>
  <si>
    <t>\\acsfs\ACS\Gabriel da Silva\Contemporânea\Gen\Leticia Teixeira\leticiaTeixeira_Login_2211.csv.crdownload</t>
  </si>
  <si>
    <t>01/21/2020 09:25:33</t>
  </si>
  <si>
    <t>leticiaTeixeira_Login_2511.csv.crdownload</t>
  </si>
  <si>
    <t>\\acsfs\ACS\Gabriel da Silva\Contemporânea\Gen\Leticia Teixeira\leticiaTeixeira_Login_2511.csv.crdownload</t>
  </si>
  <si>
    <t>01/21/2020 09:26:28</t>
  </si>
  <si>
    <t>01/21/2020 09:24:28</t>
  </si>
  <si>
    <t>01/21/2020 09:22:08</t>
  </si>
  <si>
    <t>01/21/2020 09:27:27</t>
  </si>
  <si>
    <t>e7f5aec9-aa18-4aef-8c31-3bbe5cec26ab.tmp</t>
  </si>
  <si>
    <t>\\acsfs\profiles$\matheushds\Downloads\e7f5aec9-aa18-4aef-8c31-3bbe5cec26ab.tmp</t>
  </si>
  <si>
    <t>01/21/2020 09:24:54</t>
  </si>
  <si>
    <t>01/21/2020 09:25:24</t>
  </si>
  <si>
    <t>01/21/2020 09:22:22</t>
  </si>
  <si>
    <t>01/21/2020 09:22:31</t>
  </si>
  <si>
    <t>01/21/2020 09:22:41</t>
  </si>
  <si>
    <t>01/21/2020 09:22:47</t>
  </si>
  <si>
    <t>01/21/2020 09:23:07</t>
  </si>
  <si>
    <t>01/21/2020 09:23:10</t>
  </si>
  <si>
    <t>01/21/2020 09:23:13</t>
  </si>
  <si>
    <t>mail.google.com/sync/u/0/i/s?hl=pt-BR&amp;c=373</t>
  </si>
  <si>
    <t>01/21/2020 09:23:16</t>
  </si>
  <si>
    <t>01/21/2020 09:24:03</t>
  </si>
  <si>
    <t>01/21/2020 09:24:06</t>
  </si>
  <si>
    <t>01/21/2020 09:26:26</t>
  </si>
  <si>
    <t>01/21/2020 09:26:35</t>
  </si>
  <si>
    <t>01/21/2020 09:28:27</t>
  </si>
  <si>
    <t>32b7b167-1c7b-4f15-b107-6b4ad7045d0b.tmp</t>
  </si>
  <si>
    <t>\\acsfs\profiles$\kellzylenneasr\Downloads\32b7b167-1c7b-4f15-b107-6b4ad7045d0b.tmp</t>
  </si>
  <si>
    <t>01/21/2020 09:24:33</t>
  </si>
  <si>
    <t>198e985d-382f-4d00-8742-92bebb6558c5.tmp</t>
  </si>
  <si>
    <t>\\acsfs\profiles$\kellzylenneasr\Downloads\198e985d-382f-4d00-8742-92bebb6558c5.tmp</t>
  </si>
  <si>
    <t>01/21/2020 09:26:06</t>
  </si>
  <si>
    <t>01/21/2020 09:27:06</t>
  </si>
  <si>
    <t>01/21/2020 09:26:03</t>
  </si>
  <si>
    <t>1c61181a-afa5-4607-9de9-bd980501676b.tmp</t>
  </si>
  <si>
    <t>\\acsfs\profiles$\lucasgpe\Downloads\1c61181a-afa5-4607-9de9-bd980501676b.tmp</t>
  </si>
  <si>
    <t>01/21/2020 09:28:49</t>
  </si>
  <si>
    <t>01/21/2020 09:30:27</t>
  </si>
  <si>
    <t>01/21/2020 09:29:16</t>
  </si>
  <si>
    <t>01/21/2020 09:29:37</t>
  </si>
  <si>
    <t>01/21/2020 09:25:54</t>
  </si>
  <si>
    <t>01/21/2020 09:31:28</t>
  </si>
  <si>
    <t>f1a22b8f-3c80-47bb-9a98-8b99fc61dbe9.tmp</t>
  </si>
  <si>
    <t>\\acsfs\profiles$\henriquehmdo\Downloads\f1a22b8f-3c80-47bb-9a98-8b99fc61dbe9.tmp</t>
  </si>
  <si>
    <t>01/21/2020 09:26:07</t>
  </si>
  <si>
    <t>leticiaTeixeira_Login_2611.csv.crdownload</t>
  </si>
  <si>
    <t>\\acsfs\ACS\Gabriel da Silva\Contemporânea\Gen\Leticia Teixeira\leticiaTeixeira_Login_2611.csv.crdownload</t>
  </si>
  <si>
    <t>leticiaTeixeira_Login_2711.csv.crdownload</t>
  </si>
  <si>
    <t>\\acsfs\ACS\Gabriel da Silva\Contemporânea\Gen\Leticia Teixeira\leticiaTeixeira_Login_2711.csv.crdownload</t>
  </si>
  <si>
    <t>01/21/2020 09:26:57</t>
  </si>
  <si>
    <t>leticiaTeixeira_Login_2811.csv.crdownload</t>
  </si>
  <si>
    <t>\\acsfs\ACS\Gabriel da Silva\Contemporânea\Gen\Leticia Teixeira\leticiaTeixeira_Login_2811.csv.crdownload</t>
  </si>
  <si>
    <t>01/21/2020 09:27:24</t>
  </si>
  <si>
    <t>leticiaTeixeira_Login_2911.csv.crdownload</t>
  </si>
  <si>
    <t>\\acsfs\ACS\Gabriel da Silva\Contemporânea\Gen\Leticia Teixeira\leticiaTeixeira_Login_2911.csv.crdownload</t>
  </si>
  <si>
    <t>01/21/2020 09:29:24</t>
  </si>
  <si>
    <t>Não confirmado 176898.crdownload</t>
  </si>
  <si>
    <t>\\acsfs\ACS\Gabriel da Silva\Contemporânea\NPS\NPS_Voz\Janeiro.20\Não confirmado 176898.crdownload</t>
  </si>
  <si>
    <t>01/21/2020 09:30:33</t>
  </si>
  <si>
    <t>Não confirmado 872566.crdownload</t>
  </si>
  <si>
    <t>\\acsfs\ACS\Gabriel da Silva\Contemporânea\Gen\Não confirmado 872566.crdownload</t>
  </si>
  <si>
    <t>01/21/2020 09:31:00</t>
  </si>
  <si>
    <t>01/21/2020 09:32:27</t>
  </si>
  <si>
    <t>bb1f92d2-b243-4de8-844b-f666a4351321.tmp</t>
  </si>
  <si>
    <t>\\acsfs\profiles$\ROZENCAM\Downloads\bb1f92d2-b243-4de8-844b-f666a4351321.tmp</t>
  </si>
  <si>
    <t>01/21/2020 09:31:03</t>
  </si>
  <si>
    <t>4206f139-34e2-49ba-93b6-29fdbf8875f1.tmp</t>
  </si>
  <si>
    <t>\\acsfs\profiles$\matheushds\Downloads\4206f139-34e2-49ba-93b6-29fdbf8875f1.tmp</t>
  </si>
  <si>
    <t>01/21/2020 09:26:54</t>
  </si>
  <si>
    <t>01/21/2020 09:28:24</t>
  </si>
  <si>
    <t>01/21/2020 09:30:24</t>
  </si>
  <si>
    <t>01/21/2020 09:30:54</t>
  </si>
  <si>
    <t>01/21/2020 09:31:24</t>
  </si>
  <si>
    <t>01/21/2020 09:27:18</t>
  </si>
  <si>
    <t>01/21/2020 09:27:21</t>
  </si>
  <si>
    <t>01/21/2020 09:27:25</t>
  </si>
  <si>
    <t>01/21/2020 09:28:06</t>
  </si>
  <si>
    <t>01/21/2020 09:28:35</t>
  </si>
  <si>
    <t>01/21/2020 09:28:51</t>
  </si>
  <si>
    <t>01/21/2020 09:29:07</t>
  </si>
  <si>
    <t>01/21/2020 09:29:26</t>
  </si>
  <si>
    <t>01/21/2020 09:29:39</t>
  </si>
  <si>
    <t>01/21/2020 09:29:59</t>
  </si>
  <si>
    <t>01/21/2020 09:33:28</t>
  </si>
  <si>
    <t>01/21/2020 09:32:51</t>
  </si>
  <si>
    <t>55654fef-1996-4b2d-a842-fc2080f5c05b.tmp</t>
  </si>
  <si>
    <t>\\acsfs\profiles$\luanarda\Downloads\55654fef-1996-4b2d-a842-fc2080f5c05b.tmp</t>
  </si>
  <si>
    <t>01/21/2020 09:32:06</t>
  </si>
  <si>
    <t>01/21/2020 09:33:06</t>
  </si>
  <si>
    <t>01/21/2020 09:30:07</t>
  </si>
  <si>
    <t>01/21/2020 09:34:27</t>
  </si>
  <si>
    <t>659cd942-d3ee-4106-b931-c53b31480cda.tmp</t>
  </si>
  <si>
    <t>\\acsfs\profiles$\ALYNYA\Downloads\659cd942-d3ee-4106-b931-c53b31480cda.tmp</t>
  </si>
  <si>
    <t>01/21/2020 09:35:28</t>
  </si>
  <si>
    <t>01/21/2020 09:34:49</t>
  </si>
  <si>
    <t>01/21/2020 09:32:22</t>
  </si>
  <si>
    <t>01/21/2020 09:36:27</t>
  </si>
  <si>
    <t>.~lock.leticiaTeixeira_Login_0111.csv#</t>
  </si>
  <si>
    <t>\\acsfs\ACS\Gabriel da Silva\Contemporânea\Gen\Leticia Teixeira\.~lock.leticiaTeixeira_Login_0111.csv#</t>
  </si>
  <si>
    <t>01/21/2020 09:33:45</t>
  </si>
  <si>
    <t>01/21/2020 09:35:29</t>
  </si>
  <si>
    <t>01/21/2020 09:32:03</t>
  </si>
  <si>
    <t>01/21/2020 09:37:27</t>
  </si>
  <si>
    <t>02a09e72-3045-425c-8ff4-e05745e73a1b.tmp</t>
  </si>
  <si>
    <t>\\acsfs\profiles$\matheushds\Downloads\02a09e72-3045-425c-8ff4-e05745e73a1b.tmp</t>
  </si>
  <si>
    <t>01/21/2020 09:32:48</t>
  </si>
  <si>
    <t>157e61db-5478-4bde-a1ee-8430c4a09c40.tmp</t>
  </si>
  <si>
    <t>\\acsfs\profiles$\matheushds\Downloads\157e61db-5478-4bde-a1ee-8430c4a09c40.tmp</t>
  </si>
  <si>
    <t>01/21/2020 09:33:54</t>
  </si>
  <si>
    <t>01/21/2020 09:34:24</t>
  </si>
  <si>
    <t>01/21/2020 09:34:54</t>
  </si>
  <si>
    <t>01/21/2020 09:35:24</t>
  </si>
  <si>
    <t>495330d2-0880-4288-8c5b-bdb7fbb6e147.tmp</t>
  </si>
  <si>
    <t>\\acsfs\profiles$\PEDROHAB\Downloads\495330d2-0880-4288-8c5b-bdb7fbb6e147.tmp</t>
  </si>
  <si>
    <t>01/21/2020 09:33:53</t>
  </si>
  <si>
    <t>Unconfirmed 648476.crdownload</t>
  </si>
  <si>
    <t>\\acsfs\profiles$\PEDROHAB\Downloads\Unconfirmed 648476.crdownload</t>
  </si>
  <si>
    <t>01/21/2020 09:34:07</t>
  </si>
  <si>
    <t>effa3f9b-ed42-42d7-b273-ce1439e7908a.tmp</t>
  </si>
  <si>
    <t>\\acsfs\profiles$\PEDROHAB\Downloads\effa3f9b-ed42-42d7-b273-ce1439e7908a.tmp</t>
  </si>
  <si>
    <t>01/21/2020 09:34:09</t>
  </si>
  <si>
    <t>6f1c8924-bc7c-4ef3-ba77-7199a8e3919e.tmp</t>
  </si>
  <si>
    <t>\\acsfs\profiles$\PEDROHAB\Downloads\6f1c8924-bc7c-4ef3-ba77-7199a8e3919e.tmp</t>
  </si>
  <si>
    <t>01/21/2020 09:38:28</t>
  </si>
  <si>
    <t>01/21/2020 09:38:06</t>
  </si>
  <si>
    <t>01/21/2020 09:35:26</t>
  </si>
  <si>
    <t>cf6754a9-6852-4b2e-aacd-2ca511629c00.tmp</t>
  </si>
  <si>
    <t>\\acsfs\profiles$\nathaliarmr\Downloads\cf6754a9-6852-4b2e-aacd-2ca511629c00.tmp</t>
  </si>
  <si>
    <t>01/21/2020 09:37:34</t>
  </si>
  <si>
    <t>01/21/2020 09:35:17</t>
  </si>
  <si>
    <t>01/21/2020 09:40:27</t>
  </si>
  <si>
    <t>01/21/2020 09:37:40</t>
  </si>
  <si>
    <t>01/21/2020 09:41:27</t>
  </si>
  <si>
    <t>f782e4d6-9e41-459f-ab3c-09facfadd4e6.tmp</t>
  </si>
  <si>
    <t>\\acsfs\profiles$\jhonatadss\Downloads\f782e4d6-9e41-459f-ab3c-09facfadd4e6.tmp</t>
  </si>
  <si>
    <t>01/21/2020 09:39:15</t>
  </si>
  <si>
    <t>1b65356e-07f2-4f07-be81-bc711e528f55.tmp</t>
  </si>
  <si>
    <t>\\acsfs\profiles$\jhonatadss\Downloads\1b65356e-07f2-4f07-be81-bc711e528f55.tmp</t>
  </si>
  <si>
    <t>01/21/2020 09:40:15</t>
  </si>
  <si>
    <t>c1e89366-5674-4956-b7d7-4aaf10f1d844.tmp</t>
  </si>
  <si>
    <t>\\acsfs\profiles$\jhonatadss\Downloads\c1e89366-5674-4956-b7d7-4aaf10f1d844.tmp</t>
  </si>
  <si>
    <t>01/21/2020 09:40:24</t>
  </si>
  <si>
    <t>1834fd6c-e562-4ddc-adbf-162d230751f6.tmp</t>
  </si>
  <si>
    <t>\\acsfs\profiles$\jhonatadss\Downloads\1834fd6c-e562-4ddc-adbf-162d230751f6.tmp</t>
  </si>
  <si>
    <t>01/21/2020 09:36:37</t>
  </si>
  <si>
    <t>01/21/2020 09:37:23</t>
  </si>
  <si>
    <t>\\acsfs\DEPTOS\Operacao\PCP\5 - Comum\JUKA\</t>
  </si>
  <si>
    <t>Guilherme Login.xlsx</t>
  </si>
  <si>
    <t>\\acsfs\DEPTOS\Operacao\PCP\5 - Comum\JUKA\Guilherme Login.xlsx</t>
  </si>
  <si>
    <t>01/21/2020 09:37:24</t>
  </si>
  <si>
    <t>01/21/2020 09:42:28</t>
  </si>
  <si>
    <t>01/21/2020 09:38:55</t>
  </si>
  <si>
    <t>01/21/2020 09:39:25</t>
  </si>
  <si>
    <t>01/21/2020 09:39:55</t>
  </si>
  <si>
    <t>01/21/2020 09:40:25</t>
  </si>
  <si>
    <t>01/21/2020 09:41:25</t>
  </si>
  <si>
    <t>01/21/2020 09:40:46</t>
  </si>
  <si>
    <t>01/21/2020 09:41:31</t>
  </si>
  <si>
    <t>01/21/2020 09:41:36</t>
  </si>
  <si>
    <t>01/21/2020 09:43:27</t>
  </si>
  <si>
    <t>01/21/2020 09:40:45</t>
  </si>
  <si>
    <t>01/21/2020 09:40:58</t>
  </si>
  <si>
    <t>fernandaab@algartech.com;larisacc@algartech.com;marianerdo@algartech.com;talmaiardo@algartech.com;thiagordu@algartech.com;vitorgmp@algartech.com;</t>
  </si>
  <si>
    <t>fernandaab@algartech.com,larisacc@algartech.com,marianerdo@algartech.com,talmaiardo@algartech.com,thiagordu@algartech.com,vitorgmp@algartech.com</t>
  </si>
  <si>
    <t>01/21/2020 09:41:00</t>
  </si>
  <si>
    <t>01/21/2020 09:41:24</t>
  </si>
  <si>
    <t>01/21/2020 09:41:37</t>
  </si>
  <si>
    <t>01/21/2020 09:39:07</t>
  </si>
  <si>
    <t>01/21/2020 09:43:08</t>
  </si>
  <si>
    <t>01/21/2020 09:43:09</t>
  </si>
  <si>
    <t>01/21/2020 09:43:11</t>
  </si>
  <si>
    <t>01/21/2020 09:43:12</t>
  </si>
  <si>
    <t>01/21/2020 09:40:09</t>
  </si>
  <si>
    <t>01/21/2020 09:45:27</t>
  </si>
  <si>
    <t>LUANA LOPES DA SILVA (5175).contact</t>
  </si>
  <si>
    <t>\\acsfs\profiles$\luanaldsi\Contacts\LUANA LOPES DA SILVA (5175).contact</t>
  </si>
  <si>
    <t>01/21/2020 09:40:44</t>
  </si>
  <si>
    <t>01/21/2020 09:40:47</t>
  </si>
  <si>
    <t>01/21/2020 09:40:48</t>
  </si>
  <si>
    <t>01/21/2020 09:40:50</t>
  </si>
  <si>
    <t>01/21/2020 09:40:51</t>
  </si>
  <si>
    <t>01/21/2020 09:40:52</t>
  </si>
  <si>
    <t>01/21/2020 09:40:53</t>
  </si>
  <si>
    <t>01/21/2020 09:40:54</t>
  </si>
  <si>
    <t>01/21/2020 09:41:38</t>
  </si>
  <si>
    <t>01/21/2020 09:41:39</t>
  </si>
  <si>
    <t>01/21/2020 09:41:40</t>
  </si>
  <si>
    <t>01/21/2020 09:41:41</t>
  </si>
  <si>
    <t>01/21/2020 09:40:49</t>
  </si>
  <si>
    <t>01/21/2020 09:43:02</t>
  </si>
  <si>
    <t>01/21/2020 09:41:09</t>
  </si>
  <si>
    <t>01/21/2020 09:46:28</t>
  </si>
  <si>
    <t>80b8733e-68f5-4cac-9a91-e7d5cccd3f1f.tmp</t>
  </si>
  <si>
    <t>\\acsfs\profiles$\jhonatadss\Downloads\80b8733e-68f5-4cac-9a91-e7d5cccd3f1f.tmp</t>
  </si>
  <si>
    <t>01/21/2020 09:43:37</t>
  </si>
  <si>
    <t>abd90f07-ae5c-4a43-90cc-2060d3c9fbe7.tmp</t>
  </si>
  <si>
    <t>\\acsfs\profiles$\BRUNAAR\Downloads\abd90f07-ae5c-4a43-90cc-2060d3c9fbe7.tmp</t>
  </si>
  <si>
    <t>01/21/2020 09:41:19</t>
  </si>
  <si>
    <t>01/21/2020 09:43:40</t>
  </si>
  <si>
    <t>01/21/2020 09:42:26</t>
  </si>
  <si>
    <t>becbc05b-fb2a-4e19-ba34-f599a14ca610.tmp</t>
  </si>
  <si>
    <t>\\acsfs\profiles$\inarajst\Downloads\becbc05b-fb2a-4e19-ba34-f599a14ca610.tmp</t>
  </si>
  <si>
    <t>01/21/2020 09:46:06</t>
  </si>
  <si>
    <t>0d7e483e-1c10-4b7b-935d-dcec5d08fde7.tmp</t>
  </si>
  <si>
    <t>\\acsfs\profiles$\inarajst\Downloads\0d7e483e-1c10-4b7b-935d-dcec5d08fde7.tmp</t>
  </si>
  <si>
    <t>01/21/2020 09:44:35</t>
  </si>
  <si>
    <t>5c68581f-f3f2-4828-a8d6-0ee14cd90963.tmp</t>
  </si>
  <si>
    <t>\\acsfs\profiles$\gabrielaff\Downloads\5c68581f-f3f2-4828-a8d6-0ee14cd90963.tmp</t>
  </si>
  <si>
    <t>01/21/2020 09:47:28</t>
  </si>
  <si>
    <t>01/21/2020 09:41:55</t>
  </si>
  <si>
    <t>01/21/2020 09:42:25</t>
  </si>
  <si>
    <t>01/21/2020 09:42:55</t>
  </si>
  <si>
    <t>01/21/2020 09:45:25</t>
  </si>
  <si>
    <t>01/21/2020 09:45:55</t>
  </si>
  <si>
    <t>01/21/2020 09:46:25</t>
  </si>
  <si>
    <t>01/21/2020 09:42:54</t>
  </si>
  <si>
    <t>ab960405-afc4-4a97-8825-38d96f68dbbe.tmp</t>
  </si>
  <si>
    <t>\\acsfs\profiles$\felipetds\Downloads\ab960405-afc4-4a97-8825-38d96f68dbbe.tmp</t>
  </si>
  <si>
    <t>01/21/2020 09:45:08</t>
  </si>
  <si>
    <t>01/21/2020 09:48:28</t>
  </si>
  <si>
    <t>01/21/2020 09:45:12</t>
  </si>
  <si>
    <t>01/21/2020 09:46:21</t>
  </si>
  <si>
    <t>Erica Luziana Silva Ribeiro_1_6780267396271776862_1_32.wav</t>
  </si>
  <si>
    <t>\\acsfs\Deptos\EDUCACAO EMPRESARIAL\FERNANDA MONIT\Fernanda\MONITORIA JANEIRO\Ligaçoes para MUTANT terceiro ciclo janeiro\Erica Luziana Silva Ribeiro_1_6780267396271776862_1_32.wav</t>
  </si>
  <si>
    <t>d130703e-31d5-40bd-94c9-225326df42e6.tmp</t>
  </si>
  <si>
    <t>\\acsfs\profiles$\lorenabmc\Downloads\d130703e-31d5-40bd-94c9-225326df42e6.tmp</t>
  </si>
  <si>
    <t>01/21/2020 09:43:33</t>
  </si>
  <si>
    <t>f6a6c6f5-3e3b-4774-9d3d-220f00eb06c6.tmp</t>
  </si>
  <si>
    <t>\\acsfs\profiles$\lorenabmc\Downloads\f6a6c6f5-3e3b-4774-9d3d-220f00eb06c6.tmp</t>
  </si>
  <si>
    <t>01/21/2020 09:43:35</t>
  </si>
  <si>
    <t>c92095e5-2826-44f0-b22e-e0e6c415edd0.tmp</t>
  </si>
  <si>
    <t>\\acsfs\profiles$\lorenabmc\Downloads\c92095e5-2826-44f0-b22e-e0e6c415edd0.tmp</t>
  </si>
  <si>
    <t>01/21/2020 09:43:41</t>
  </si>
  <si>
    <t>ROZENCA MAIOLINO_1_6781023151602080662_1_32.wav</t>
  </si>
  <si>
    <t>\\acsfs\Deptos\EDUCACAO EMPRESARIAL\KÉSIA\Ligações 3º ciclo - Janeiro 2020\ROZENCA MAIOLINO_1_6781023151602080662_1_32.wav</t>
  </si>
  <si>
    <t>01/21/2020 09:44:07</t>
  </si>
  <si>
    <t>01/21/2020 09:46:51</t>
  </si>
  <si>
    <t>01/21/2020 09:50:28</t>
  </si>
  <si>
    <t>a8ecbff5-c500-4ce8-9bdb-ae402332e319.tmp</t>
  </si>
  <si>
    <t>\\acsfs\profiles$\luanaldsi\Downloads\a8ecbff5-c500-4ce8-9bdb-ae402332e319.tmp</t>
  </si>
  <si>
    <t>01/21/2020 09:46:54</t>
  </si>
  <si>
    <t>1cd1fcec-a16f-4add-b096-a20e984de385.tmp</t>
  </si>
  <si>
    <t>\\acsfs\profiles$\luanaldsi\Downloads\1cd1fcec-a16f-4add-b096-a20e984de385.tmp</t>
  </si>
  <si>
    <t>01/21/2020 09:46:55</t>
  </si>
  <si>
    <t>8855d672-85cd-4a76-97f1-d3d8319f258d.tmp</t>
  </si>
  <si>
    <t>\\acsfs\profiles$\luanaldsi\Downloads\8855d672-85cd-4a76-97f1-d3d8319f258d.tmp</t>
  </si>
  <si>
    <t>01/21/2020 09:46:49</t>
  </si>
  <si>
    <t>01/21/2020 09:49:12</t>
  </si>
  <si>
    <t>01/21/2020 09:49:33</t>
  </si>
  <si>
    <t>01/21/2020 09:49:18</t>
  </si>
  <si>
    <t>01/21/2020 09:51:28</t>
  </si>
  <si>
    <t>01/21/2020 09:49:14</t>
  </si>
  <si>
    <t>LoginLogoutConsolidado.xlsx</t>
  </si>
  <si>
    <t>\\acsfs\ACS\Gabriel da Silva\Contemporânea\Gen\Leticia Teixeira\LoginLogoutConsolidado.xlsx</t>
  </si>
  <si>
    <t>01/21/2020 09:49:27</t>
  </si>
  <si>
    <t>01/21/2020 09:49:49</t>
  </si>
  <si>
    <t>01/21/2020 09:49:56</t>
  </si>
  <si>
    <t>01/21/2020 09:50:00</t>
  </si>
  <si>
    <t>01/21/2020 09:50:03</t>
  </si>
  <si>
    <t>antoniocoj@algartech.com;joaogvc@algartech.com;leonardoao@algartech.com;marianadjc@algartech.com;paulacn@algartech.com;rafaelggs@algartech.com;ricardodfm@algartech.com.br;taysdss@algartech.com;thiagordu@algartech.com;viniciussg@algartech.com;</t>
  </si>
  <si>
    <t>antoniocoj@algartech.com,joaogvc@algartech.com,leonardoao@algartech.com,marianadjc@algartech.com,paulacn@algartech.com,rafaelggs@algartech.com,ricardodfm@algartech.com.br,taysdss@algartech.com,thiagordu@algartech.com,viniciussg@algartech.com</t>
  </si>
  <si>
    <t>01/21/2020 09:50:09</t>
  </si>
  <si>
    <t>01/21/2020 09:50:20</t>
  </si>
  <si>
    <t>01/21/2020 09:50:30</t>
  </si>
  <si>
    <t>01/21/2020 09:50:33</t>
  </si>
  <si>
    <t>01/21/2020 09:50:36</t>
  </si>
  <si>
    <t>01/21/2020 09:50:45</t>
  </si>
  <si>
    <t>01/21/2020 09:47:37</t>
  </si>
  <si>
    <t>01/21/2020 09:46:45</t>
  </si>
  <si>
    <t>5e612cdf-d7ee-4d28-b0b6-a9a98294ae44.tmp</t>
  </si>
  <si>
    <t>\\acsfs\profiles$\inarajst\Downloads\5e612cdf-d7ee-4d28-b0b6-a9a98294ae44.tmp</t>
  </si>
  <si>
    <t>01/21/2020 09:47:55</t>
  </si>
  <si>
    <t>01/21/2020 09:52:28</t>
  </si>
  <si>
    <t>01/21/2020 09:48:25</t>
  </si>
  <si>
    <t>01/21/2020 09:48:55</t>
  </si>
  <si>
    <t>01/21/2020 09:49:55</t>
  </si>
  <si>
    <t>01/21/2020 09:50:25</t>
  </si>
  <si>
    <t>01/21/2020 09:51:26</t>
  </si>
  <si>
    <t>01/21/2020 09:47:52</t>
  </si>
  <si>
    <t>c2a44edf-0343-4305-8717-c600e9ea9429.tmp</t>
  </si>
  <si>
    <t>\\acsfs\profiles$\lorrainerdl\Downloads\c2a44edf-0343-4305-8717-c600e9ea9429.tmp</t>
  </si>
  <si>
    <t>01bc7b0f-bf14-46fa-9a50-2f1043a0545d.tmp</t>
  </si>
  <si>
    <t>\\acsfs\profiles$\wenderbnm\Downloads\01bc7b0f-bf14-46fa-9a50-2f1043a0545d.tmp</t>
  </si>
  <si>
    <t>01/21/2020 09:49:36</t>
  </si>
  <si>
    <t>01/21/2020 09:53:28</t>
  </si>
  <si>
    <t>01/21/2020 09:50:37</t>
  </si>
  <si>
    <t>01/21/2020 09:48:33</t>
  </si>
  <si>
    <t>2eb404c6-66e7-4524-b850-3f5381fe6cfb.tmp</t>
  </si>
  <si>
    <t>\\acsfs\profiles$\lorenabmc\Downloads\2eb404c6-66e7-4524-b850-3f5381fe6cfb.tmp</t>
  </si>
  <si>
    <t>01/21/2020 09:50:44</t>
  </si>
  <si>
    <t>Erro fatal AYALA BORBA FILHO.PNG</t>
  </si>
  <si>
    <t>\\acsfs\ACS\001 - Qualidade Lilian\PAULO\Pasta Tainara\Erro fatal AYALA BORBA FILHO.PNG</t>
  </si>
  <si>
    <t>01/21/2020 09:49:07</t>
  </si>
  <si>
    <t>01/21/2020 09:50:07</t>
  </si>
  <si>
    <t>01/21/2020 09:52:41</t>
  </si>
  <si>
    <t>01/21/2020 09:55:28</t>
  </si>
  <si>
    <t>615f250c-2f62-4378-8f9d-4555c3b4600d.tmp</t>
  </si>
  <si>
    <t>\\acsfs\profiles$\luanaldsi\Downloads\615f250c-2f62-4378-8f9d-4555c3b4600d.tmp</t>
  </si>
  <si>
    <t>01/21/2020 09:50:50</t>
  </si>
  <si>
    <t>01/21/2020 09:52:49</t>
  </si>
  <si>
    <t>01/21/2020 09:56:28</t>
  </si>
  <si>
    <t>01/21/2020 09:51:19</t>
  </si>
  <si>
    <t>antoniocoj@algartech.com;joaogvc@algartech.com;leonardoao@algartech.com;marianadjc@algartech.com;paulacn@algartech.com;rafaelggs@algartech.com;ricardodfm@algartech.com.br;taysdss@algartech.com;thiagordu@algartech.com;</t>
  </si>
  <si>
    <t>antoniocoj@algartech.com,joaogvc@algartech.com,leonardoao@algartech.com,marianadjc@algartech.com,paulacn@algartech.com,rafaelggs@algartech.com,ricardodfm@algartech.com.br,taysdss@algartech.com,thiagordu@algartech.com</t>
  </si>
  <si>
    <t>01/21/2020 09:51:22</t>
  </si>
  <si>
    <t>01/21/2020 09:51:32</t>
  </si>
  <si>
    <t>01/21/2020 09:51:39</t>
  </si>
  <si>
    <t>01/21/2020 09:51:44</t>
  </si>
  <si>
    <t>01/21/2020 09:51:50</t>
  </si>
  <si>
    <t>01/21/2020 09:51:51</t>
  </si>
  <si>
    <t>01/21/2020 09:51:58</t>
  </si>
  <si>
    <t>01/21/2020 09:52:34</t>
  </si>
  <si>
    <t>Acompanhamento improdutividade BV Cartões.xlsx</t>
  </si>
  <si>
    <t>\\acsfs\DEPTOS\Operacao\PCP\5 - Comum\PLANEJAMENTO BV\14 - ACOMPANHAMENTO\1 - REPORT ACOMPANHAMENTO\2020\1 - JANEIRO\CARTÕES\Acompanhamento improdutividade BV Cartões.xlsx</t>
  </si>
  <si>
    <t>01/21/2020 09:54:59</t>
  </si>
  <si>
    <t>01/21/2020 09:51:43</t>
  </si>
  <si>
    <t>01/21/2020 09:56:03</t>
  </si>
  <si>
    <t>01/21/2020 09:54:23</t>
  </si>
  <si>
    <t>01/21/2020 09:57:29</t>
  </si>
  <si>
    <t>95dd977b-26c9-4431-810f-af03f4dae6e5.tmp</t>
  </si>
  <si>
    <t>\\acsfs\profiles$\larissaad\Downloads\95dd977b-26c9-4431-810f-af03f4dae6e5.tmp</t>
  </si>
  <si>
    <t>01/21/2020 09:55:04</t>
  </si>
  <si>
    <t>9a080dd3-6518-47a9-9e75-38ed5a32cd2a.tmp</t>
  </si>
  <si>
    <t>\\acsfs\profiles$\LAISLG\Downloads\9a080dd3-6518-47a9-9e75-38ed5a32cd2a.tmp</t>
  </si>
  <si>
    <t>01/21/2020 09:51:56</t>
  </si>
  <si>
    <t>01/21/2020 09:52:26</t>
  </si>
  <si>
    <t>01/21/2020 09:53:26</t>
  </si>
  <si>
    <t>01/21/2020 09:53:56</t>
  </si>
  <si>
    <t>01/21/2020 09:54:26</t>
  </si>
  <si>
    <t>01/21/2020 09:54:56</t>
  </si>
  <si>
    <t>01/21/2020 09:53:51</t>
  </si>
  <si>
    <t>01/21/2020 09:58:28</t>
  </si>
  <si>
    <t>01/21/2020 09:54:06</t>
  </si>
  <si>
    <t>01/21/2020 09:54:11</t>
  </si>
  <si>
    <t>01/21/2020 09:54:18</t>
  </si>
  <si>
    <t>01/21/2020 09:54:21</t>
  </si>
  <si>
    <t>01/21/2020 09:54:37</t>
  </si>
  <si>
    <t>01/21/2020 09:54:42</t>
  </si>
  <si>
    <t>01/21/2020 09:54:52</t>
  </si>
  <si>
    <t>01/21/2020 09:56:09</t>
  </si>
  <si>
    <t>ALEXANDRE MILHOMEM MARACAIPE_1_6781023555329006495_1_32.wav</t>
  </si>
  <si>
    <t>\\acsfs\Deptos\EDUCACAO EMPRESARIAL\KÉSIA\Ligações 3º ciclo - Janeiro 2020\ALEXANDRE MILHOMEM MARACAIPE_1_6781023555329006495_1_32.wav</t>
  </si>
  <si>
    <t>01/21/2020 09:53:57</t>
  </si>
  <si>
    <t>01/21/2020 09:57:35</t>
  </si>
  <si>
    <t>29198718-39c9-416c-9c79-1a694116c84a.tmp</t>
  </si>
  <si>
    <t>\\acsfs\profiles$\lucasgpe\Downloads\29198718-39c9-416c-9c79-1a694116c84a.tmp</t>
  </si>
  <si>
    <t>01/21/2020 09:55:07</t>
  </si>
  <si>
    <t>01/21/2020 09:56:07</t>
  </si>
  <si>
    <t>01/21/2020 09:59:29</t>
  </si>
  <si>
    <t>01/21/2020 09:54:24</t>
  </si>
  <si>
    <t>01/21/2020 09:54:48</t>
  </si>
  <si>
    <t>01/21/2020 09:55:03</t>
  </si>
  <si>
    <t>01/21/2020 09:55:06</t>
  </si>
  <si>
    <t>01/21/2020 09:55:40</t>
  </si>
  <si>
    <t>01/21/2020 09:55:44</t>
  </si>
  <si>
    <t>01/21/2020 09:59:00</t>
  </si>
  <si>
    <t>7388c8fd-7759-48ab-bd02-717afd8e3ea5.tmp</t>
  </si>
  <si>
    <t>\\acsfs\profiles$\geovannasm\Downloads\7388c8fd-7759-48ab-bd02-717afd8e3ea5.tmp</t>
  </si>
  <si>
    <t>01/21/2020 09:59:08</t>
  </si>
  <si>
    <t>2b59dfb4-4c27-424c-b6db-17d16fafa2ec.tmp</t>
  </si>
  <si>
    <t>\\acsfs\profiles$\geovannasm\Downloads\2b59dfb4-4c27-424c-b6db-17d16fafa2ec.tmp</t>
  </si>
  <si>
    <t>01/21/2020 09:58:43</t>
  </si>
  <si>
    <t>de3c57f6-cd4f-40e0-b229-e9a5de6e7b64.tmp</t>
  </si>
  <si>
    <t>\\acsfs\profiles$\ALYNYA\Downloads\de3c57f6-cd4f-40e0-b229-e9a5de6e7b64.tmp</t>
  </si>
  <si>
    <t>01/21/2020 09:56:43</t>
  </si>
  <si>
    <t>01/21/2020 10:00:28</t>
  </si>
  <si>
    <t>9b6e45c4-0646-4ea2-bdff-9a6b006e2809.tmp</t>
  </si>
  <si>
    <t>\\acsfs\profiles$\quindaizaagds\Downloads\9b6e45c4-0646-4ea2-bdff-9a6b006e2809.tmp</t>
  </si>
  <si>
    <t>01/21/2020 09:58:13</t>
  </si>
  <si>
    <t>9318c5e8-c23c-421f-8748-f0b7e9d16968.tmp</t>
  </si>
  <si>
    <t>\\acsfs\profiles$\quindaizaagds\Downloads\9318c5e8-c23c-421f-8748-f0b7e9d16968.tmp</t>
  </si>
  <si>
    <t>01/21/2020 09:59:24</t>
  </si>
  <si>
    <t>35726bbf-4c7d-4ca4-aaa8-5c9c978bee32.tmp</t>
  </si>
  <si>
    <t>\\acsfs\profiles$\THYAGOSP\Downloads\35726bbf-4c7d-4ca4-aaa8-5c9c978bee32.tmp</t>
  </si>
  <si>
    <t>01/21/2020 09:58:38</t>
  </si>
  <si>
    <t>01/21/2020 09:58:49</t>
  </si>
  <si>
    <t>01/21/2020 10:01:28</t>
  </si>
  <si>
    <t>01/21/2020 09:56:04</t>
  </si>
  <si>
    <t>01/21/2020 09:56:06</t>
  </si>
  <si>
    <t>01/21/2020 09:56:10</t>
  </si>
  <si>
    <t>01/21/2020 09:56:16</t>
  </si>
  <si>
    <t>01/21/2020 09:56:31</t>
  </si>
  <si>
    <t>01/21/2020 09:56:56</t>
  </si>
  <si>
    <t>Grade Horária.xlsx</t>
  </si>
  <si>
    <t>\\acsfs\DEPTOS\Operacao\PCP\5 - Comum\JUKA\Grade Horária.xlsx</t>
  </si>
  <si>
    <t>01/21/2020 09:57:33</t>
  </si>
  <si>
    <t>01/21/2020 09:57:34</t>
  </si>
  <si>
    <t>01/21/2020 09:59:02</t>
  </si>
  <si>
    <t>01/21/2020 10:02:29</t>
  </si>
  <si>
    <t>01/21/2020 09:57:10</t>
  </si>
  <si>
    <t>a7f63267-b997-42b4-8d6d-0c639617fbac.tmp</t>
  </si>
  <si>
    <t>\\acsfs\profiles$\LAISLG\Downloads\a7f63267-b997-42b4-8d6d-0c639617fbac.tmp</t>
  </si>
  <si>
    <t>01/21/2020 09:57:26</t>
  </si>
  <si>
    <t>01/21/2020 09:57:56</t>
  </si>
  <si>
    <t>01/21/2020 09:58:26</t>
  </si>
  <si>
    <t>01/21/2020 09:59:56</t>
  </si>
  <si>
    <t>01/21/2020 10:00:27</t>
  </si>
  <si>
    <t>01/21/2020 09:59:09</t>
  </si>
  <si>
    <t>01/21/2020 10:03:28</t>
  </si>
  <si>
    <t>7a873b47-0ca4-44ac-adaf-ef934569586a.tmp</t>
  </si>
  <si>
    <t>\\acsfs\profiles$\gabrielafs\Downloads\7a873b47-0ca4-44ac-adaf-ef934569586a.tmp</t>
  </si>
  <si>
    <t>01/21/2020 09:59:12</t>
  </si>
  <si>
    <t>d37b52c5-3efc-4118-b714-c0b3bcdf9277.tmp</t>
  </si>
  <si>
    <t>\\acsfs\profiles$\gabrielafs\Downloads\d37b52c5-3efc-4118-b714-c0b3bcdf9277.tmp</t>
  </si>
  <si>
    <t>01/21/2020 09:59:18</t>
  </si>
  <si>
    <t>460d4435-a464-4418-a5f7-c783b8210899.tmp</t>
  </si>
  <si>
    <t>\\acsfs\profiles$\gabrielafs\Downloads\460d4435-a464-4418-a5f7-c783b8210899.tmp</t>
  </si>
  <si>
    <t>01/21/2020 09:59:20</t>
  </si>
  <si>
    <t>256e6acf-67bd-43f2-9e52-47f46e17fe24.tmp</t>
  </si>
  <si>
    <t>\\acsfs\profiles$\gabrielafs\Downloads\256e6acf-67bd-43f2-9e52-47f46e17fe24.tmp</t>
  </si>
  <si>
    <t>01/21/2020 10:00:24</t>
  </si>
  <si>
    <t>e24264ca-de78-4eee-8234-c8f54533b4c7.tmp</t>
  </si>
  <si>
    <t>\\acsfs\profiles$\gabrielafs\Downloads\e24264ca-de78-4eee-8234-c8f54533b4c7.tmp</t>
  </si>
  <si>
    <t>206c9913-9b63-44c1-90b2-02b66c2e202a.tmp</t>
  </si>
  <si>
    <t>\\acsfs\profiles$\gabrielafs\Downloads\206c9913-9b63-44c1-90b2-02b66c2e202a.tmp</t>
  </si>
  <si>
    <t>01/21/2020 09:57:44</t>
  </si>
  <si>
    <t>ISABELLE GOMES TEIXEIRA DOS SANTOS_1_6780337271094715835_1_32.wav</t>
  </si>
  <si>
    <t>\\acsfs\Deptos\EDUCACAO EMPRESARIAL\FERNANDA MONIT\Fernanda\MONITORIA JANEIRO\Ligaçoes para MUTANT terceiro ciclo janeiro\ISABELLE GOMES TEIXEIRA DOS SANTOS_1_6780337271094715835_1_32.wav</t>
  </si>
  <si>
    <t>01/21/2020 10:01:07</t>
  </si>
  <si>
    <t>01/21/2020 10:02:09</t>
  </si>
  <si>
    <t>01/21/2020 10:05:28</t>
  </si>
  <si>
    <t>01/21/2020 10:02:57</t>
  </si>
  <si>
    <t>bf750b59-8b44-4508-9ffc-622ff15ad07c.tmp</t>
  </si>
  <si>
    <t>\\acsfs\profiles$\quindaizaagds\Downloads\bf750b59-8b44-4508-9ffc-622ff15ad07c.tmp</t>
  </si>
  <si>
    <t>01/21/2020 10:04:50</t>
  </si>
  <si>
    <t>01/21/2020 10:01:22</t>
  </si>
  <si>
    <t>01/21/2020 10:01:31</t>
  </si>
  <si>
    <t>01/21/2020 10:05:36</t>
  </si>
  <si>
    <t>01/21/2020 10:06:28</t>
  </si>
  <si>
    <t>8942b458-2e18-4b58-b5c2-fbf6fc370dd3.tmp</t>
  </si>
  <si>
    <t>\\acsfs\profiles$\esterasg\Downloads\8942b458-2e18-4b58-b5c2-fbf6fc370dd3.tmp</t>
  </si>
  <si>
    <t>01/21/2020 10:05:06</t>
  </si>
  <si>
    <t>Acompanhamento improdutividade BV Financeira cópia.xlsx</t>
  </si>
  <si>
    <t>\\acsfs\DEPTOS\Operacao\PCP\5 - Comum\PLANEJAMENTO BV\14 - ACOMPANHAMENTO\1 - REPORT ACOMPANHAMENTO\2020\1 - JANEIRO\FINANCEIRA\Acompanhamento improdutividade BV Financeira cópia.xlsx</t>
  </si>
  <si>
    <t>01/21/2020 10:02:27</t>
  </si>
  <si>
    <t>01/21/2020 10:02:40</t>
  </si>
  <si>
    <t>01/21/2020 10:02:49</t>
  </si>
  <si>
    <t>01/21/2020 10:04:57</t>
  </si>
  <si>
    <t>01/21/2020 10:07:28</t>
  </si>
  <si>
    <t>01/21/2020 10:06:08</t>
  </si>
  <si>
    <t>https://udpmailboxap01.acs.com.br:8443/h/search;jsessionid=185pyont28b5bg6831spz4uuc?si=0&amp;so=0&amp;sc=79913&amp;st=conversation&amp;action=compose</t>
  </si>
  <si>
    <t>01/21/2020 10:06:38</t>
  </si>
  <si>
    <t>01/21/2020 10:02:58</t>
  </si>
  <si>
    <t>10.200.67.19</t>
  </si>
  <si>
    <t>01/21/2020 10:04:59</t>
  </si>
  <si>
    <t>01/21/2020 10:08:29</t>
  </si>
  <si>
    <t>01/21/2020 10:05:05</t>
  </si>
  <si>
    <t>01/21/2020 10:05:39</t>
  </si>
  <si>
    <t>01/21/2020 10:05:51</t>
  </si>
  <si>
    <t>01/21/2020 10:05:54</t>
  </si>
  <si>
    <t>01/21/2020 10:06:05</t>
  </si>
  <si>
    <t>01/21/2020 10:06:10</t>
  </si>
  <si>
    <t>01/21/2020 10:06:18</t>
  </si>
  <si>
    <t>01/21/2020 10:07:08</t>
  </si>
  <si>
    <t>01/21/2020 10:08:07</t>
  </si>
  <si>
    <t>01/21/2020 10:05:47</t>
  </si>
  <si>
    <t>01/21/2020 10:09:28</t>
  </si>
  <si>
    <t>01/21/2020 10:10:29</t>
  </si>
  <si>
    <t>01/21/2020 10:06:09</t>
  </si>
  <si>
    <t>01/21/2020 10:11:28</t>
  </si>
  <si>
    <t>01/21/2020 10:06:43</t>
  </si>
  <si>
    <t>01/21/2020 10:06:45</t>
  </si>
  <si>
    <t>01/21/2020 10:09:32</t>
  </si>
  <si>
    <t>Reneg - Vcto 24-01.xlsx</t>
  </si>
  <si>
    <t>\\acsfs\DEPTOS\Operacao\Banco_Votorantim\Comum\00 - COMUM - BV CARTÕES\EQUIPE ADILSON\Reneg\Reneg - Vcto 24-01.xlsx</t>
  </si>
  <si>
    <t>01/21/2020 10:10:45</t>
  </si>
  <si>
    <t>01/21/2020 10:12:28</t>
  </si>
  <si>
    <t>01/21/2020 10:08:38</t>
  </si>
  <si>
    <t>01/21/2020 10:09:08</t>
  </si>
  <si>
    <t>01/21/2020 10:11:08</t>
  </si>
  <si>
    <t>01/21/2020 10:11:38</t>
  </si>
  <si>
    <t>01/21/2020 10:13:29</t>
  </si>
  <si>
    <t>01/21/2020 10:11:17</t>
  </si>
  <si>
    <t>1a9a92e3-c7c2-4f19-b763-44bb569f6218.tmp</t>
  </si>
  <si>
    <t>\\acsfs\profiles$\lorenabmc\Downloads\1a9a92e3-c7c2-4f19-b763-44bb569f6218.tmp</t>
  </si>
  <si>
    <t>01/21/2020 10:09:48</t>
  </si>
  <si>
    <t>01/21/2020 10:10:19</t>
  </si>
  <si>
    <t>01/21/2020 10:10:32</t>
  </si>
  <si>
    <t>01/21/2020 10:10:44</t>
  </si>
  <si>
    <t>01/21/2020 10:10:59</t>
  </si>
  <si>
    <t>01/21/2020 10:11:07</t>
  </si>
  <si>
    <t>01/21/2020 10:11:31</t>
  </si>
  <si>
    <t>01/21/2020 10:11:32</t>
  </si>
  <si>
    <t>01/21/2020 10:11:03</t>
  </si>
  <si>
    <t>01/21/2020 10:15:28</t>
  </si>
  <si>
    <t>1d91910d-da62-4132-b7b5-1601247bf711.tmp</t>
  </si>
  <si>
    <t>\\acsfs\profiles$\henriquehmdo\Downloads\1d91910d-da62-4132-b7b5-1601247bf711.tmp</t>
  </si>
  <si>
    <t>01/21/2020 10:12:51</t>
  </si>
  <si>
    <t>01/21/2020 10:13:03</t>
  </si>
  <si>
    <t>bf4fe590-a3d8-47f6-9f94-130591ffab10.tmp</t>
  </si>
  <si>
    <t>\\acsfs\profiles$\henriquehmdo\Downloads\bf4fe590-a3d8-47f6-9f94-130591ffab10.tmp</t>
  </si>
  <si>
    <t>01/21/2020 10:14:29</t>
  </si>
  <si>
    <t>01/21/2020 10:11:34</t>
  </si>
  <si>
    <t>01/21/2020 10:11:35</t>
  </si>
  <si>
    <t>01/21/2020 10:10:02</t>
  </si>
  <si>
    <t>01/21/2020 10:10:49</t>
  </si>
  <si>
    <t>01/21/2020 10:14:11</t>
  </si>
  <si>
    <t>01/21/2020 10:16:28</t>
  </si>
  <si>
    <t>01/21/2020 10:12:40</t>
  </si>
  <si>
    <t>5820ca89-5c12-4b30-9815-deff9dd62ce5.tmp</t>
  </si>
  <si>
    <t>\\acsfs\profiles$\esterasg\Downloads\5820ca89-5c12-4b30-9815-deff9dd62ce5.tmp</t>
  </si>
  <si>
    <t>01/21/2020 10:14:47</t>
  </si>
  <si>
    <t>6308d674-c245-450b-8d45-798a6dbacade.tmp</t>
  </si>
  <si>
    <t>\\acsfs\profiles$\esterasg\Downloads\6308d674-c245-450b-8d45-798a6dbacade.tmp</t>
  </si>
  <si>
    <t>01/21/2020 10:12:08</t>
  </si>
  <si>
    <t>01/21/2020 10:17:28</t>
  </si>
  <si>
    <t>01/21/2020 10:12:38</t>
  </si>
  <si>
    <t>01/21/2020 10:13:08</t>
  </si>
  <si>
    <t>01/21/2020 10:14:38</t>
  </si>
  <si>
    <t>01/21/2020 10:15:08</t>
  </si>
  <si>
    <t>01/21/2020 10:16:38</t>
  </si>
  <si>
    <t>01/21/2020 10:18:28</t>
  </si>
  <si>
    <t>CRICIA VITAL DE OLIVEIRA_1_6780660463088769656_1_32.wav</t>
  </si>
  <si>
    <t>\\acsfs\Deptos\EDUCACAO EMPRESARIAL\KÉSIA\Ligações 3º ciclo - Janeiro 2020\CRICIA VITAL DE OLIVEIRA_1_6780660463088769656_1_32.wav</t>
  </si>
  <si>
    <t>01/21/2020 10:15:54</t>
  </si>
  <si>
    <t>01/21/2020 10:16:17</t>
  </si>
  <si>
    <t>01/21/2020 10:16:27</t>
  </si>
  <si>
    <t>01/21/2020 10:16:35</t>
  </si>
  <si>
    <t>01/21/2020 10:16:49</t>
  </si>
  <si>
    <t>01/21/2020 10:17:04</t>
  </si>
  <si>
    <t>01/21/2020 10:17:14</t>
  </si>
  <si>
    <t>01/21/2020 10:17:17</t>
  </si>
  <si>
    <t>01/21/2020 10:14:07</t>
  </si>
  <si>
    <t>01/21/2020 10:17:07</t>
  </si>
  <si>
    <t>01/21/2020 10:16:14</t>
  </si>
  <si>
    <t>01/21/2020 10:19:28</t>
  </si>
  <si>
    <t>https://senildapdo@algartech.com,viniciussg@algartech.com</t>
  </si>
  <si>
    <t>01/21/2020 10:16:48</t>
  </si>
  <si>
    <t>01/21/2020 10:15:41</t>
  </si>
  <si>
    <t>05584162-fa74-4533-9027-fb77f164310e.tmp</t>
  </si>
  <si>
    <t>\\acsfs\profiles$\monicargds\Downloads\05584162-fa74-4533-9027-fb77f164310e.tmp</t>
  </si>
  <si>
    <t>2ccb4518-440b-48fd-a274-9ee003cc14c6.tmp</t>
  </si>
  <si>
    <t>\\acsfs\profiles$\monicargds\Downloads\2ccb4518-440b-48fd-a274-9ee003cc14c6.tmp</t>
  </si>
  <si>
    <t>01/21/2020 10:18:02</t>
  </si>
  <si>
    <t>image2020-01-21-100046.pdf</t>
  </si>
  <si>
    <t>IMG-20200117-WA0002.jpg</t>
  </si>
  <si>
    <t>IMG-20200117-WA0003.jpg</t>
  </si>
  <si>
    <t>IMG-20200117-WA0004.jpg</t>
  </si>
  <si>
    <t>01/21/2020 10:18:11</t>
  </si>
  <si>
    <t>97a8a576-d661-474f-a5b0-1def0c6c8495.tmp</t>
  </si>
  <si>
    <t>\\acsfs\profiles$\dhiulliananads\Downloads\97a8a576-d661-474f-a5b0-1def0c6c8495.tmp</t>
  </si>
  <si>
    <t>01/21/2020 10:20:28</t>
  </si>
  <si>
    <t>01/21/2020 10:18:06</t>
  </si>
  <si>
    <t>01/21/2020 10:21:28</t>
  </si>
  <si>
    <t>01/21/2020 10:17:09</t>
  </si>
  <si>
    <t>0d611447-9b22-42bc-831b-022f2eada739.tmp</t>
  </si>
  <si>
    <t>\\acsfs\profiles$\gabrielhca\Downloads\0d611447-9b22-42bc-831b-022f2eada739.tmp</t>
  </si>
  <si>
    <t>01/21/2020 10:18:19</t>
  </si>
  <si>
    <t>1179db08-46d0-48f0-aa0a-ca1e6086a409.tmp</t>
  </si>
  <si>
    <t>\\acsfs\profiles$\inarajst\Downloads\1179db08-46d0-48f0-aa0a-ca1e6086a409.tmp</t>
  </si>
  <si>
    <t>01/21/2020 10:20:20</t>
  </si>
  <si>
    <t>638a04c8-ab7f-40da-b6c8-10a7a59b6ab2.tmp</t>
  </si>
  <si>
    <t>\\acsfs\profiles$\sarahbal\Downloads\638a04c8-ab7f-40da-b6c8-10a7a59b6ab2.tmp</t>
  </si>
  <si>
    <t>5196c143-15a4-40a2-9aa7-6f1239a93664.tmp</t>
  </si>
  <si>
    <t>\\acsfs\profiles$\sarahbal\Downloads\5196c143-15a4-40a2-9aa7-6f1239a93664.tmp</t>
  </si>
  <si>
    <t>01/21/2020 10:20:01</t>
  </si>
  <si>
    <t>01/21/2020 10:22:29</t>
  </si>
  <si>
    <t>eca839d3-dc6f-4c08-8c28-d4fe08451da1.tmp</t>
  </si>
  <si>
    <t>\\acsfs\profiles$\matheushds\Downloads\eca839d3-dc6f-4c08-8c28-d4fe08451da1.tmp</t>
  </si>
  <si>
    <t>01/21/2020 10:20:11</t>
  </si>
  <si>
    <t>01/21/2020 10:20:12</t>
  </si>
  <si>
    <t>01/21/2020 10:17:38</t>
  </si>
  <si>
    <t>01/21/2020 10:18:08</t>
  </si>
  <si>
    <t>01/21/2020 10:20:08</t>
  </si>
  <si>
    <t>01/21/2020 10:20:38</t>
  </si>
  <si>
    <t>01/21/2020 10:22:09</t>
  </si>
  <si>
    <t>01/21/2020 10:23:28</t>
  </si>
  <si>
    <t>1c7ebf7f-69fc-4ba4-b93e-5e4c4b1c16fa.tmp</t>
  </si>
  <si>
    <t>\\acsfs\profiles$\gabrielafs\Downloads\1c7ebf7f-69fc-4ba4-b93e-5e4c4b1c16fa.tmp</t>
  </si>
  <si>
    <t>01/21/2020 10:20:41</t>
  </si>
  <si>
    <t>01/21/2020 10:17:46</t>
  </si>
  <si>
    <t>62cd26a4-be88-40c2-9b4a-e4a436fdf0a1.tmp</t>
  </si>
  <si>
    <t>\\acsfs\profiles$\cintiadjl\Downloads\62cd26a4-be88-40c2-9b4a-e4a436fdf0a1.tmp</t>
  </si>
  <si>
    <t>01/21/2020 10:19:09</t>
  </si>
  <si>
    <t>c39543a9-4ff3-4bc5-b266-c6ac17c0a1ac.tmp</t>
  </si>
  <si>
    <t>\\acsfs\profiles$\cintiadjl\Downloads\c39543a9-4ff3-4bc5-b266-c6ac17c0a1ac.tmp</t>
  </si>
  <si>
    <t>01/21/2020 10:20:43</t>
  </si>
  <si>
    <t>474a93a3-6b3c-458e-9bf2-28f63455205a.tmp</t>
  </si>
  <si>
    <t>\\acsfs\profiles$\cintiadjl\Downloads\474a93a3-6b3c-458e-9bf2-28f63455205a.tmp</t>
  </si>
  <si>
    <t>01/21/2020 10:21:08</t>
  </si>
  <si>
    <t>01/21/2020 10:20:07</t>
  </si>
  <si>
    <t>01/21/2020 10:23:07</t>
  </si>
  <si>
    <t>01/21/2020 10:21:58</t>
  </si>
  <si>
    <t>01/21/2020 10:24:29</t>
  </si>
  <si>
    <t>01/21/2020 10:22:49</t>
  </si>
  <si>
    <t>01/21/2020 10:25:28</t>
  </si>
  <si>
    <t>01/21/2020 10:23:29</t>
  </si>
  <si>
    <t>01/21/2020 10:26:29</t>
  </si>
  <si>
    <t>01/21/2020 10:22:26</t>
  </si>
  <si>
    <t>01/21/2020 10:21:00</t>
  </si>
  <si>
    <t>14e37ebc-7a0c-4218-b02d-a558726882c8.tmp</t>
  </si>
  <si>
    <t>\\acsfs\profiles$\talitafdc\Downloads\14e37ebc-7a0c-4218-b02d-a558726882c8.tmp</t>
  </si>
  <si>
    <t>01/21/2020 10:27:28</t>
  </si>
  <si>
    <t>01/21/2020 10:23:38</t>
  </si>
  <si>
    <t>01/21/2020 10:28:28</t>
  </si>
  <si>
    <t>01/21/2020 10:23:52</t>
  </si>
  <si>
    <t>01/21/2020 10:23:53</t>
  </si>
  <si>
    <t>01/21/2020 10:23:57</t>
  </si>
  <si>
    <t>01/21/2020 10:24:49</t>
  </si>
  <si>
    <t>01/21/2020 10:24:52</t>
  </si>
  <si>
    <t>01/21/2020 10:25:00</t>
  </si>
  <si>
    <t>01/21/2020 10:26:10</t>
  </si>
  <si>
    <t>01/21/2020 10:26:28</t>
  </si>
  <si>
    <t>01/21/2020 10:26:32</t>
  </si>
  <si>
    <t>01/21/2020 10:26:43</t>
  </si>
  <si>
    <t>01/21/2020 10:27:09</t>
  </si>
  <si>
    <t>01/21/2020 10:27:26</t>
  </si>
  <si>
    <t>01/21/2020 10:27:29</t>
  </si>
  <si>
    <t>01/21/2020 10:27:45</t>
  </si>
  <si>
    <t>01/21/2020 10:26:07</t>
  </si>
  <si>
    <t>01/21/2020 10:23:40</t>
  </si>
  <si>
    <t>01/21/2020 10:29:29</t>
  </si>
  <si>
    <t>01/21/2020 10:23:54</t>
  </si>
  <si>
    <t>01/21/2020 10:24:06</t>
  </si>
  <si>
    <t>01/21/2020 10:30:28</t>
  </si>
  <si>
    <t>01/21/2020 10:25:37</t>
  </si>
  <si>
    <t>01/21/2020 10:28:50</t>
  </si>
  <si>
    <t>01/21/2020 10:31:28</t>
  </si>
  <si>
    <t>01/21/2020 10:28:15</t>
  </si>
  <si>
    <t>01/21/2020 10:33:28</t>
  </si>
  <si>
    <t>.~lock.Reneg Vcto 24-01-20 Flavio.ods#</t>
  </si>
  <si>
    <t>\\acsfs\profiles$\Flaviojmm\My Documents\.~lock.Reneg Vcto 24-01-20 Flavio.ods#</t>
  </si>
  <si>
    <t>lu1047229x0w.tmp</t>
  </si>
  <si>
    <t>\\acsfs\profiles$\Flaviojmm\My Documents\lu1047229x0w.tmp</t>
  </si>
  <si>
    <t>\\acsfs\profiles$\Flaviojmm\My Documents\lu1047229x0w.tmp\</t>
  </si>
  <si>
    <t>\\acsfs\profiles$\Flaviojmm\My Documents\lu1047229x0w.tmp\META-INF\</t>
  </si>
  <si>
    <t>\\acsfs\profiles$\Flaviojmm\My Documents\lu1047229x0w.tmp\Thumbnails\</t>
  </si>
  <si>
    <t>01/21/2020 10:29:22</t>
  </si>
  <si>
    <t>https://udpwfmniceap02/web/guest/home?p_auth=tujaclj1&amp;p_p_id=58&amp;p_p_lifecycle=1&amp;p_p_state=maximized&amp;p_p_mode=view&amp;savelastpath=0&amp;_58_struts_action=/login/forgot_password</t>
  </si>
  <si>
    <t>01/21/2020 10:28:29</t>
  </si>
  <si>
    <t>01/21/2020 10:30:18</t>
  </si>
  <si>
    <t>01/21/2020 10:30:25</t>
  </si>
  <si>
    <t>01/21/2020 10:32:50</t>
  </si>
  <si>
    <t>01/21/2020 10:29:07</t>
  </si>
  <si>
    <t>01/21/2020 10:32:07</t>
  </si>
  <si>
    <t>01/21/2020 10:31:47</t>
  </si>
  <si>
    <t>01/21/2020 10:34:28</t>
  </si>
  <si>
    <t>01/21/2020 10:31:43</t>
  </si>
  <si>
    <t>01/21/2020 10:35:28</t>
  </si>
  <si>
    <t>01/21/2020 10:33:45</t>
  </si>
  <si>
    <t>01/21/2020 10:34:50</t>
  </si>
  <si>
    <t>01/21/2020 10:36:28</t>
  </si>
  <si>
    <t>01/21/2020 10:33:35</t>
  </si>
  <si>
    <t>01/21/2020 10:36:00</t>
  </si>
  <si>
    <t>01/21/2020 10:36:01</t>
  </si>
  <si>
    <t>01/21/2020 10:33:38</t>
  </si>
  <si>
    <t>01/21/2020 10:37:28</t>
  </si>
  <si>
    <t>01/21/2020 10:34:08</t>
  </si>
  <si>
    <t>01/21/2020 10:34:38</t>
  </si>
  <si>
    <t>01/21/2020 10:35:08</t>
  </si>
  <si>
    <t>01/21/2020 10:35:38</t>
  </si>
  <si>
    <t>01/21/2020 10:36:38</t>
  </si>
  <si>
    <t>01/21/2020 10:37:50</t>
  </si>
  <si>
    <t>01/21/2020 10:38:28</t>
  </si>
  <si>
    <t>682aacc6-c329-4d2f-9a17-bce129cecdb2.tmp</t>
  </si>
  <si>
    <t>\\acsfs\profiles$\lorenabmc\Downloads\682aacc6-c329-4d2f-9a17-bce129cecdb2.tmp</t>
  </si>
  <si>
    <t>01/21/2020 10:36:48</t>
  </si>
  <si>
    <t>01/21/2020 10:37:08</t>
  </si>
  <si>
    <t>01/21/2020 10:37:29</t>
  </si>
  <si>
    <t>01/21/2020 10:37:46</t>
  </si>
  <si>
    <t>DANIEL MARINHO LIMA DA SILVA_1_6780293329284303523_1_32.wav</t>
  </si>
  <si>
    <t>\\acsfs\Deptos\EDUCACAO EMPRESARIAL\KÉSIA\Ligações 3º ciclo - Janeiro 2020\DANIEL MARINHO LIMA DA SILVA_1_6780293329284303523_1_32.wav</t>
  </si>
  <si>
    <t>01/21/2020 10:35:15</t>
  </si>
  <si>
    <t>Erro fatal BRENDA DANYELLE SANTOS LISBOA.PNG</t>
  </si>
  <si>
    <t>\\acsfs\ACS\001 - Qualidade Lilian\PAULO\Pasta Tainara\Erro fatal BRENDA DANYELLE SANTOS LISBOA.PNG</t>
  </si>
  <si>
    <t>01/21/2020 10:36:40</t>
  </si>
  <si>
    <t>01/21/2020 10:34:52</t>
  </si>
  <si>
    <t>595d2f6f-0abf-42bc-8961-78387233c98e.tmp</t>
  </si>
  <si>
    <t>\\acsfs\profiles$\lucasgpe\Downloads\595d2f6f-0abf-42bc-8961-78387233c98e.tmp</t>
  </si>
  <si>
    <t>01/21/2020 10:35:07</t>
  </si>
  <si>
    <t>01/21/2020 10:38:07</t>
  </si>
  <si>
    <t>01/21/2020 10:35:06</t>
  </si>
  <si>
    <t>01/21/2020 10:39:28</t>
  </si>
  <si>
    <t>01/21/2020 10:40:28</t>
  </si>
  <si>
    <t>01/21/2020 10:38:57</t>
  </si>
  <si>
    <t>01/21/2020 10:38:58</t>
  </si>
  <si>
    <t>01/21/2020 10:39:39</t>
  </si>
  <si>
    <t>01/21/2020 10:41:29</t>
  </si>
  <si>
    <t>lu260804ah2n0.tmp</t>
  </si>
  <si>
    <t>\\acsfs\profiles$\BRUNAAR\Numero\lu260804ah2n0.tmp</t>
  </si>
  <si>
    <t>01/21/2020 10:36:02</t>
  </si>
  <si>
    <t>01/21/2020 10:36:03</t>
  </si>
  <si>
    <t>01/21/2020 10:36:54</t>
  </si>
  <si>
    <t>01/21/2020 10:36:55</t>
  </si>
  <si>
    <t>01/21/2020 10:37:49</t>
  </si>
  <si>
    <t>mail.google.com/sync/u/0/i/s?hl=pt-BR&amp;c=2283</t>
  </si>
  <si>
    <t>01/21/2020 10:38:10</t>
  </si>
  <si>
    <t>mail.google.com/sync/u/0/i/s?hl=pt-BR&amp;c=2287</t>
  </si>
  <si>
    <t>mail.google.com/sync/u/0/i/s?hl=pt-BR&amp;c=2290</t>
  </si>
  <si>
    <t>01/21/2020 10:38:30</t>
  </si>
  <si>
    <t>01/21/2020 10:38:34</t>
  </si>
  <si>
    <t>mail.google.com/sync/u/0/i/s?hl=pt-BR&amp;c=2293</t>
  </si>
  <si>
    <t>01/21/2020 10:38:39</t>
  </si>
  <si>
    <t>mail.google.com/sync/u/0/i/s?hl=pt-BR&amp;c=2295</t>
  </si>
  <si>
    <t>01/21/2020 10:39:07</t>
  </si>
  <si>
    <t>mail.google.com/_/upload?authuser=0&amp;dcp=asu-n&amp;upload_id=AEnB2UrqVnWKbk-DwJMvYnOieAMT_c81apSdllSNJy3Zdg_yJjtJ3Ql6ZT7nU2VfVFnwUk733Kc1ALuhKE02XBG0oDlSRqG7fw&amp;upload_protocol=resumable</t>
  </si>
  <si>
    <t>01/21/2020 10:39:18</t>
  </si>
  <si>
    <t>mail.google.com/sync/u/0/i/s?hl=pt-BR&amp;c=2301</t>
  </si>
  <si>
    <t>ances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picture,rpermissions,shared,sharedwithmedate,thumbnailversion,title,userpermission(role),workspaceids</t>
  </si>
  <si>
    <t>01/21/2020 10:39:40</t>
  </si>
  <si>
    <t>01/21/2020 10:39:53</t>
  </si>
  <si>
    <t>01/21/2020 10:39:54</t>
  </si>
  <si>
    <t>2dd2d86c-1065-4efa-b4d3-c7ca6d68f31e.tmp</t>
  </si>
  <si>
    <t>\\acsfs\profiles$\inarajst\Downloads\2dd2d86c-1065-4efa-b4d3-c7ca6d68f31e.tmp</t>
  </si>
  <si>
    <t>3867236f-888d-4e8e-b221-5acbb9fb9704.tmp</t>
  </si>
  <si>
    <t>\\acsfs\profiles$\sarahbal\Downloads\3867236f-888d-4e8e-b221-5acbb9fb9704.tmp</t>
  </si>
  <si>
    <t>01/21/2020 10:40:58</t>
  </si>
  <si>
    <t>01/21/2020 10:41:08</t>
  </si>
  <si>
    <t>01/21/2020 10:41:09</t>
  </si>
  <si>
    <t>01/21/2020 10:38:56</t>
  </si>
  <si>
    <t>01/21/2020 10:42:28</t>
  </si>
  <si>
    <t>18dfca41-50a3-47db-a534-cd50e6d46661.tmp</t>
  </si>
  <si>
    <t>\\acsfs\profiles$\ANAPDSB\Downloads\18dfca41-50a3-47db-a534-cd50e6d46661.tmp</t>
  </si>
  <si>
    <t>01/21/2020 10:39:08</t>
  </si>
  <si>
    <t>01/21/2020 10:39:38</t>
  </si>
  <si>
    <t>01/21/2020 10:41:38</t>
  </si>
  <si>
    <t>77c1c8aa-de63-4746-9c79-528166461046.tmp</t>
  </si>
  <si>
    <t>\\acsfs\profiles$\PEDROHAB\Downloads\77c1c8aa-de63-4746-9c79-528166461046.tmp</t>
  </si>
  <si>
    <t>01/21/2020 10:39:10</t>
  </si>
  <si>
    <t>01/21/2020 10:43:28</t>
  </si>
  <si>
    <t>lu1047229x11.tmp</t>
  </si>
  <si>
    <t>\\acsfs\profiles$\Flaviojmm\My Documents\lu1047229x11.tmp</t>
  </si>
  <si>
    <t>\\acsfs\profiles$\Flaviojmm\My Documents\lu1047229x11.tmp\</t>
  </si>
  <si>
    <t>\\acsfs\profiles$\Flaviojmm\My Documents\lu1047229x11.tmp\META-INF\</t>
  </si>
  <si>
    <t>\\acsfs\profiles$\Flaviojmm\My Documents\lu1047229x11.tmp\Thumbnails\</t>
  </si>
  <si>
    <t>01/21/2020 10:38:24</t>
  </si>
  <si>
    <t>\\acsfs\Deptos\EDUCACAO EMPRESARIAL\FERNANDA MONIT\Fernanda\ALERTA DE ATENDIMENTO (2).xlsx\</t>
  </si>
  <si>
    <t>\\acsfs\Deptos\EDUCACAO EMPRESARIAL\FERNANDA MONIT\Fernanda\MONITORIA JANEIRO\ALERTA DE ATENDIMENTO (2).xlsx</t>
  </si>
  <si>
    <t>ALERTA DE ATENDIMENTO (2).xlsx</t>
  </si>
  <si>
    <t>01/21/2020 10:41:07</t>
  </si>
  <si>
    <t>01/21/2020 10:44:29</t>
  </si>
  <si>
    <t>01/21/2020 10:39:51</t>
  </si>
  <si>
    <t>01/21/2020 10:43:46</t>
  </si>
  <si>
    <t>01/21/2020 10:40:27</t>
  </si>
  <si>
    <t>01/21/2020 10:45:28</t>
  </si>
  <si>
    <t>7084364b-944b-45d2-8321-6a3083173e5d.tmp</t>
  </si>
  <si>
    <t>\\acsfs\profiles$\mariagsg\Downloads\7084364b-944b-45d2-8321-6a3083173e5d.tmp</t>
  </si>
  <si>
    <t>01/21/2020 10:40:50</t>
  </si>
  <si>
    <t>01/21/2020 10:44:22</t>
  </si>
  <si>
    <t>01/21/2020 10:44:35</t>
  </si>
  <si>
    <t>01/21/2020 10:46:29</t>
  </si>
  <si>
    <t>01/21/2020 10:41:19</t>
  </si>
  <si>
    <t>01/21/2020 10:41:21</t>
  </si>
  <si>
    <t>01/21/2020 10:41:36</t>
  </si>
  <si>
    <t>01/21/2020 10:42:47</t>
  </si>
  <si>
    <t>01/21/2020 10:43:01</t>
  </si>
  <si>
    <t>01/21/2020 10:43:02</t>
  </si>
  <si>
    <t>82e55ba6-be3c-4265-ab96-e5004ede6c9a.tmp</t>
  </si>
  <si>
    <t>\\acsfs\profiles$\gabrielaff\Downloads\82e55ba6-be3c-4265-ab96-e5004ede6c9a.tmp</t>
  </si>
  <si>
    <t>01/21/2020 10:44:41</t>
  </si>
  <si>
    <t>01/21/2020 10:47:28</t>
  </si>
  <si>
    <t>01/21/2020 10:45:08</t>
  </si>
  <si>
    <t>01/21/2020 10:45:35</t>
  </si>
  <si>
    <t>01/21/2020 10:42:08</t>
  </si>
  <si>
    <t>01/21/2020 10:43:38</t>
  </si>
  <si>
    <t>01/21/2020 10:44:08</t>
  </si>
  <si>
    <t>01/21/2020 10:45:38</t>
  </si>
  <si>
    <t>01/21/2020 10:48:29</t>
  </si>
  <si>
    <t>01/21/2020 10:45:41</t>
  </si>
  <si>
    <t>01/21/2020 10:45:46</t>
  </si>
  <si>
    <t>01/21/2020 10:45:49</t>
  </si>
  <si>
    <t>01/21/2020 10:45:54</t>
  </si>
  <si>
    <t>01/21/2020 10:46:07</t>
  </si>
  <si>
    <t>01/21/2020 10:46:45</t>
  </si>
  <si>
    <t>01/21/2020 10:48:14</t>
  </si>
  <si>
    <t>kesiadof@algartech.com;talmaiardo@algartech.com;thiagordu@algartech.com;</t>
  </si>
  <si>
    <t>kesiadof@algartech.com,talmaiardo@algartech.com,thiagordu@algartech.com</t>
  </si>
  <si>
    <t>01/21/2020 10:44:06</t>
  </si>
  <si>
    <t>01/21/2020 10:44:07</t>
  </si>
  <si>
    <t>01/21/2020 10:47:03</t>
  </si>
  <si>
    <t>01/21/2020 10:49:28</t>
  </si>
  <si>
    <t>058af4ee-2a61-4b59-b569-f6185b0037ef.tmp</t>
  </si>
  <si>
    <t>\\acsfs\profiles$\adelvinsonle\Downloads\058af4ee-2a61-4b59-b569-f6185b0037ef.tmp</t>
  </si>
  <si>
    <t>01/21/2020 10:47:22</t>
  </si>
  <si>
    <t>e7218d4f-8bdd-41a4-8fb4-ee17ee8170e0.tmp</t>
  </si>
  <si>
    <t>\\acsfs\profiles$\geovannasm\Downloads\e7218d4f-8bdd-41a4-8fb4-ee17ee8170e0.tmp</t>
  </si>
  <si>
    <t>01/21/2020 10:50:28</t>
  </si>
  <si>
    <t>01/21/2020 10:46:40</t>
  </si>
  <si>
    <t>01/21/2020 10:46:50</t>
  </si>
  <si>
    <t>01/21/2020 10:49:15</t>
  </si>
  <si>
    <t>01/21/2020 10:49:22</t>
  </si>
  <si>
    <t>01/21/2020 10:49:36</t>
  </si>
  <si>
    <t>01/21/2020 10:49:40</t>
  </si>
  <si>
    <t>01/21/2020 10:51:28</t>
  </si>
  <si>
    <t>01/21/2020 10:49:41</t>
  </si>
  <si>
    <t>56c44fde-abf4-447a-be8e-0ce383c7158e.tmp</t>
  </si>
  <si>
    <t>\\acsfs\profiles$\brendadsl\Downloads\56c44fde-abf4-447a-be8e-0ce383c7158e.tmp</t>
  </si>
  <si>
    <t>65ae989c-bc23-4b44-b629-ac62b3e1470d.tmp</t>
  </si>
  <si>
    <t>\\acsfs\profiles$\brendadsl\Downloads\65ae989c-bc23-4b44-b629-ac62b3e1470d.tmp</t>
  </si>
  <si>
    <t>01/21/2020 10:49:42</t>
  </si>
  <si>
    <t>f17768aa-be99-4888-8fc5-07dfda2ef26b.tmp</t>
  </si>
  <si>
    <t>\\acsfs\profiles$\brendadsl\Downloads\f17768aa-be99-4888-8fc5-07dfda2ef26b.tmp</t>
  </si>
  <si>
    <t>01/21/2020 10:49:43</t>
  </si>
  <si>
    <t>10830141-fcf0-49e5-bd6e-6028a9263071.tmp</t>
  </si>
  <si>
    <t>\\acsfs\profiles$\brendadsl\Downloads\10830141-fcf0-49e5-bd6e-6028a9263071.tmp</t>
  </si>
  <si>
    <t>01/21/2020 10:49:44</t>
  </si>
  <si>
    <t>090c7a3a-af82-461a-803b-01d456470ab5.tmp</t>
  </si>
  <si>
    <t>\\acsfs\profiles$\brendadsl\Downloads\090c7a3a-af82-461a-803b-01d456470ab5.tmp</t>
  </si>
  <si>
    <t>01/21/2020 10:50:34</t>
  </si>
  <si>
    <t>01/21/2020 10:52:28</t>
  </si>
  <si>
    <t>f2ba9a22-a13e-4823-97e8-b5255dc23e5e.tmp</t>
  </si>
  <si>
    <t>\\acsfs\profiles$\larissaad\Downloads\f2ba9a22-a13e-4823-97e8-b5255dc23e5e.tmp</t>
  </si>
  <si>
    <t>01/21/2020 10:47:38</t>
  </si>
  <si>
    <t>01/21/2020 10:49:08</t>
  </si>
  <si>
    <t>01/21/2020 10:51:08</t>
  </si>
  <si>
    <t>01/21/2020 10:51:38</t>
  </si>
  <si>
    <t>01/21/2020 10:51:21</t>
  </si>
  <si>
    <t>01/21/2020 10:53:28</t>
  </si>
  <si>
    <t>e2c3eda1-ecd6-4dd2-b1d1-4f32d2d5707b.tmp</t>
  </si>
  <si>
    <t>\\acsfs\profiles$\gabrielafs\Downloads\e2c3eda1-ecd6-4dd2-b1d1-4f32d2d5707b.tmp</t>
  </si>
  <si>
    <t>01/21/2020 10:52:06</t>
  </si>
  <si>
    <t>3062aa40-61d2-457a-b58b-226e3bc58dd0.tmp</t>
  </si>
  <si>
    <t>\\acsfs\profiles$\gabrielafs\Downloads\3062aa40-61d2-457a-b58b-226e3bc58dd0.tmp</t>
  </si>
  <si>
    <t>01/21/2020 10:52:09</t>
  </si>
  <si>
    <t>d8b06b44-3f4f-4d4f-8d90-ed7cea70433d.tmp</t>
  </si>
  <si>
    <t>\\acsfs\profiles$\gabrielafs\Downloads\d8b06b44-3f4f-4d4f-8d90-ed7cea70433d.tmp</t>
  </si>
  <si>
    <t>01/21/2020 10:52:04</t>
  </si>
  <si>
    <t>01/21/2020 10:52:05</t>
  </si>
  <si>
    <t>lu1047229x1a.tmp</t>
  </si>
  <si>
    <t>\\acsfs\profiles$\Flaviojmm\My Documents\lu1047229x1a.tmp</t>
  </si>
  <si>
    <t>\\acsfs\profiles$\Flaviojmm\My Documents\lu1047229x1a.tmp\</t>
  </si>
  <si>
    <t>\\acsfs\profiles$\Flaviojmm\My Documents\lu1047229x1a.tmp\META-INF\</t>
  </si>
  <si>
    <t>\\acsfs\profiles$\Flaviojmm\My Documents\lu1047229x1a.tmp\Thumbnails\</t>
  </si>
  <si>
    <t>01/21/2020 10:51:55</t>
  </si>
  <si>
    <t>d952966f-e1a2-41e1-b6b9-074d1dba46af.tmp</t>
  </si>
  <si>
    <t>\\acsfs\profiles$\ingridsm\Downloads\d952966f-e1a2-41e1-b6b9-074d1dba46af.tmp</t>
  </si>
  <si>
    <t>01/21/2020 10:50:56</t>
  </si>
  <si>
    <t>01/21/2020 10:48:19</t>
  </si>
  <si>
    <t>kesiadof@algartech.com;marianerdo@algartech.com;talmaiardo@algartech.com;thiagordu@algartech.com;</t>
  </si>
  <si>
    <t>kesiadof@algartech.com,marianerdo@algartech.com,talmaiardo@algartech.com,thiagordu@algartech.com</t>
  </si>
  <si>
    <t>01/21/2020 10:48:22</t>
  </si>
  <si>
    <t>kesiadof@algartech.com;larisacc@algartech.com;marianerdo@algartech.com;talmaiardo@algartech.com;thiagordu@algartech.com;</t>
  </si>
  <si>
    <t>kesiadof@algartech.com,larisacc@algartech.com,marianerdo@algartech.com,talmaiardo@algartech.com,thiagordu@algartech.com</t>
  </si>
  <si>
    <t>01/21/2020 10:51:49</t>
  </si>
  <si>
    <t>01/21/2020 10:51:50</t>
  </si>
  <si>
    <t>01/21/2020 10:50:07</t>
  </si>
  <si>
    <t>01/21/2020 10:52:34</t>
  </si>
  <si>
    <t>01/21/2020 10:56:40</t>
  </si>
  <si>
    <t>01/21/2020 10:53:06</t>
  </si>
  <si>
    <t>01/21/2020 10:51:48</t>
  </si>
  <si>
    <t>2ea00de3-02d2-49de-8dc0-a1659377d128.tmp</t>
  </si>
  <si>
    <t>\\acsfs\profiles$\quindaizaagds\Downloads\2ea00de3-02d2-49de-8dc0-a1659377d128.tmp</t>
  </si>
  <si>
    <t>01/21/2020 10:52:50</t>
  </si>
  <si>
    <t>01/21/2020 10:54:44</t>
  </si>
  <si>
    <t>01/21/2020 10:53:09</t>
  </si>
  <si>
    <t>01/21/2020 10:51:04</t>
  </si>
  <si>
    <t>f80aa3b5-5835-4cfd-b4ad-c70f062610b2.tmp</t>
  </si>
  <si>
    <t>\\acsfs\profiles$\brendadsl\Downloads\f80aa3b5-5835-4cfd-b4ad-c70f062610b2.tmp</t>
  </si>
  <si>
    <t>01/21/2020 10:53:07</t>
  </si>
  <si>
    <t>\\acsfs\DEPTOS\Operacao\Banco_Votorantim\Qualidade\Josias\</t>
  </si>
  <si>
    <t>\\acsfs\DEPTOS\Operacao\Banco_Votorantim\Qualidade\Josias\Acompanhamento improdutividade BV Financeira cópia.xlsx</t>
  </si>
  <si>
    <t>01/21/2020 10:54:04</t>
  </si>
  <si>
    <t>01/21/2020 10:53:29</t>
  </si>
  <si>
    <t>01/21/2020 10:57:28</t>
  </si>
  <si>
    <t>88e08661-028f-4910-ba2a-9847e85a5176.tmp</t>
  </si>
  <si>
    <t>\\acsfs\profiles$\gabrielamdp\Downloads\88e08661-028f-4910-ba2a-9847e85a5176.tmp</t>
  </si>
  <si>
    <t>01/21/2020 10:53:50</t>
  </si>
  <si>
    <t>1e443d6d-5635-46b2-9da6-70fc4fe15add.tmp</t>
  </si>
  <si>
    <t>\\acsfs\profiles$\gabrielamdp\Downloads\1e443d6d-5635-46b2-9da6-70fc4fe15add.tmp</t>
  </si>
  <si>
    <t>01/21/2020 10:53:31</t>
  </si>
  <si>
    <t>01/21/2020 10:53:30</t>
  </si>
  <si>
    <t>8a63cfbf-b7d2-4a45-b666-b99fb76f778e.tmp</t>
  </si>
  <si>
    <t>\\acsfs\profiles$\gabrielamdp\Downloads\8a63cfbf-b7d2-4a45-b666-b99fb76f778e.tmp</t>
  </si>
  <si>
    <t>100014299414656;katia.cardoso@bv.com.br;</t>
  </si>
  <si>
    <t>https://100014299414656,katia.cardoso@bv.com.br</t>
  </si>
  <si>
    <t>01/21/2020 10:55:41</t>
  </si>
  <si>
    <t>20a50b30-c0c9-4c90-8674-03549c1fc169.tmp</t>
  </si>
  <si>
    <t>\\acsfs\profiles$\gabrielamdp\Downloads\20a50b30-c0c9-4c90-8674-03549c1fc169.tmp</t>
  </si>
  <si>
    <t>01/21/2020 10:54:11</t>
  </si>
  <si>
    <t>01/21/2020 10:54:30</t>
  </si>
  <si>
    <t>01/21/2020 10:54:38</t>
  </si>
  <si>
    <t>01/21/2020 10:52:08</t>
  </si>
  <si>
    <t>01/21/2020 10:52:38</t>
  </si>
  <si>
    <t>01/21/2020 10:54:08</t>
  </si>
  <si>
    <t>01/21/2020 10:53:58</t>
  </si>
  <si>
    <t>01/21/2020 10:58:28</t>
  </si>
  <si>
    <t>bee9381d-d456-4b5b-854d-5ad75b13af70.tmp</t>
  </si>
  <si>
    <t>\\acsfs\profiles$\gabrielafs\Downloads\bee9381d-d456-4b5b-854d-5ad75b13af70.tmp</t>
  </si>
  <si>
    <t>01/21/2020 10:52:54</t>
  </si>
  <si>
    <t>01/21/2020 10:53:43</t>
  </si>
  <si>
    <t>01/21/2020 10:53:19</t>
  </si>
  <si>
    <t>3b7cb6ed-031c-4089-8701-6a6f925280a0.tmp</t>
  </si>
  <si>
    <t>\\acsfs\profiles$\ingridsm\Downloads\3b7cb6ed-031c-4089-8701-6a6f925280a0.tmp</t>
  </si>
  <si>
    <t>01/21/2020 10:55:10</t>
  </si>
  <si>
    <t>6f02ed83-56ad-40f7-bf9d-f174f6c57d73.tmp</t>
  </si>
  <si>
    <t>\\acsfs\profiles$\ingridsm\Downloads\6f02ed83-56ad-40f7-bf9d-f174f6c57d73.tmp</t>
  </si>
  <si>
    <t>01/21/2020 10:55:25</t>
  </si>
  <si>
    <t>893356ed-4d85-4cec-95d5-81f6926cdc44.tmp</t>
  </si>
  <si>
    <t>\\acsfs\profiles$\ingridsm\Downloads\893356ed-4d85-4cec-95d5-81f6926cdc44.tmp</t>
  </si>
  <si>
    <t>01/21/2020 10:56:08</t>
  </si>
  <si>
    <t>01/21/2020 10:57:25</t>
  </si>
  <si>
    <t>01/21/2020 10:59:28</t>
  </si>
  <si>
    <t>01/21/2020 10:55:12</t>
  </si>
  <si>
    <t>01/21/2020 11:00:28</t>
  </si>
  <si>
    <t>01/21/2020 10:55:13</t>
  </si>
  <si>
    <t>01/21/2020 10:58:50</t>
  </si>
  <si>
    <t>01/21/2020 10:58:57</t>
  </si>
  <si>
    <t>01/21/2020 11:01:29</t>
  </si>
  <si>
    <t>01/21/2020 10:58:58</t>
  </si>
  <si>
    <t>lu260804ah2n4.tmp</t>
  </si>
  <si>
    <t>\\acsfs\profiles$\BRUNAAR\Numero\lu260804ah2n4.tmp</t>
  </si>
  <si>
    <t>01/21/2020 10:58:25</t>
  </si>
  <si>
    <t>01/21/2020 11:02:28</t>
  </si>
  <si>
    <t>01/21/2020 10:59:46</t>
  </si>
  <si>
    <t>01/21/2020 10:57:57</t>
  </si>
  <si>
    <t>01/21/2020 11:03:29</t>
  </si>
  <si>
    <t>\\acsfs\DEPTOS\Operacao\Banco_Votorantim\Supervisao\BASE VENDAS\Dezembro 2019\</t>
  </si>
  <si>
    <t>\\acsfs\QLD\Gestão por Processos\Oficiais\Indicadores\Automação de Processos\01 - APLICAÇÕES\09 - POWERBI\02 - BVCARTOES\BASE VENDAS\Dezembro 2019\RELAT_FILAS_1001_DIAR_20191201_043429.CSV</t>
  </si>
  <si>
    <t>01/21/2020 10:58:00</t>
  </si>
  <si>
    <t>\\acsfs\QLD\Gestão por Processos\Oficiais\Indicadores\Automação de Processos\01 - APLICAÇÕES\09 - POWERBI\02 - BVCARTOES\BASE VENDAS\Dezembro 2019\RELAT_FILAS_1001_DIAR_20191202_041528.CSV</t>
  </si>
  <si>
    <t>01/21/2020 10:58:05</t>
  </si>
  <si>
    <t>\\acsfs\QLD\Gestão por Processos\Oficiais\Indicadores\Automação de Processos\01 - APLICAÇÕES\09 - POWERBI\02 - BVCARTOES\BASE VENDAS\Dezembro 2019\RELAT_FILAS_1001_DIAR_20191203_105430.CSV</t>
  </si>
  <si>
    <t>01/21/2020 10:58:10</t>
  </si>
  <si>
    <t>\\acsfs\QLD\Gestão por Processos\Oficiais\Indicadores\Automação de Processos\01 - APLICAÇÕES\09 - POWERBI\02 - BVCARTOES\BASE VENDAS\Dezembro 2019\RELAT_FILAS_1001_DIAR_20191204_080730.CSV</t>
  </si>
  <si>
    <t>01/21/2020 10:58:16</t>
  </si>
  <si>
    <t>\\acsfs\QLD\Gestão por Processos\Oficiais\Indicadores\Automação de Processos\01 - APLICAÇÕES\09 - POWERBI\02 - BVCARTOES\BASE VENDAS\Dezembro 2019\RELAT_FILAS_1001_DIAR_20191205_084032.CSV</t>
  </si>
  <si>
    <t>01/21/2020 10:58:20</t>
  </si>
  <si>
    <t>\\acsfs\QLD\Gestão por Processos\Oficiais\Indicadores\Automação de Processos\01 - APLICAÇÕES\09 - POWERBI\02 - BVCARTOES\BASE VENDAS\Dezembro 2019\RELAT_FILAS_1001_DIAR_20191206_083415.CSV</t>
  </si>
  <si>
    <t>\\acsfs\QLD\Gestão por Processos\Oficiais\Indicadores\Automação de Processos\01 - APLICAÇÕES\09 - POWERBI\02 - BVCARTOES\BASE VENDAS\Dezembro 2019\RELAT_FILAS_1001_DIAR_20191207_064600.CSV</t>
  </si>
  <si>
    <t>01/21/2020 10:58:29</t>
  </si>
  <si>
    <t>\\acsfs\QLD\Gestão por Processos\Oficiais\Indicadores\Automação de Processos\01 - APLICAÇÕES\09 - POWERBI\02 - BVCARTOES\BASE VENDAS\Dezembro 2019\RELAT_FILAS_1001_DIAR_20191208_061351.CSV</t>
  </si>
  <si>
    <t>01/21/2020 10:58:31</t>
  </si>
  <si>
    <t>\\acsfs\QLD\Gestão por Processos\Oficiais\Indicadores\Automação de Processos\01 - APLICAÇÕES\09 - POWERBI\02 - BVCARTOES\BASE VENDAS\Dezembro 2019\RELAT_FILAS_1001_DIAR_20191209_060320.CSV</t>
  </si>
  <si>
    <t>01/21/2020 10:58:46</t>
  </si>
  <si>
    <t>\\acsfs\QLD\Gestão por Processos\Oficiais\Indicadores\Automação de Processos\01 - APLICAÇÕES\09 - POWERBI\02 - BVCARTOES\BASE VENDAS\Dezembro 2019\RELAT_FILAS_1001_DIAR_20191211_082042.CSV</t>
  </si>
  <si>
    <t>\\acsfs\QLD\Gestão por Processos\Oficiais\Indicadores\Automação de Processos\01 - APLICAÇÕES\09 - POWERBI\02 - BVCARTOES\BASE VENDAS\Dezembro 2019\RELAT_FILAS_1001_DIAR_20191212_070927.CSV</t>
  </si>
  <si>
    <t>01/21/2020 10:58:55</t>
  </si>
  <si>
    <t>\\acsfs\QLD\Gestão por Processos\Oficiais\Indicadores\Automação de Processos\01 - APLICAÇÕES\09 - POWERBI\02 - BVCARTOES\BASE VENDAS\Dezembro 2019\RELAT_FILAS_1001_DIAR_20191213_035059.CSV</t>
  </si>
  <si>
    <t>01/21/2020 10:58:59</t>
  </si>
  <si>
    <t>\\acsfs\QLD\Gestão por Processos\Oficiais\Indicadores\Automação de Processos\01 - APLICAÇÕES\09 - POWERBI\02 - BVCARTOES\BASE VENDAS\Dezembro 2019\RELAT_FILAS_1001_DIAR_20191214_040745.CSV</t>
  </si>
  <si>
    <t>01/21/2020 10:59:05</t>
  </si>
  <si>
    <t>\\acsfs\QLD\Gestão por Processos\Oficiais\Indicadores\Automação de Processos\01 - APLICAÇÕES\09 - POWERBI\02 - BVCARTOES\BASE VENDAS\Dezembro 2019\RELAT_FILAS_1001_DIAR_20191215_033126.CSV</t>
  </si>
  <si>
    <t>01/21/2020 10:59:07</t>
  </si>
  <si>
    <t>\\acsfs\QLD\Gestão por Processos\Oficiais\Indicadores\Automação de Processos\01 - APLICAÇÕES\09 - POWERBI\02 - BVCARTOES\BASE VENDAS\Dezembro 2019\RELAT_FILAS_1001_DIAR_20191216_031040.CSV</t>
  </si>
  <si>
    <t>01/21/2020 10:59:12</t>
  </si>
  <si>
    <t>\\acsfs\QLD\Gestão por Processos\Oficiais\Indicadores\Automação de Processos\01 - APLICAÇÕES\09 - POWERBI\02 - BVCARTOES\BASE VENDAS\Dezembro 2019\RELAT_FILAS_1001_DIAR_20191217_040113.CSV</t>
  </si>
  <si>
    <t>01/21/2020 10:59:16</t>
  </si>
  <si>
    <t>\\acsfs\QLD\Gestão por Processos\Oficiais\Indicadores\Automação de Processos\01 - APLICAÇÕES\09 - POWERBI\02 - BVCARTOES\BASE VENDAS\Dezembro 2019\RELAT_FILAS_1001_DIAR_20191218_041048.CSV</t>
  </si>
  <si>
    <t>01/21/2020 10:59:21</t>
  </si>
  <si>
    <t>\\acsfs\QLD\Gestão por Processos\Oficiais\Indicadores\Automação de Processos\01 - APLICAÇÕES\09 - POWERBI\02 - BVCARTOES\BASE VENDAS\Dezembro 2019\RELAT_FILAS_1001_DIAR_20191219_040003.CSV</t>
  </si>
  <si>
    <t>01/21/2020 10:59:31</t>
  </si>
  <si>
    <t>\\acsfs\QLD\Gestão por Processos\Oficiais\Indicadores\Automação de Processos\01 - APLICAÇÕES\09 - POWERBI\02 - BVCARTOES\BASE VENDAS\Dezembro 2019\RELAT_FILAS_1001_DIAR_20191220_035912.CSV</t>
  </si>
  <si>
    <t>01/21/2020 10:59:36</t>
  </si>
  <si>
    <t>\\acsfs\QLD\Gestão por Processos\Oficiais\Indicadores\Automação de Processos\01 - APLICAÇÕES\09 - POWERBI\02 - BVCARTOES\BASE VENDAS\Dezembro 2019\RELAT_FILAS_1001_DIAR_20191221_040411.CSV</t>
  </si>
  <si>
    <t>01/21/2020 10:59:39</t>
  </si>
  <si>
    <t>\\acsfs\QLD\Gestão por Processos\Oficiais\Indicadores\Automação de Processos\01 - APLICAÇÕES\09 - POWERBI\02 - BVCARTOES\BASE VENDAS\Dezembro 2019\RELAT_FILAS_1001_DIAR_20191222_033504.CSV</t>
  </si>
  <si>
    <t>01/21/2020 10:59:42</t>
  </si>
  <si>
    <t>\\acsfs\QLD\Gestão por Processos\Oficiais\Indicadores\Automação de Processos\01 - APLICAÇÕES\09 - POWERBI\02 - BVCARTOES\BASE VENDAS\Dezembro 2019\RELAT_FILAS_1001_DIAR_20191223_030619.CSV</t>
  </si>
  <si>
    <t>\\acsfs\QLD\Gestão por Processos\Oficiais\Indicadores\Automação de Processos\01 - APLICAÇÕES\09 - POWERBI\02 - BVCARTOES\BASE VENDAS\Dezembro 2019\RELAT_FILAS_1001_DIAR_20191224_034246.CSV</t>
  </si>
  <si>
    <t>01/21/2020 10:59:50</t>
  </si>
  <si>
    <t>\\acsfs\QLD\Gestão por Processos\Oficiais\Indicadores\Automação de Processos\01 - APLICAÇÕES\09 - POWERBI\02 - BVCARTOES\BASE VENDAS\Dezembro 2019\RELAT_FILAS_1001_DIAR_20191225_032644.CSV</t>
  </si>
  <si>
    <t>01/21/2020 10:59:51</t>
  </si>
  <si>
    <t>\\acsfs\QLD\Gestão por Processos\Oficiais\Indicadores\Automação de Processos\01 - APLICAÇÕES\09 - POWERBI\02 - BVCARTOES\BASE VENDAS\Dezembro 2019\RELAT_FILAS_1001_DIAR_20191226_030203.CSV</t>
  </si>
  <si>
    <t>01/21/2020 10:59:55</t>
  </si>
  <si>
    <t>\\acsfs\QLD\Gestão por Processos\Oficiais\Indicadores\Automação de Processos\01 - APLICAÇÕES\09 - POWERBI\02 - BVCARTOES\BASE VENDAS\Dezembro 2019\RELAT_FILAS_1001_DIAR_20191227_040522.CSV</t>
  </si>
  <si>
    <t>01/21/2020 11:00:00</t>
  </si>
  <si>
    <t>\\acsfs\QLD\Gestão por Processos\Oficiais\Indicadores\Automação de Processos\01 - APLICAÇÕES\09 - POWERBI\02 - BVCARTOES\BASE VENDAS\Dezembro 2019\RELAT_FILAS_1001_DIAR_20191228_035656.CSV</t>
  </si>
  <si>
    <t>01/21/2020 11:00:05</t>
  </si>
  <si>
    <t>\\acsfs\QLD\Gestão por Processos\Oficiais\Indicadores\Automação de Processos\01 - APLICAÇÕES\09 - POWERBI\02 - BVCARTOES\BASE VENDAS\Dezembro 2019\RELAT_FILAS_1001_DIAR_20191229_033324.CSV</t>
  </si>
  <si>
    <t>01/21/2020 11:00:07</t>
  </si>
  <si>
    <t>\\acsfs\QLD\Gestão por Processos\Oficiais\Indicadores\Automação de Processos\01 - APLICAÇÕES\09 - POWERBI\02 - BVCARTOES\BASE VENDAS\Dezembro 2019\RELAT_FILAS_1001_DIAR_20191230_030504.CSV</t>
  </si>
  <si>
    <t>01/21/2020 11:00:11</t>
  </si>
  <si>
    <t>\\acsfs\QLD\Gestão por Processos\Oficiais\Indicadores\Automação de Processos\01 - APLICAÇÕES\09 - POWERBI\02 - BVCARTOES\BASE VENDAS\Dezembro 2019\RELAT_FILAS_1001_DIAR_20191231_033314.CSV</t>
  </si>
  <si>
    <t>01/21/2020 11:00:14</t>
  </si>
  <si>
    <t>\\acsfs\QLD\Gestão por Processos\Oficiais\Indicadores\Automação de Processos\01 - APLICAÇÕES\09 - POWERBI\02 - BVCARTOES\BASE VENDAS\Dezembro 2019\RELAT_FILAS_1001_DIAR_20200101_032132.CSV</t>
  </si>
  <si>
    <t>01/21/2020 11:00:17</t>
  </si>
  <si>
    <t>\\acsfs\QLD\Gestão por Processos\Oficiais\Indicadores\Automação de Processos\01 - APLICAÇÕES\09 - POWERBI\02 - BVCARTOES\BASE VENDAS\Dezembro 2019\</t>
  </si>
  <si>
    <t>\\acsfs\QLD\Gestão por Processos\Oficiais\Indicadores\Automação de Processos\01 - APLICAÇÕES\09 - POWERBI\02 - BVCARTOES\BASE VENDAS\Janeiro 2020\RELAT_FILAS_1001_DIAR_20200101_032132.CSV</t>
  </si>
  <si>
    <t>01/21/2020 11:00:19</t>
  </si>
  <si>
    <t>\\acsfs\DEPTOS\Operacao\Banco_Votorantim\Supervisao\BASE VENDAS\Janeiro 2020\</t>
  </si>
  <si>
    <t>\\acsfs\QLD\Gestão por Processos\Oficiais\Indicadores\Automação de Processos\01 - APLICAÇÕES\09 - POWERBI\02 - BVCARTOES\BASE VENDAS\Janeiro 2020\RELAT_FILAS_1001_DIAR_20200102_031221.CSV</t>
  </si>
  <si>
    <t>01/21/2020 11:00:23</t>
  </si>
  <si>
    <t>\\acsfs\QLD\Gestão por Processos\Oficiais\Indicadores\Automação de Processos\01 - APLICAÇÕES\09 - POWERBI\02 - BVCARTOES\BASE VENDAS\Janeiro 2020\RELAT_FILAS_1001_DIAR_20200103_035646.CSV</t>
  </si>
  <si>
    <t>01/21/2020 11:00:29</t>
  </si>
  <si>
    <t>\\acsfs\QLD\Gestão por Processos\Oficiais\Indicadores\Automação de Processos\01 - APLICAÇÕES\09 - POWERBI\02 - BVCARTOES\BASE VENDAS\Janeiro 2020\RELAT_FILAS_1001_DIAR_20200104_035925.CSV</t>
  </si>
  <si>
    <t>01/21/2020 11:00:33</t>
  </si>
  <si>
    <t>\\acsfs\QLD\Gestão por Processos\Oficiais\Indicadores\Automação de Processos\01 - APLICAÇÕES\09 - POWERBI\02 - BVCARTOES\BASE VENDAS\Janeiro 2020\RELAT_FILAS_1001_DIAR_20200105_034759.CSV</t>
  </si>
  <si>
    <t>01/21/2020 11:00:35</t>
  </si>
  <si>
    <t>\\acsfs\QLD\Gestão por Processos\Oficiais\Indicadores\Automação de Processos\01 - APLICAÇÕES\09 - POWERBI\02 - BVCARTOES\BASE VENDAS\Janeiro 2020\RELAT_FILAS_1001_DIAR_20200106_030608.CSV</t>
  </si>
  <si>
    <t>01/21/2020 11:00:40</t>
  </si>
  <si>
    <t>\\acsfs\QLD\Gestão por Processos\Oficiais\Indicadores\Automação de Processos\01 - APLICAÇÕES\09 - POWERBI\02 - BVCARTOES\BASE VENDAS\Janeiro 2020\RELAT_FILAS_1001_DIAR_20200107_042812.CSV</t>
  </si>
  <si>
    <t>01/21/2020 11:00:46</t>
  </si>
  <si>
    <t>\\acsfs\QLD\Gestão por Processos\Oficiais\Indicadores\Automação de Processos\01 - APLICAÇÕES\09 - POWERBI\02 - BVCARTOES\BASE VENDAS\Janeiro 2020\RELAT_FILAS_1001_DIAR_20200108_041551.CSV</t>
  </si>
  <si>
    <t>01/21/2020 11:00:52</t>
  </si>
  <si>
    <t>\\acsfs\QLD\Gestão por Processos\Oficiais\Indicadores\Automação de Processos\01 - APLICAÇÕES\09 - POWERBI\02 - BVCARTOES\BASE VENDAS\Janeiro 2020\RELAT_FILAS_1001_DIAR_20200109_041059.CSV</t>
  </si>
  <si>
    <t>01/21/2020 11:00:58</t>
  </si>
  <si>
    <t>\\acsfs\QLD\Gestão por Processos\Oficiais\Indicadores\Automação de Processos\01 - APLICAÇÕES\09 - POWERBI\02 - BVCARTOES\BASE VENDAS\Janeiro 2020\RELAT_FILAS_1001_DIAR_20200110_040250.CSV</t>
  </si>
  <si>
    <t>01/21/2020 11:01:05</t>
  </si>
  <si>
    <t>\\acsfs\QLD\Gestão por Processos\Oficiais\Indicadores\Automação de Processos\01 - APLICAÇÕES\09 - POWERBI\02 - BVCARTOES\BASE VENDAS\Janeiro 2020\RELAT_FILAS_1001_DIAR_20200111_041210.CSV</t>
  </si>
  <si>
    <t>01/21/2020 11:01:08</t>
  </si>
  <si>
    <t>\\acsfs\QLD\Gestão por Processos\Oficiais\Indicadores\Automação de Processos\01 - APLICAÇÕES\09 - POWERBI\02 - BVCARTOES\BASE VENDAS\Janeiro 2020\RELAT_FILAS_1001_DIAR_20200112_032812.CSV</t>
  </si>
  <si>
    <t>01/21/2020 11:01:10</t>
  </si>
  <si>
    <t>\\acsfs\QLD\Gestão por Processos\Oficiais\Indicadores\Automação de Processos\01 - APLICAÇÕES\09 - POWERBI\02 - BVCARTOES\BASE VENDAS\Janeiro 2020\RELAT_FILAS_1001_DIAR_20200113_030643.CSV</t>
  </si>
  <si>
    <t>01/21/2020 11:01:16</t>
  </si>
  <si>
    <t>\\acsfs\QLD\Gestão por Processos\Oficiais\Indicadores\Automação de Processos\01 - APLICAÇÕES\09 - POWERBI\02 - BVCARTOES\BASE VENDAS\Janeiro 2020\RELAT_FILAS_1001_DIAR_20200114_041325.CSV</t>
  </si>
  <si>
    <t>01/21/2020 11:01:21</t>
  </si>
  <si>
    <t>\\acsfs\QLD\Gestão por Processos\Oficiais\Indicadores\Automação de Processos\01 - APLICAÇÕES\09 - POWERBI\02 - BVCARTOES\BASE VENDAS\Janeiro 2020\RELAT_FILAS_1001_DIAR_20200115_041441.CSV</t>
  </si>
  <si>
    <t>01/21/2020 11:01:27</t>
  </si>
  <si>
    <t>\\acsfs\QLD\Gestão por Processos\Oficiais\Indicadores\Automação de Processos\01 - APLICAÇÕES\09 - POWERBI\02 - BVCARTOES\BASE VENDAS\Janeiro 2020\RELAT_FILAS_1001_DIAR_20200116_040514.CSV</t>
  </si>
  <si>
    <t>01/21/2020 11:01:32</t>
  </si>
  <si>
    <t>\\acsfs\QLD\Gestão por Processos\Oficiais\Indicadores\Automação de Processos\01 - APLICAÇÕES\09 - POWERBI\02 - BVCARTOES\BASE VENDAS\Janeiro 2020\RELAT_FILAS_1001_DIAR_20200117_035331.CSV</t>
  </si>
  <si>
    <t>01/21/2020 11:01:37</t>
  </si>
  <si>
    <t>\\acsfs\QLD\Gestão por Processos\Oficiais\Indicadores\Automação de Processos\01 - APLICAÇÕES\09 - POWERBI\02 - BVCARTOES\BASE VENDAS\Janeiro 2020\RELAT_FILAS_1001_DIAR_20200118_040540.CSV</t>
  </si>
  <si>
    <t>01/21/2020 11:01:41</t>
  </si>
  <si>
    <t>\\acsfs\QLD\Gestão por Processos\Oficiais\Indicadores\Automação de Processos\01 - APLICAÇÕES\09 - POWERBI\02 - BVCARTOES\BASE VENDAS\Janeiro 2020\RELAT_FILAS_1001_DIAR_20200119_034444.CSV</t>
  </si>
  <si>
    <t>01/21/2020 11:01:42</t>
  </si>
  <si>
    <t>\\acsfs\QLD\Gestão por Processos\Oficiais\Indicadores\Automação de Processos\01 - APLICAÇÕES\09 - POWERBI\02 - BVCARTOES\BASE VENDAS\Janeiro 2020\RELAT_FILAS_1001_DIAR_20200120_030641.CSV</t>
  </si>
  <si>
    <t>01/21/2020 11:01:03</t>
  </si>
  <si>
    <t>a90dc8ad-d7d2-4c6f-9504-8294cf9110a1.tmp</t>
  </si>
  <si>
    <t>\\acsfs\profiles$\nathaliarmr\Downloads\a90dc8ad-d7d2-4c6f-9504-8294cf9110a1.tmp</t>
  </si>
  <si>
    <t>01/21/2020 10:59:19</t>
  </si>
  <si>
    <t>KAMILLA CAROLINA RODRIGUES_1_6780672639321061490_1_32.wav</t>
  </si>
  <si>
    <t>\\acsfs\Deptos\EDUCACAO EMPRESARIAL\FERNANDA MONIT\Fernanda\MONITORIA JANEIRO\Ligaçoes para MUTANT terceiro ciclo janeiro\KAMILLA CAROLINA RODRIGUES_1_6780672639321061490_1_32.wav</t>
  </si>
  <si>
    <t>01/21/2020 10:59:47</t>
  </si>
  <si>
    <t>01/21/2020 11:00:20</t>
  </si>
  <si>
    <t>01/21/2020 11:01:47</t>
  </si>
  <si>
    <t>01/21/2020 11:01:56</t>
  </si>
  <si>
    <t>01/21/2020 11:01:59</t>
  </si>
  <si>
    <t>01/21/2020 11:02:06</t>
  </si>
  <si>
    <t>01/21/2020 11:02:12</t>
  </si>
  <si>
    <t>01/21/2020 11:02:15</t>
  </si>
  <si>
    <t>01/21/2020 11:02:19</t>
  </si>
  <si>
    <t>01/21/2020 11:02:24</t>
  </si>
  <si>
    <t>01/21/2020 11:02:32</t>
  </si>
  <si>
    <t>01/21/2020 11:02:08</t>
  </si>
  <si>
    <t>01/21/2020 10:59:25</t>
  </si>
  <si>
    <t>01/21/2020 11:04:28</t>
  </si>
  <si>
    <t>4acf206e-57f0-43b7-b6d2-6054c41ea566.tmp</t>
  </si>
  <si>
    <t>\\acsfs\profiles$\anafsb\Downloads\4acf206e-57f0-43b7-b6d2-6054c41ea566.tmp</t>
  </si>
  <si>
    <t>01/21/2020 10:59:26</t>
  </si>
  <si>
    <t>af103a14-ddfb-4d75-8c37-fe51c7a00594.tmp</t>
  </si>
  <si>
    <t>\\acsfs\profiles$\anafsb\Downloads\af103a14-ddfb-4d75-8c37-fe51c7a00594.tmp</t>
  </si>
  <si>
    <t>01/21/2020 11:00:24</t>
  </si>
  <si>
    <t>3fae52e7-39f8-4093-a475-f4d9995831a8.tmp</t>
  </si>
  <si>
    <t>\\acsfs\profiles$\anafsb\Downloads\3fae52e7-39f8-4093-a475-f4d9995831a8.tmp</t>
  </si>
  <si>
    <t>e8dde076-afb2-47ce-8e40-0a87695d60d7.tmp</t>
  </si>
  <si>
    <t>\\acsfs\profiles$\anafsb\Downloads\e8dde076-afb2-47ce-8e40-0a87695d60d7.tmp</t>
  </si>
  <si>
    <t>01/21/2020 11:00:36</t>
  </si>
  <si>
    <t>713a5098-c4fa-4d00-a21c-012520f3b6fd.tmp</t>
  </si>
  <si>
    <t>\\acsfs\profiles$\anafsb\Downloads\713a5098-c4fa-4d00-a21c-012520f3b6fd.tmp</t>
  </si>
  <si>
    <t>01/21/2020 11:01:31</t>
  </si>
  <si>
    <t>089105ec-f3f2-4371-b313-86ffdd109db2.tmp</t>
  </si>
  <si>
    <t>\\acsfs\profiles$\anafsb\Downloads\089105ec-f3f2-4371-b313-86ffdd109db2.tmp</t>
  </si>
  <si>
    <t>01/21/2020 11:02:37</t>
  </si>
  <si>
    <t>9b1f87ff-615b-4434-b881-cfd28e752774.tmp</t>
  </si>
  <si>
    <t>\\acsfs\profiles$\anafsb\Downloads\9b1f87ff-615b-4434-b881-cfd28e752774.tmp</t>
  </si>
  <si>
    <t>01/21/2020 11:03:11</t>
  </si>
  <si>
    <t>c2338332-f874-42b6-a781-be4dce4c3bbc.tmp</t>
  </si>
  <si>
    <t>\\acsfs\profiles$\anafsb\Downloads\c2338332-f874-42b6-a781-be4dce4c3bbc.tmp</t>
  </si>
  <si>
    <t>01/21/2020 11:05:29</t>
  </si>
  <si>
    <t>dba4482e-8531-4fb7-9993-690919673661.tmp</t>
  </si>
  <si>
    <t>\\acsfs\profiles$\luanaldsi\Downloads\dba4482e-8531-4fb7-9993-690919673661.tmp</t>
  </si>
  <si>
    <t>01/21/2020 11:02:50</t>
  </si>
  <si>
    <t>01/21/2020 11:04:52</t>
  </si>
  <si>
    <t>01/21/2020 11:00:54</t>
  </si>
  <si>
    <t>01/21/2020 11:06:28</t>
  </si>
  <si>
    <t>8ab937ea-3fc6-4550-ab7a-0c84d997787d.tmp</t>
  </si>
  <si>
    <t>\\acsfs\profiles$\cassianogc\Downloads\8ab937ea-3fc6-4550-ab7a-0c84d997787d.tmp</t>
  </si>
  <si>
    <t>01/21/2020 11:01:57</t>
  </si>
  <si>
    <t>674e7002-6d55-41ff-b6d5-f9bb57036b4d.tmp</t>
  </si>
  <si>
    <t>\\acsfs\profiles$\cassianogc\Downloads\674e7002-6d55-41ff-b6d5-f9bb57036b4d.tmp</t>
  </si>
  <si>
    <t>01/21/2020 11:02:52</t>
  </si>
  <si>
    <t>lu260804ah2n8.tmp</t>
  </si>
  <si>
    <t>\\acsfs\profiles$\BRUNAAR\Numero\lu260804ah2n8.tmp</t>
  </si>
  <si>
    <t>01/21/2020 11:07:28</t>
  </si>
  <si>
    <t>01/21/2020 11:05:51</t>
  </si>
  <si>
    <t>01/21/2020 11:05:52</t>
  </si>
  <si>
    <t>01/21/2020 11:07:10</t>
  </si>
  <si>
    <t>01/21/2020 11:07:11</t>
  </si>
  <si>
    <t>01/21/2020 11:07:12</t>
  </si>
  <si>
    <t>01/21/2020 11:04:00</t>
  </si>
  <si>
    <t>01/21/2020 11:08:29</t>
  </si>
  <si>
    <t>6f723307-84b7-473e-8648-3a8957015a81.tmp</t>
  </si>
  <si>
    <t>\\acsfs\profiles$\ingridsm\Downloads\6f723307-84b7-473e-8648-3a8957015a81.tmp</t>
  </si>
  <si>
    <t>01/21/2020 11:03:50</t>
  </si>
  <si>
    <t>01/21/2020 11:04:01</t>
  </si>
  <si>
    <t>01/21/2020 11:04:04</t>
  </si>
  <si>
    <t>01/21/2020 11:08:09</t>
  </si>
  <si>
    <t>01/21/2020 11:04:21</t>
  </si>
  <si>
    <t>01/21/2020 11:09:28</t>
  </si>
  <si>
    <t>871e5436-267d-49c0-9f7d-0ecd9cf7f459.tmp</t>
  </si>
  <si>
    <t>\\acsfs\profiles$\anafsb\Downloads\871e5436-267d-49c0-9f7d-0ecd9cf7f459.tmp</t>
  </si>
  <si>
    <t>01/21/2020 11:05:17</t>
  </si>
  <si>
    <t>fadb241c-c55b-461d-8fa3-fc84fb9c78b4.tmp</t>
  </si>
  <si>
    <t>\\acsfs\profiles$\anafsb\Downloads\fadb241c-c55b-461d-8fa3-fc84fb9c78b4.tmp</t>
  </si>
  <si>
    <t>01/21/2020 11:05:57</t>
  </si>
  <si>
    <t>4a0c2d37-67f7-4df3-b34b-9969ca298fab.tmp</t>
  </si>
  <si>
    <t>\\acsfs\profiles$\anafsb\Downloads\4a0c2d37-67f7-4df3-b34b-9969ca298fab.tmp</t>
  </si>
  <si>
    <t>01/21/2020 11:06:54</t>
  </si>
  <si>
    <t>fb2cc373-1153-40b3-b309-6047e515b3f2.tmp</t>
  </si>
  <si>
    <t>\\acsfs\profiles$\anafsb\Downloads\fb2cc373-1153-40b3-b309-6047e515b3f2.tmp</t>
  </si>
  <si>
    <t>01/21/2020 11:05:25</t>
  </si>
  <si>
    <t>01/21/2020 11:10:29</t>
  </si>
  <si>
    <t>01/21/2020 11:05:26</t>
  </si>
  <si>
    <t>01/21/2020 11:07:27</t>
  </si>
  <si>
    <t>01/21/2020 11:11:28</t>
  </si>
  <si>
    <t>dc6870ef-8ef0-4930-b47e-e8c0b57bd69b.tmp</t>
  </si>
  <si>
    <t>\\acsfs\profiles$\esterasg\Downloads\dc6870ef-8ef0-4930-b47e-e8c0b57bd69b.tmp</t>
  </si>
  <si>
    <t>01/21/2020 11:06:10</t>
  </si>
  <si>
    <t>c7c4b434-de94-4a42-92d1-84c45a0b7037.tmp</t>
  </si>
  <si>
    <t>\\acsfs\profiles$\cassianogc\Downloads\c7c4b434-de94-4a42-92d1-84c45a0b7037.tmp</t>
  </si>
  <si>
    <t>01/21/2020 11:07:03</t>
  </si>
  <si>
    <t>3c8a1f58-7aa1-485c-bd38-5b7a65c32fb0.tmp</t>
  </si>
  <si>
    <t>\\acsfs\profiles$\cassianogc\Downloads\3c8a1f58-7aa1-485c-bd38-5b7a65c32fb0.tmp</t>
  </si>
  <si>
    <t>01/21/2020 11:07:15</t>
  </si>
  <si>
    <t>01/21/2020 11:12:29</t>
  </si>
  <si>
    <t>01/21/2020 11:10:26</t>
  </si>
  <si>
    <t>01/21/2020 11:11:01</t>
  </si>
  <si>
    <t>02691378-3ef1-468b-a595-3078f6cbc18d.tmp</t>
  </si>
  <si>
    <t>\\acsfs\profiles$\joselrb\Downloads\02691378-3ef1-468b-a595-3078f6cbc18d.tmp</t>
  </si>
  <si>
    <t>01/21/2020 11:11:30</t>
  </si>
  <si>
    <t>ad28f606-6ead-4021-8bd8-17bce435ba87.tmp</t>
  </si>
  <si>
    <t>\\acsfs\profiles$\joselrb\Downloads\ad28f606-6ead-4021-8bd8-17bce435ba87.tmp</t>
  </si>
  <si>
    <t>01/21/2020 11:09:10</t>
  </si>
  <si>
    <t>402b97de-82e0-493a-9301-f00b6a344e8d.tmp</t>
  </si>
  <si>
    <t>\\acsfs\profiles$\ERICALSR\Downloads\402b97de-82e0-493a-9301-f00b6a344e8d.tmp</t>
  </si>
  <si>
    <t>01/21/2020 11:07:13</t>
  </si>
  <si>
    <t>01/21/2020 11:07:14</t>
  </si>
  <si>
    <t>01/21/2020 11:07:16</t>
  </si>
  <si>
    <t>01/21/2020 11:07:17</t>
  </si>
  <si>
    <t>01/21/2020 11:07:18</t>
  </si>
  <si>
    <t>01/21/2020 11:07:19</t>
  </si>
  <si>
    <t>01/21/2020 11:07:20</t>
  </si>
  <si>
    <t>01/21/2020 11:07:21</t>
  </si>
  <si>
    <t>01/21/2020 11:07:22</t>
  </si>
  <si>
    <t>01/21/2020 11:07:23</t>
  </si>
  <si>
    <t>01/21/2020 11:07:24</t>
  </si>
  <si>
    <t>01/21/2020 11:07:25</t>
  </si>
  <si>
    <t>01/21/2020 11:07:26</t>
  </si>
  <si>
    <t>01/21/2020 11:07:29</t>
  </si>
  <si>
    <t>01/21/2020 11:07:30</t>
  </si>
  <si>
    <t>01/21/2020 11:07:31</t>
  </si>
  <si>
    <t>01/21/2020 11:07:32</t>
  </si>
  <si>
    <t>01/21/2020 11:07:33</t>
  </si>
  <si>
    <t>01/21/2020 11:07:34</t>
  </si>
  <si>
    <t>01/21/2020 11:07:35</t>
  </si>
  <si>
    <t>01/21/2020 11:07:36</t>
  </si>
  <si>
    <t>01/21/2020 11:10:08</t>
  </si>
  <si>
    <t>01/21/2020 11:13:28</t>
  </si>
  <si>
    <t>01/21/2020 11:10:10</t>
  </si>
  <si>
    <t>lu1047229x1j.tmp</t>
  </si>
  <si>
    <t>\\acsfs\profiles$\Flaviojmm\My Documents\lu1047229x1j.tmp</t>
  </si>
  <si>
    <t>\\acsfs\profiles$\Flaviojmm\My Documents\lu1047229x1j.tmp\</t>
  </si>
  <si>
    <t>\\acsfs\profiles$\Flaviojmm\My Documents\lu1047229x1j.tmp\META-INF\</t>
  </si>
  <si>
    <t>\\acsfs\profiles$\Flaviojmm\My Documents\lu1047229x1j.tmp\Thumbnails\</t>
  </si>
  <si>
    <t>01/21/2020 11:08:16</t>
  </si>
  <si>
    <t>01/21/2020 11:08:30</t>
  </si>
  <si>
    <t>01/21/2020 11:09:14</t>
  </si>
  <si>
    <t>01/21/2020 11:09:23</t>
  </si>
  <si>
    <t>01/21/2020 11:10:22</t>
  </si>
  <si>
    <t>01/21/2020 11:10:42</t>
  </si>
  <si>
    <t>01/21/2020 11:10:49</t>
  </si>
  <si>
    <t>01/21/2020 11:10:52</t>
  </si>
  <si>
    <t>01/21/2020 11:11:08</t>
  </si>
  <si>
    <t>01/21/2020 11:11:12</t>
  </si>
  <si>
    <t>01/21/2020 11:11:14</t>
  </si>
  <si>
    <t>mail.google.com/sync/u/0/i/s?hl=pt-BR&amp;c=699</t>
  </si>
  <si>
    <t>01/21/2020 11:11:24</t>
  </si>
  <si>
    <t>01/21/2020 11:11:04</t>
  </si>
  <si>
    <t>01/21/2020 11:11:05</t>
  </si>
  <si>
    <t>01/21/2020 11:11:19</t>
  </si>
  <si>
    <t>01/21/2020 11:14:28</t>
  </si>
  <si>
    <t>781db543-1cdd-40cd-90f0-76c584f9d22d.tmp</t>
  </si>
  <si>
    <t>\\acsfs\profiles$\anafsb\Downloads\781db543-1cdd-40cd-90f0-76c584f9d22d.tmp</t>
  </si>
  <si>
    <t>01/21/2020 11:10:50</t>
  </si>
  <si>
    <t>01/21/2020 11:15:28</t>
  </si>
  <si>
    <t>01/21/2020 11:13:02</t>
  </si>
  <si>
    <t>01/21/2020 11:14:11</t>
  </si>
  <si>
    <t>01/21/2020 11:16:28</t>
  </si>
  <si>
    <t>01/21/2020 11:14:29</t>
  </si>
  <si>
    <t>01/21/2020 11:15:30</t>
  </si>
  <si>
    <t>01/21/2020 11:11:34</t>
  </si>
  <si>
    <t>01/21/2020 11:17:29</t>
  </si>
  <si>
    <t>01/21/2020 11:12:19</t>
  </si>
  <si>
    <t>01/21/2020 11:11:50</t>
  </si>
  <si>
    <t>28990a6d-161b-4a8d-a4b4-7ee580e1e9b3.tmp</t>
  </si>
  <si>
    <t>\\acsfs\profiles$\joselrb\Downloads\28990a6d-161b-4a8d-a4b4-7ee580e1e9b3.tmp</t>
  </si>
  <si>
    <t>01/21/2020 11:14:54</t>
  </si>
  <si>
    <t>01/21/2020 11:16:21</t>
  </si>
  <si>
    <t>01/21/2020 11:18:28</t>
  </si>
  <si>
    <t>\\acsfs\Deptos\EDUCACAO EMPRESARIAL\FERNANDA MONIT\Fernanda\MONITORIA JANEIRO\15314487.tmp\</t>
  </si>
  <si>
    <t>\\acsfs\Deptos\EDUCACAO EMPRESARIAL\FERNANDA MONIT\Fernanda\MONITORIA JANEIRO\15314487.tmp\:Zone.Identifier:$DATA</t>
  </si>
  <si>
    <t>01/21/2020 11:16:35</t>
  </si>
  <si>
    <t>\\acsfs\Deptos\EDUCACAO EMPRESARIAL\FERNANDA MONIT\Fernanda\MONITORIA JANEIRO\</t>
  </si>
  <si>
    <t>01/21/2020 11:16:48</t>
  </si>
  <si>
    <t>01/21/2020 11:16:08</t>
  </si>
  <si>
    <t>01/21/2020 11:20:28</t>
  </si>
  <si>
    <t>01/21/2020 11:16:50</t>
  </si>
  <si>
    <t>01/21/2020 11:15:35</t>
  </si>
  <si>
    <t>01/21/2020 11:17:40</t>
  </si>
  <si>
    <t>01/21/2020 11:21:28</t>
  </si>
  <si>
    <t>01/21/2020 11:18:26</t>
  </si>
  <si>
    <t>01/21/2020 11:20:37</t>
  </si>
  <si>
    <t>01/21/2020 11:22:28</t>
  </si>
  <si>
    <t>01/21/2020 11:23:28</t>
  </si>
  <si>
    <t>01/21/2020 11:22:24</t>
  </si>
  <si>
    <t>dd4f8abb-cfac-49db-8766-7a54eac331ce.tmp</t>
  </si>
  <si>
    <t>\\acsfs\profiles$\lucasgpe\Downloads\dd4f8abb-cfac-49db-8766-7a54eac331ce.tmp</t>
  </si>
  <si>
    <t>01/21/2020 11:22:08</t>
  </si>
  <si>
    <t>01/21/2020 11:20:17</t>
  </si>
  <si>
    <t>01/21/2020 11:24:29</t>
  </si>
  <si>
    <t>\\udpavonfs01\AVON\00 - ACOMPANHAMENTO AVON\07 - FILAS BKO\</t>
  </si>
  <si>
    <t>Filas Backoffice JANEIRO 2020.xlsx</t>
  </si>
  <si>
    <t>\\udpavonfs01\AVON\00 - ACOMPANHAMENTO AVON\07 - FILAS BKO\Filas Backoffice JANEIRO 2020.xlsx</t>
  </si>
  <si>
    <t>01/21/2020 11:20:51</t>
  </si>
  <si>
    <t>01/21/2020 11:20:01</t>
  </si>
  <si>
    <t>01/21/2020 11:21:47</t>
  </si>
  <si>
    <t>01/21/2020 11:21:48</t>
  </si>
  <si>
    <t>lu1498012kwm5.tmp</t>
  </si>
  <si>
    <t>\\acsfs\profiles$\dhiulliananads\My Documents\lu1498012kwm5.tmp</t>
  </si>
  <si>
    <t>\\acsfs\profiles$\dhiulliananads\My Documents\lu1498012kwm5.tmp\</t>
  </si>
  <si>
    <t>\\acsfs\profiles$\dhiulliananads\My Documents\lu1498012kwm5.tmp\META-INF\</t>
  </si>
  <si>
    <t>\\acsfs\profiles$\dhiulliananads\My Documents\lu1498012kwm5.tmp\Thumbnails\</t>
  </si>
  <si>
    <t>01/21/2020 11:20:50</t>
  </si>
  <si>
    <t>01/21/2020 11:25:28</t>
  </si>
  <si>
    <t>01/21/2020 11:22:50</t>
  </si>
  <si>
    <t>01/21/2020 11:22:02</t>
  </si>
  <si>
    <t>01/21/2020 11:26:29</t>
  </si>
  <si>
    <t>lu260804ah2nc.tmp</t>
  </si>
  <si>
    <t>\\acsfs\profiles$\BRUNAAR\Numero\lu260804ah2nc.tmp</t>
  </si>
  <si>
    <t>01/21/2020 11:27:28</t>
  </si>
  <si>
    <t>01/21/2020 11:28:03</t>
  </si>
  <si>
    <t>01/21/2020 11:28:29</t>
  </si>
  <si>
    <t>7994a777-c9da-4892-a4bd-1ca0de5705ef.tmp</t>
  </si>
  <si>
    <t>\\acsfs\profiles$\lucasgpe\Downloads\7994a777-c9da-4892-a4bd-1ca0de5705ef.tmp</t>
  </si>
  <si>
    <t>01/21/2020 11:28:01</t>
  </si>
  <si>
    <t>01/21/2020 11:28:08</t>
  </si>
  <si>
    <t>01/21/2020 11:28:13</t>
  </si>
  <si>
    <t>01/21/2020 11:28:19</t>
  </si>
  <si>
    <t>01/21/2020 11:28:22</t>
  </si>
  <si>
    <t>01/21/2020 11:30:28</t>
  </si>
  <si>
    <t>01/21/2020 11:28:50</t>
  </si>
  <si>
    <t>01/21/2020 11:26:13</t>
  </si>
  <si>
    <t>01/21/2020 11:31:28</t>
  </si>
  <si>
    <t>01/21/2020 11:32:28</t>
  </si>
  <si>
    <t>01/21/2020 11:30:36</t>
  </si>
  <si>
    <t>01/21/2020 11:35:28</t>
  </si>
  <si>
    <t>01/21/2020 11:34:50</t>
  </si>
  <si>
    <t>01/21/2020 11:35:37</t>
  </si>
  <si>
    <t>01/21/2020 11:36:28</t>
  </si>
  <si>
    <t>01/21/2020 11:32:19</t>
  </si>
  <si>
    <t>01/21/2020 11:37:28</t>
  </si>
  <si>
    <t>01/21/2020 11:35:03</t>
  </si>
  <si>
    <t>01/21/2020 11:38:29</t>
  </si>
  <si>
    <t>d5e79f46-40a5-44ee-a617-3f16bc87b215.tmp</t>
  </si>
  <si>
    <t>\\acsfs\profiles$\gabrielafs\Downloads\d5e79f46-40a5-44ee-a617-3f16bc87b215.tmp</t>
  </si>
  <si>
    <t>01/21/2020 11:37:54</t>
  </si>
  <si>
    <t>FLAVIO JUNIO MENDES MOREIRA_1_6781095925527947118_1_32.wav</t>
  </si>
  <si>
    <t>\\acsfs\Deptos\EDUCACAO EMPRESARIAL\KÉSIA\Ligações 3º ciclo - Janeiro 2020\FLAVIO JUNIO MENDES MOREIRA_1_6781095925527947118_1_32.wav</t>
  </si>
  <si>
    <t>01/21/2020 11:36:27</t>
  </si>
  <si>
    <t>57cf3a3a-a263-4c5d-a497-4f0fafa37522.tmp</t>
  </si>
  <si>
    <t>\\acsfs\profiles$\lucasgpe\Downloads\57cf3a3a-a263-4c5d-a497-4f0fafa37522.tmp</t>
  </si>
  <si>
    <t>01/21/2020 11:34:05</t>
  </si>
  <si>
    <t>KELLZYLENNE APARECIDA SILVA RABELO_1_6780663379371565160_1_32.wav</t>
  </si>
  <si>
    <t>\\acsfs\Deptos\EDUCACAO EMPRESARIAL\FERNANDA MONIT\Fernanda\MONITORIA JANEIRO\Ligaçoes para MUTANT terceiro ciclo janeiro\KELLZYLENNE APARECIDA SILVA RABELO_1_6780663379371565160_1_32.wav</t>
  </si>
  <si>
    <t>01/21/2020 11:34:08</t>
  </si>
  <si>
    <t>01/21/2020 11:38:51</t>
  </si>
  <si>
    <t>01/21/2020 11:40:29</t>
  </si>
  <si>
    <t>01/21/2020 11:37:47</t>
  </si>
  <si>
    <t>01/21/2020 11:41:28</t>
  </si>
  <si>
    <t>01/21/2020 11:39:39</t>
  </si>
  <si>
    <t>01/21/2020 11:40:38</t>
  </si>
  <si>
    <t>01/21/2020 11:42:29</t>
  </si>
  <si>
    <t>01/21/2020 11:41:01</t>
  </si>
  <si>
    <t>01/21/2020 11:43:28</t>
  </si>
  <si>
    <t>b82f06e0-09a8-42cb-a7f1-11de3e568807.tmp</t>
  </si>
  <si>
    <t>\\acsfs\profiles$\lorenabmc\Downloads\b82f06e0-09a8-42cb-a7f1-11de3e568807.tmp</t>
  </si>
  <si>
    <t>01/21/2020 11:39:46</t>
  </si>
  <si>
    <t>01/21/2020 11:40:23</t>
  </si>
  <si>
    <t>01/21/2020 11:40:42</t>
  </si>
  <si>
    <t>01/21/2020 11:40:52</t>
  </si>
  <si>
    <t>01/21/2020 11:40:54</t>
  </si>
  <si>
    <t>01/21/2020 11:41:10</t>
  </si>
  <si>
    <t>mail.google.com/sync/u/0/i/s?hl=pt-BR&amp;c=739</t>
  </si>
  <si>
    <t>01/21/2020 11:41:21</t>
  </si>
  <si>
    <t>01/21/2020 11:41:41</t>
  </si>
  <si>
    <t>01/21/2020 11:40:08</t>
  </si>
  <si>
    <t>01/21/2020 11:43:18</t>
  </si>
  <si>
    <t>01/21/2020 11:43:24</t>
  </si>
  <si>
    <t>01/21/2020 11:44:29</t>
  </si>
  <si>
    <t>01/21/2020 11:40:51</t>
  </si>
  <si>
    <t>01/21/2020 11:45:28</t>
  </si>
  <si>
    <t>01/21/2020 11:42:54</t>
  </si>
  <si>
    <t>01/21/2020 11:42:01</t>
  </si>
  <si>
    <t>01/21/2020 11:47:28</t>
  </si>
  <si>
    <t>Agent State Details 20.01.2020.xlsx</t>
  </si>
  <si>
    <t>\\acsfs\DEPTOS\Operacao\PCP\5 - Comum\PLANEJAMENTO BV\23 - EXTRAÇÕES\Agent State Details\2020\JANEIRO\Agent State Details 20.01.2020.xlsx</t>
  </si>
  <si>
    <t>01/21/2020 11:45:15</t>
  </si>
  <si>
    <t>01/21/2020 11:46:10</t>
  </si>
  <si>
    <t>01/21/2020 11:43:15</t>
  </si>
  <si>
    <t>01/21/2020 11:43:17</t>
  </si>
  <si>
    <t>01/21/2020 11:48:28</t>
  </si>
  <si>
    <t>01/21/2020 11:47:14</t>
  </si>
  <si>
    <t>cedff7b5-452d-4ee4-988f-2230f28ee61c.tmp</t>
  </si>
  <si>
    <t>\\acsfs\profiles$\lucasgpe\Downloads\cedff7b5-452d-4ee4-988f-2230f28ee61c.tmp</t>
  </si>
  <si>
    <t>01/21/2020 11:44:27</t>
  </si>
  <si>
    <t>01/21/2020 11:46:37</t>
  </si>
  <si>
    <t>01/21/2020 11:46:40</t>
  </si>
  <si>
    <t>01/21/2020 11:46:48</t>
  </si>
  <si>
    <t>01/21/2020 11:46:55</t>
  </si>
  <si>
    <t>01/21/2020 11:47:05</t>
  </si>
  <si>
    <t>01/21/2020 11:47:19</t>
  </si>
  <si>
    <t>01/21/2020 11:44:08</t>
  </si>
  <si>
    <t>01/21/2020 11:47:30</t>
  </si>
  <si>
    <t>01/21/2020 11:47:33</t>
  </si>
  <si>
    <t>01/21/2020 11:47:36</t>
  </si>
  <si>
    <t>01/21/2020 11:47:46</t>
  </si>
  <si>
    <t>01/21/2020 11:50:28</t>
  </si>
  <si>
    <t>fb23b810-2502-49d0-9ed5-636b8e3ad93d.tmp</t>
  </si>
  <si>
    <t>\\acsfs\profiles$\henriquehmdo\Downloads\fb23b810-2502-49d0-9ed5-636b8e3ad93d.tmp</t>
  </si>
  <si>
    <t>01/21/2020 11:46:51</t>
  </si>
  <si>
    <t>01/21/2020 11:50:25</t>
  </si>
  <si>
    <t>01/21/2020 11:51:28</t>
  </si>
  <si>
    <t>01/21/2020 11:52:28</t>
  </si>
  <si>
    <t>01/21/2020 11:50:44</t>
  </si>
  <si>
    <t>01/21/2020 11:53:28</t>
  </si>
  <si>
    <t>lu1047229x1w.tmp</t>
  </si>
  <si>
    <t>\\acsfs\profiles$\Flaviojmm\My Documents\lu1047229x1w.tmp</t>
  </si>
  <si>
    <t>\\acsfs\profiles$\Flaviojmm\My Documents\lu1047229x1w.tmp\</t>
  </si>
  <si>
    <t>\\acsfs\profiles$\Flaviojmm\My Documents\lu1047229x1w.tmp\META-INF\</t>
  </si>
  <si>
    <t>\\acsfs\profiles$\Flaviojmm\My Documents\lu1047229x1w.tmp\Thumbnails\</t>
  </si>
  <si>
    <t>01/21/2020 11:51:05</t>
  </si>
  <si>
    <t>b0bc92c5-9a23-4eea-ba08-af292175be9e.tmp</t>
  </si>
  <si>
    <t>\\acsfs\profiles$\ingridsm\Downloads\b0bc92c5-9a23-4eea-ba08-af292175be9e.tmp</t>
  </si>
  <si>
    <t>01/21/2020 11:52:50</t>
  </si>
  <si>
    <t>FRANCISLAYNE ASSUMPCAO DE SOUSA_1_6781095302757689173_1_32.wav</t>
  </si>
  <si>
    <t>\\acsfs\Deptos\EDUCACAO EMPRESARIAL\KÉSIA\Ligações 3º ciclo - Janeiro 2020\FRANCISLAYNE ASSUMPCAO DE SOUSA_1_6781095302757689173_1_32.wav</t>
  </si>
  <si>
    <t>01/21/2020 11:49:08</t>
  </si>
  <si>
    <t>01/21/2020 11:50:08</t>
  </si>
  <si>
    <t>01/21/2020 11:51:07</t>
  </si>
  <si>
    <t>01/21/2020 11:54:29</t>
  </si>
  <si>
    <t>5d10e7df-cfc5-4cf6-808e-cc32848f193c.tmp</t>
  </si>
  <si>
    <t>\\acsfs\profiles$\milenaas\Downloads\5d10e7df-cfc5-4cf6-808e-cc32848f193c.tmp</t>
  </si>
  <si>
    <t>01/21/2020 11:52:51</t>
  </si>
  <si>
    <t>01/21/2020 11:55:28</t>
  </si>
  <si>
    <t>01/21/2020 11:54:39</t>
  </si>
  <si>
    <t>01/21/2020 11:52:59</t>
  </si>
  <si>
    <t>01/21/2020 11:51:47</t>
  </si>
  <si>
    <t>01/21/2020 11:56:28</t>
  </si>
  <si>
    <t>01/21/2020 11:52:29</t>
  </si>
  <si>
    <t>01/21/2020 11:52:30</t>
  </si>
  <si>
    <t>lu260804ah2ng.tmp</t>
  </si>
  <si>
    <t>\\acsfs\profiles$\BRUNAAR\Numero\lu260804ah2ng.tmp</t>
  </si>
  <si>
    <t>01/21/2020 11:51:36</t>
  </si>
  <si>
    <t>XLOG_ellencds_21012020_074212.log</t>
  </si>
  <si>
    <t>\\acsfs\profiles$\ellencds\My Documents\xworkcenter\logs\XLOG_ellencds_21012020_074212.log</t>
  </si>
  <si>
    <t>01/21/2020 11:52:13</t>
  </si>
  <si>
    <t>01/21/2020 11:57:28</t>
  </si>
  <si>
    <t>01/21/2020 11:52:16</t>
  </si>
  <si>
    <t>01/21/2020 11:55:33</t>
  </si>
  <si>
    <t>01/21/2020 11:54:50</t>
  </si>
  <si>
    <t>be32c907-ac4b-4a15-a5fb-eab1a5345f92.tmp</t>
  </si>
  <si>
    <t>\\acsfs\profiles$\lorraynevam\Downloads\be32c907-ac4b-4a15-a5fb-eab1a5345f92.tmp</t>
  </si>
  <si>
    <t>01/21/2020 11:58:28</t>
  </si>
  <si>
    <t>01/21/2020 11:55:08</t>
  </si>
  <si>
    <t>01/21/2020 11:56:08</t>
  </si>
  <si>
    <t>01/21/2020 11:54:59</t>
  </si>
  <si>
    <t>01/21/2020 11:59:29</t>
  </si>
  <si>
    <t>01/21/2020 11:55:21</t>
  </si>
  <si>
    <t>01/21/2020 11:55:30</t>
  </si>
  <si>
    <t>01/21/2020 11:55:49</t>
  </si>
  <si>
    <t>01/21/2020 11:55:59</t>
  </si>
  <si>
    <t>01/21/2020 11:56:15</t>
  </si>
  <si>
    <t>01/21/2020 11:56:19</t>
  </si>
  <si>
    <t>01/21/2020 11:56:56</t>
  </si>
  <si>
    <t>01/21/2020 11:57:02</t>
  </si>
  <si>
    <t>01/21/2020 11:57:09</t>
  </si>
  <si>
    <t>mail.google.com/sync/u/0/i/s?hl=pt-BR&amp;c=789</t>
  </si>
  <si>
    <t>01/21/2020 11:57:22</t>
  </si>
  <si>
    <t>01/21/2020 11:58:11</t>
  </si>
  <si>
    <t>01/21/2020 11:55:34</t>
  </si>
  <si>
    <t>01/21/2020 12:00:28</t>
  </si>
  <si>
    <t>360867ec-625a-497d-b5d9-5ba1102189d3.tmp</t>
  </si>
  <si>
    <t>\\acsfs\profiles$\mariagsg\Downloads\360867ec-625a-497d-b5d9-5ba1102189d3.tmp</t>
  </si>
  <si>
    <t>41b45033-0f69-4709-98d8-b3fb26cc2a37.tmp</t>
  </si>
  <si>
    <t>\\acsfs\profiles$\luanaldsi\Downloads\41b45033-0f69-4709-98d8-b3fb26cc2a37.tmp</t>
  </si>
  <si>
    <t>01/21/2020 11:56:24</t>
  </si>
  <si>
    <t>89ed229f-fb49-4cd7-8c3e-566bda0acfc5.tmp</t>
  </si>
  <si>
    <t>\\acsfs\profiles$\luanaldsi\Downloads\89ed229f-fb49-4cd7-8c3e-566bda0acfc5.tmp</t>
  </si>
  <si>
    <t>01/21/2020 11:57:29</t>
  </si>
  <si>
    <t>22338463-a1b0-4ecc-905b-1aec01f0a40a.tmp</t>
  </si>
  <si>
    <t>\\acsfs\profiles$\luanaldsi\Downloads\22338463-a1b0-4ecc-905b-1aec01f0a40a.tmp</t>
  </si>
  <si>
    <t>01/21/2020 11:58:51</t>
  </si>
  <si>
    <t>01/21/2020 11:56:58</t>
  </si>
  <si>
    <t>01/21/2020 12:01:29</t>
  </si>
  <si>
    <t>01/21/2020 11:58:55</t>
  </si>
  <si>
    <t>01/21/2020 11:59:06</t>
  </si>
  <si>
    <t>01/21/2020 12:02:28</t>
  </si>
  <si>
    <t>08d2cb3c-308c-45d3-a459-86e9d5f0d6ed.tmp</t>
  </si>
  <si>
    <t>\\acsfs\profiles$\joselrb\Downloads\08d2cb3c-308c-45d3-a459-86e9d5f0d6ed.tmp</t>
  </si>
  <si>
    <t>01/21/2020 12:00:48</t>
  </si>
  <si>
    <t>01/21/2020 12:00:50</t>
  </si>
  <si>
    <t>01/21/2020 12:03:28</t>
  </si>
  <si>
    <t>01/21/2020 11:59:01</t>
  </si>
  <si>
    <t>2d168fad-dcb7-4dbe-b8b1-41ddcaf76742.tmp</t>
  </si>
  <si>
    <t>\\acsfs\profiles$\victorgl\Downloads\2d168fad-dcb7-4dbe-b8b1-41ddcaf76742.tmp</t>
  </si>
  <si>
    <t>ee3eaf2d-2c30-48fd-a2ed-e0d4ca90890f.tmp</t>
  </si>
  <si>
    <t>\\acsfs\profiles$\victorgl\Downloads\ee3eaf2d-2c30-48fd-a2ed-e0d4ca90890f.tmp</t>
  </si>
  <si>
    <t>01/21/2020 12:01:09</t>
  </si>
  <si>
    <t>01/21/2020 12:04:28</t>
  </si>
  <si>
    <t>01/21/2020 12:02:08</t>
  </si>
  <si>
    <t>01/21/2020 12:04:07</t>
  </si>
  <si>
    <t>01/21/2020 12:04:08</t>
  </si>
  <si>
    <t>01/21/2020 12:04:13</t>
  </si>
  <si>
    <t>01/21/2020 12:02:52</t>
  </si>
  <si>
    <t>01/21/2020 12:05:29</t>
  </si>
  <si>
    <t>01/21/2020 12:04:52</t>
  </si>
  <si>
    <t>01/21/2020 12:04:27</t>
  </si>
  <si>
    <t>01/21/2020 12:06:28</t>
  </si>
  <si>
    <t>c7ef1435-00cc-4fab-a79b-33c25211132e.tmp</t>
  </si>
  <si>
    <t>\\acsfs\profiles$\gabrielsma\Downloads\c7ef1435-00cc-4fab-a79b-33c25211132e.tmp</t>
  </si>
  <si>
    <t>01/21/2020 12:04:42</t>
  </si>
  <si>
    <t>Não confirmado 446384.crdownload</t>
  </si>
  <si>
    <t>\\acsfs\ACS\Gabriel da Silva\Contemporânea\VENDAS\Não confirmado 446384.crdownload</t>
  </si>
  <si>
    <t>01/21/2020 12:04:44</t>
  </si>
  <si>
    <t>0b91e90d-a733-43f3-9b40-7ba7e239381a.tmp</t>
  </si>
  <si>
    <t>\\acsfs\profiles$\gabrielsma\Downloads\0b91e90d-a733-43f3-9b40-7ba7e239381a.tmp</t>
  </si>
  <si>
    <t>01/21/2020 12:04:47</t>
  </si>
  <si>
    <t>Não confirmado 605488.crdownload</t>
  </si>
  <si>
    <t>\\acsfs\ACS\Gabriel da Silva\Contemporânea\Acessos\Não confirmado 605488.crdownload</t>
  </si>
  <si>
    <t>01/21/2020 12:04:48</t>
  </si>
  <si>
    <t>01/21/2020 12:04:56</t>
  </si>
  <si>
    <t>01/21/2020 12:05:12</t>
  </si>
  <si>
    <t>01/21/2020 12:05:27</t>
  </si>
  <si>
    <t>01/21/2020 12:03:07</t>
  </si>
  <si>
    <t>01/21/2020 12:02:33</t>
  </si>
  <si>
    <t>ea21c8c1-7433-4fd4-8ae9-c85d132f0279.tmp</t>
  </si>
  <si>
    <t>\\acsfs\profiles$\gabrielhca\Downloads\ea21c8c1-7433-4fd4-8ae9-c85d132f0279.tmp</t>
  </si>
  <si>
    <t>01/21/2020 12:07:29</t>
  </si>
  <si>
    <t>01/21/2020 12:02:02</t>
  </si>
  <si>
    <t>01/21/2020 12:02:09</t>
  </si>
  <si>
    <t>01/21/2020 12:04:39</t>
  </si>
  <si>
    <t>01/21/2020 12:05:09</t>
  </si>
  <si>
    <t>01/21/2020 12:05:39</t>
  </si>
  <si>
    <t>01/21/2020 12:08:28</t>
  </si>
  <si>
    <t>2fafc565-28a1-4790-86d1-485dd552203f.tmp</t>
  </si>
  <si>
    <t>\\acsfs\profiles$\philipegsf\Downloads\2fafc565-28a1-4790-86d1-485dd552203f.tmp</t>
  </si>
  <si>
    <t>01/21/2020 12:04:21</t>
  </si>
  <si>
    <t>fd417a89-905e-4f50-a4a0-4a023e55b6d0.tmp</t>
  </si>
  <si>
    <t>\\acsfs\profiles$\philipegsf\Downloads\fd417a89-905e-4f50-a4a0-4a023e55b6d0.tmp</t>
  </si>
  <si>
    <t>01/21/2020 12:06:17</t>
  </si>
  <si>
    <t>680a05fa-e896-4cb7-9b2c-137bb345f255.tmp</t>
  </si>
  <si>
    <t>\\acsfs\profiles$\philipegsf\Downloads\680a05fa-e896-4cb7-9b2c-137bb345f255.tmp</t>
  </si>
  <si>
    <t>01/21/2020 12:07:09</t>
  </si>
  <si>
    <t>01/21/2020 12:09:29</t>
  </si>
  <si>
    <t>01/21/2020 12:08:11</t>
  </si>
  <si>
    <t>01/21/2020 12:07:46</t>
  </si>
  <si>
    <t>462e459e-736f-4594-bfd6-18c0618e2515.tmp</t>
  </si>
  <si>
    <t>\\acsfs\profiles$\adelvinsonle\Downloads\462e459e-736f-4594-bfd6-18c0618e2515.tmp</t>
  </si>
  <si>
    <t>01/21/2020 12:07:55</t>
  </si>
  <si>
    <t>27a93d7f-6f88-4161-91ab-da949a45a266.tmp</t>
  </si>
  <si>
    <t>\\acsfs\profiles$\adelvinsonle\Downloads\27a93d7f-6f88-4161-91ab-da949a45a266.tmp</t>
  </si>
  <si>
    <t>01/21/2020 12:08:14</t>
  </si>
  <si>
    <t>01/21/2020 12:08:27</t>
  </si>
  <si>
    <t>sorriso protegido algar jan 2020;</t>
  </si>
  <si>
    <t>https://sorriso protegido algar jan 2020</t>
  </si>
  <si>
    <t>01/21/2020 12:05:51</t>
  </si>
  <si>
    <t>01/21/2020 12:11:29</t>
  </si>
  <si>
    <t>01/21/2020 12:09:09</t>
  </si>
  <si>
    <t>01/21/2020 12:12:28</t>
  </si>
  <si>
    <t>01/21/2020 12:10:35</t>
  </si>
  <si>
    <t>f189d004-c3cf-4fea-bb00-a5651df0cc68.tmp</t>
  </si>
  <si>
    <t>\\acsfs\profiles$\brendadsl\Downloads\f189d004-c3cf-4fea-bb00-a5651df0cc68.tmp</t>
  </si>
  <si>
    <t>01/21/2020 12:10:11</t>
  </si>
  <si>
    <t>Agent utilization 01.01.2020 a 19.01.2020.xlsx</t>
  </si>
  <si>
    <t>\\acsfs\DEPTOS\Operacao\PCP\5 - Comum\PLANEJAMENTO BV\23 - EXTRAÇÕES\Agent utilization\2020\Agent utilization 01.01.2020 a 19.01.2020.xlsx</t>
  </si>
  <si>
    <t>01/21/2020 12:10:19</t>
  </si>
  <si>
    <t>01/21/2020 12:08:09</t>
  </si>
  <si>
    <t>01/21/2020 12:08:39</t>
  </si>
  <si>
    <t>01/21/2020 12:10:40</t>
  </si>
  <si>
    <t>01/21/2020 12:13:10</t>
  </si>
  <si>
    <t>01/21/2020 12:14:28</t>
  </si>
  <si>
    <t>01/21/2020 12:15:28</t>
  </si>
  <si>
    <t>01/21/2020 12:10:51</t>
  </si>
  <si>
    <t>01/21/2020 12:14:55</t>
  </si>
  <si>
    <t>01/21/2020 12:15:07</t>
  </si>
  <si>
    <t>01/21/2020 12:15:00</t>
  </si>
  <si>
    <t>01/21/2020 12:13:18</t>
  </si>
  <si>
    <t>01/21/2020 12:16:28</t>
  </si>
  <si>
    <t>Não confirmado 900034.crdownload</t>
  </si>
  <si>
    <t>\\acsfs\ACS\Gabriel da Silva\Contemporânea\VENDAS\Não confirmado 900034.crdownload</t>
  </si>
  <si>
    <t>01/21/2020 12:14:07</t>
  </si>
  <si>
    <t>01/21/2020 12:14:38</t>
  </si>
  <si>
    <t>84cc1676-3c4d-43f0-a325-f94eb9b8823a.tmp</t>
  </si>
  <si>
    <t>\\acsfs\profiles$\gabrielsma\Downloads\84cc1676-3c4d-43f0-a325-f94eb9b8823a.tmp</t>
  </si>
  <si>
    <t>01/21/2020 12:14:47</t>
  </si>
  <si>
    <t>\\acsfs\ACS\Gabriel da Silva\Contemporânea\Acessos\Q29udHJvbGxlci5JRS1Qb3J0YWw-.ica.crdownload</t>
  </si>
  <si>
    <t>01/21/2020 12:15:01</t>
  </si>
  <si>
    <t>01/21/2020 12:15:02</t>
  </si>
  <si>
    <t>lu260804ah2nk.tmp</t>
  </si>
  <si>
    <t>\\acsfs\profiles$\BRUNAAR\Numero\lu260804ah2nk.tmp</t>
  </si>
  <si>
    <t>01/21/2020 12:15:52</t>
  </si>
  <si>
    <t>01/21/2020 12:17:29</t>
  </si>
  <si>
    <t>01/21/2020 12:15:59</t>
  </si>
  <si>
    <t>01/21/2020 12:16:22</t>
  </si>
  <si>
    <t>01/21/2020 12:13:40</t>
  </si>
  <si>
    <t>01/21/2020 12:15:40</t>
  </si>
  <si>
    <t>01/21/2020 12:16:40</t>
  </si>
  <si>
    <t>01/21/2020 12:18:28</t>
  </si>
  <si>
    <t>01/21/2020 12:15:41</t>
  </si>
  <si>
    <t>01/21/2020 12:19:29</t>
  </si>
  <si>
    <t>01/21/2020 12:14:11</t>
  </si>
  <si>
    <t>01/21/2020 12:15:54</t>
  </si>
  <si>
    <t>Não confirmado 424461.crdownload</t>
  </si>
  <si>
    <t>\\acsfs\Deptos\Operacao\Banco_Votorantim\Supervisao\Maristela\CRBV vendas\Desligamento\Não confirmado 424461.crdownload</t>
  </si>
  <si>
    <t>01/21/2020 12:14:24</t>
  </si>
  <si>
    <t>01/21/2020 12:15:10</t>
  </si>
  <si>
    <t>01/21/2020 12:20:28</t>
  </si>
  <si>
    <t>7574afdb-ed48-4c5d-9eb5-f6b69ab4403c.tmp</t>
  </si>
  <si>
    <t>\\acsfs\profiles$\mariagsg\Downloads\7574afdb-ed48-4c5d-9eb5-f6b69ab4403c.tmp</t>
  </si>
  <si>
    <t>01/21/2020 12:16:11</t>
  </si>
  <si>
    <t>01/21/2020 12:15:31</t>
  </si>
  <si>
    <t>01/21/2020 12:21:28</t>
  </si>
  <si>
    <t>01/21/2020 12:15:35</t>
  </si>
  <si>
    <t>01/21/2020 12:16:51</t>
  </si>
  <si>
    <t>01/21/2020 12:18:11</t>
  </si>
  <si>
    <t>01/21/2020 12:17:05</t>
  </si>
  <si>
    <t>icaIcaIcatu.csv.liaczs2.partial</t>
  </si>
  <si>
    <t>\\acsfs\ACS\Gabriel da Silva\Contemporânea\VENDAS\icaIcaIcatu.csv.liaczs2.partial</t>
  </si>
  <si>
    <t>01/21/2020 12:16:13</t>
  </si>
  <si>
    <t>lu260804ah2no.tmp</t>
  </si>
  <si>
    <t>\\acsfs\profiles$\BRUNAAR\Numero\lu260804ah2no.tmp</t>
  </si>
  <si>
    <t>01/21/2020 12:22:28</t>
  </si>
  <si>
    <t>525b9eeb-4604-4956-8fee-eaf4ed603027.tmp</t>
  </si>
  <si>
    <t>\\acsfs\profiles$\gabrielamdp\Downloads\525b9eeb-4604-4956-8fee-eaf4ed603027.tmp</t>
  </si>
  <si>
    <t>01/21/2020 12:21:17</t>
  </si>
  <si>
    <t>85017b3b-b882-4d9f-8607-7c7a5131a6f0.tmp</t>
  </si>
  <si>
    <t>\\acsfs\profiles$\gabrielamdp\Downloads\85017b3b-b882-4d9f-8607-7c7a5131a6f0.tmp</t>
  </si>
  <si>
    <t>01/21/2020 12:17:20</t>
  </si>
  <si>
    <t>01/21/2020 12:17:22</t>
  </si>
  <si>
    <t>01/21/2020 12:17:27</t>
  </si>
  <si>
    <t>01/21/2020 12:18:02</t>
  </si>
  <si>
    <t>100014299414656;antoniocoj@algartech.com;joaogvc@algartech.com;katia.cardoso@bv.com.br;marianadjc@algartech.com;planejamentodeoperacoesetrafego@bv.com.br;raphaelmco@algartech.com.br;ricardodfm@algartech.com.br;taysdss@algartech.com;</t>
  </si>
  <si>
    <t>100014299414656,antoniocoj@algartech.com,joaogvc@algartech.com,katia.cardoso@bv.com.br,marianadjc@algartech.com,planejamentodeoperacoesetrafego@bv.com.br,raphaelmco@algartech.com.br,ricardodfm@algartech.com.br,taysdss@algartech.com</t>
  </si>
  <si>
    <t>01/21/2020 12:18:05</t>
  </si>
  <si>
    <t>01/21/2020 12:18:57</t>
  </si>
  <si>
    <t>01/21/2020 12:17:10</t>
  </si>
  <si>
    <t>01/21/2020 12:23:28</t>
  </si>
  <si>
    <t>01/21/2020 12:19:52</t>
  </si>
  <si>
    <t>01/21/2020 12:19:53</t>
  </si>
  <si>
    <t>lu1047229x29.tmp</t>
  </si>
  <si>
    <t>\\acsfs\profiles$\Flaviojmm\My Documents\lu1047229x29.tmp</t>
  </si>
  <si>
    <t>\\acsfs\profiles$\Flaviojmm\My Documents\lu1047229x29.tmp\</t>
  </si>
  <si>
    <t>\\acsfs\profiles$\Flaviojmm\My Documents\lu1047229x29.tmp\META-INF\</t>
  </si>
  <si>
    <t>\\acsfs\profiles$\Flaviojmm\My Documents\lu1047229x29.tmp\Thumbnails\</t>
  </si>
  <si>
    <t>01/21/2020 12:20:18</t>
  </si>
  <si>
    <t>cb910733-d6f9-4fe5-a160-e947ae41101c.tmp</t>
  </si>
  <si>
    <t>\\acsfs\profiles$\cintiadjl\Downloads\cb910733-d6f9-4fe5-a160-e947ae41101c.tmp</t>
  </si>
  <si>
    <t>01/21/2020 12:18:15</t>
  </si>
  <si>
    <t>2619bf72-32c7-4188-aee3-4a79781fa086.tmp</t>
  </si>
  <si>
    <t>\\acsfs\profiles$\ingridsm\Downloads\2619bf72-32c7-4188-aee3-4a79781fa086.tmp</t>
  </si>
  <si>
    <t>01/21/2020 12:19:42</t>
  </si>
  <si>
    <t>cfa61444-e71c-45a8-986d-5849cc3d6e6a.tmp</t>
  </si>
  <si>
    <t>\\acsfs\profiles$\ingridsm\Downloads\cfa61444-e71c-45a8-986d-5849cc3d6e6a.tmp</t>
  </si>
  <si>
    <t>01/21/2020 12:21:42</t>
  </si>
  <si>
    <t>01/21/2020 12:24:29</t>
  </si>
  <si>
    <t>AGENT LOGIN LOGOUT DETAILS REPORT 20.01.2020.xlsx</t>
  </si>
  <si>
    <t>\\acsfs\deptos\Operacao\PCP\5 - Comum\PLANEJAMENTO BV\23 - EXTRAÇÕES\Agente Login Logout details report\2020\JANEIRO\AGENT LOGIN LOGOUT DETAILS REPORT 20.01.2020.xlsx</t>
  </si>
  <si>
    <t>01/21/2020 12:19:09</t>
  </si>
  <si>
    <t>01/21/2020 12:20:09</t>
  </si>
  <si>
    <t>01/21/2020 12:21:11</t>
  </si>
  <si>
    <t>atestado Patrick dia 20.zip</t>
  </si>
  <si>
    <t>\\acsfs\Deptos\Operacao\Banco_Votorantim\Supervisao\Maristela\CRBV vendas\Desligamento\atestado Patrick dia 20.zip</t>
  </si>
  <si>
    <t>\\acsfs\Deptos\Operacao\Banco_Votorantim\Supervisao\Maristela\CRBV vendas\Desligamento\atestado Patrick dia 20.zip\</t>
  </si>
  <si>
    <t>atestado Patrick dia 20.pdf</t>
  </si>
  <si>
    <t>01/21/2020 12:21:20</t>
  </si>
  <si>
    <t>01/21/2020 12:21:25</t>
  </si>
  <si>
    <t>https://algar.folhasinergyrh.com.br/afastamento/upload?id=0&amp;idsolicitacao=22556</t>
  </si>
  <si>
    <t>17/01/2020;20/01/2020;</t>
  </si>
  <si>
    <t>https://17/01/2020,20/01/2020</t>
  </si>
  <si>
    <t>01/21/2020 12:21:56</t>
  </si>
  <si>
    <t>01/21/2020 12:25:29</t>
  </si>
  <si>
    <t>01/21/2020 12:22:51</t>
  </si>
  <si>
    <t>01/21/2020 12:26:30</t>
  </si>
  <si>
    <t>01/21/2020 12:22:10</t>
  </si>
  <si>
    <t>01/21/2020 12:27:29</t>
  </si>
  <si>
    <t>01/21/2020 12:22:40</t>
  </si>
  <si>
    <t>01/21/2020 12:23:40</t>
  </si>
  <si>
    <t>01/21/2020 12:24:10</t>
  </si>
  <si>
    <t>01/21/2020 12:24:14</t>
  </si>
  <si>
    <t>01/21/2020 12:28:30</t>
  </si>
  <si>
    <t>d176d364-1e35-4776-a73f-3a60e4ee562e.tmp</t>
  </si>
  <si>
    <t>\\acsfs\profiles$\gabrielafs\Downloads\d176d364-1e35-4776-a73f-3a60e4ee562e.tmp</t>
  </si>
  <si>
    <t>01/21/2020 12:25:42</t>
  </si>
  <si>
    <t>NATANAEL LAURENCIO FURTADO (22283).contact</t>
  </si>
  <si>
    <t>\\acsfs\profiles$\NatanaelLF\Contacts\NATANAEL LAURENCIO FURTADO (22283).contact</t>
  </si>
  <si>
    <t>01/21/2020 12:29:29</t>
  </si>
  <si>
    <t>01/21/2020 12:25:09</t>
  </si>
  <si>
    <t>01/21/2020 12:26:09</t>
  </si>
  <si>
    <t>01/21/2020 12:24:12</t>
  </si>
  <si>
    <t>mail.google.com/sync/u/0/i/s?hl=pt-BR&amp;c=1259</t>
  </si>
  <si>
    <t>01/21/2020 12:24:19</t>
  </si>
  <si>
    <t>01/21/2020 12:24:30</t>
  </si>
  <si>
    <t>01/21/2020 12:30:30</t>
  </si>
  <si>
    <t>01/21/2020 12:28:31</t>
  </si>
  <si>
    <t>01/21/2020 12:28:32</t>
  </si>
  <si>
    <t>01/21/2020 12:28:33</t>
  </si>
  <si>
    <t>01/21/2020 12:29:30</t>
  </si>
  <si>
    <t>6fc30230-8e4e-4471-be33-c4e94e8e1e8e.tmp</t>
  </si>
  <si>
    <t>\\acsfs\profiles$\luanaldsi\Downloads\6fc30230-8e4e-4471-be33-c4e94e8e1e8e.tmp</t>
  </si>
  <si>
    <t>01/21/2020 12:25:32</t>
  </si>
  <si>
    <t>1fadbf75-dd3f-4413-a637-576d38566ddd.tmp</t>
  </si>
  <si>
    <t>\\acsfs\profiles$\LUISPLS\Downloads\1fadbf75-dd3f-4413-a637-576d38566ddd.tmp</t>
  </si>
  <si>
    <t>01/21/2020 12:25:50</t>
  </si>
  <si>
    <t>c2a76dec-bc53-4c7e-b7db-a1af7766d820.tmp</t>
  </si>
  <si>
    <t>\\acsfs\profiles$\LUISPLS\Downloads\c2a76dec-bc53-4c7e-b7db-a1af7766d820.tmp</t>
  </si>
  <si>
    <t>01/21/2020 12:29:17</t>
  </si>
  <si>
    <t>a3506156-8678-4de2-94a4-76ef52a8ed7d.tmp</t>
  </si>
  <si>
    <t>\\acsfs\profiles$\LUISPLS\Downloads\a3506156-8678-4de2-94a4-76ef52a8ed7d.tmp</t>
  </si>
  <si>
    <t>01/21/2020 12:31:29</t>
  </si>
  <si>
    <t>01/21/2020 12:28:51</t>
  </si>
  <si>
    <t>01/21/2020 12:29:10</t>
  </si>
  <si>
    <t>01/21/2020 12:32:30</t>
  </si>
  <si>
    <t>01/21/2020 12:31:41</t>
  </si>
  <si>
    <t>01/21/2020 12:31:07</t>
  </si>
  <si>
    <t>dcb16bb4-9218-458c-890a-05240c4447d0.tmp</t>
  </si>
  <si>
    <t>\\acsfs\profiles$\felipetds\Downloads\dcb16bb4-9218-458c-890a-05240c4447d0.tmp</t>
  </si>
  <si>
    <t>01/21/2020 12:31:34</t>
  </si>
  <si>
    <t>01/21/2020 12:34:29</t>
  </si>
  <si>
    <t>Queue Summary Report 01.01.20 a 19.01.2020.xlsx</t>
  </si>
  <si>
    <t>\\acsfs\deptos\Operacao\PCP\5 - Comum\PLANEJAMENTO BV\23 - EXTRAÇÕES\Queue Summary Report\2020\Queue Summary Report 01.01.20 a 19.01.2020.xlsx</t>
  </si>
  <si>
    <t>01/21/2020 12:31:09</t>
  </si>
  <si>
    <t>01/21/2020 12:32:09</t>
  </si>
  <si>
    <t>01/21/2020 12:30:07</t>
  </si>
  <si>
    <t>f619ebf1-9fd8-451c-8127-dd24e3362174.tmp</t>
  </si>
  <si>
    <t>\\acsfs\profiles$\mariajaf\Downloads\f619ebf1-9fd8-451c-8127-dd24e3362174.tmp</t>
  </si>
  <si>
    <t>01/21/2020 12:31:25</t>
  </si>
  <si>
    <t>1f481e9b-5e58-40aa-8ea2-084b624964e7.tmp</t>
  </si>
  <si>
    <t>\\acsfs\profiles$\mariajaf\Downloads\1f481e9b-5e58-40aa-8ea2-084b624964e7.tmp</t>
  </si>
  <si>
    <t>01/21/2020 12:35:30</t>
  </si>
  <si>
    <t>ef095972-fd68-44c5-8a0e-7ccc4e0492f2.tmp</t>
  </si>
  <si>
    <t>\\acsfs\profiles$\dhiulliananads\Downloads\ef095972-fd68-44c5-8a0e-7ccc4e0492f2.tmp</t>
  </si>
  <si>
    <t>01/21/2020 12:33:46</t>
  </si>
  <si>
    <t>01/21/2020 12:36:29</t>
  </si>
  <si>
    <t>01/21/2020 12:34:51</t>
  </si>
  <si>
    <t>01/21/2020 12:35:00</t>
  </si>
  <si>
    <t>01/21/2020 12:35:10</t>
  </si>
  <si>
    <t>a684ec25-f951-445e-a966-ca6569030d7d.tmp</t>
  </si>
  <si>
    <t>\\acsfs\profiles$\cassianogc\Downloads\a684ec25-f951-445e-a966-ca6569030d7d.tmp</t>
  </si>
  <si>
    <t>01/21/2020 12:34:17</t>
  </si>
  <si>
    <t>01/21/2020 12:34:19</t>
  </si>
  <si>
    <t>lu260804ah2ns.tmp</t>
  </si>
  <si>
    <t>\\acsfs\profiles$\BRUNAAR\Numero\lu260804ah2ns.tmp</t>
  </si>
  <si>
    <t>01/21/2020 12:34:41</t>
  </si>
  <si>
    <t>lu260804ah2nw.tmp</t>
  </si>
  <si>
    <t>\\acsfs\profiles$\BRUNAAR\Numero\lu260804ah2nw.tmp</t>
  </si>
  <si>
    <t>01/21/2020 12:36:19</t>
  </si>
  <si>
    <t>01/21/2020 12:37:29</t>
  </si>
  <si>
    <t>54f714f9-5f23-46ba-a722-a91687036c46.tmp</t>
  </si>
  <si>
    <t>\\acsfs\profiles$\larissaad\Downloads\54f714f9-5f23-46ba-a722-a91687036c46.tmp</t>
  </si>
  <si>
    <t>01/21/2020 12:32:11</t>
  </si>
  <si>
    <t>01/21/2020 12:36:41</t>
  </si>
  <si>
    <t>01/21/2020 12:36:44</t>
  </si>
  <si>
    <t>01/21/2020 12:38:29</t>
  </si>
  <si>
    <t>c8feec52-cbcd-46e4-a484-bee4e16223d3.tmp</t>
  </si>
  <si>
    <t>\\acsfs\profiles$\nathaliarmr\Downloads\c8feec52-cbcd-46e4-a484-bee4e16223d3.tmp</t>
  </si>
  <si>
    <t>01/21/2020 12:39:29</t>
  </si>
  <si>
    <t>01/21/2020 12:37:11</t>
  </si>
  <si>
    <t>01/21/2020 12:38:09</t>
  </si>
  <si>
    <t>01/21/2020 12:38:58</t>
  </si>
  <si>
    <t>01/21/2020 12:40:29</t>
  </si>
  <si>
    <t>01/21/2020 12:38:59</t>
  </si>
  <si>
    <t>lu1498012kwma.tmp</t>
  </si>
  <si>
    <t>\\acsfs\profiles$\dhiulliananads\My Documents\lu1498012kwma.tmp</t>
  </si>
  <si>
    <t>\\acsfs\profiles$\dhiulliananads\My Documents\lu1498012kwma.tmp\</t>
  </si>
  <si>
    <t>\\acsfs\profiles$\dhiulliananads\My Documents\lu1498012kwma.tmp\META-INF\</t>
  </si>
  <si>
    <t>\\acsfs\profiles$\dhiulliananads\My Documents\lu1498012kwma.tmp\Thumbnails\</t>
  </si>
  <si>
    <t>01/21/2020 12:35:51</t>
  </si>
  <si>
    <t>01/21/2020 12:41:29</t>
  </si>
  <si>
    <t>01/21/2020 12:36:14</t>
  </si>
  <si>
    <t>01/21/2020 12:36:37</t>
  </si>
  <si>
    <t>01/21/2020 12:38:37</t>
  </si>
  <si>
    <t>01/21/2020 12:38:43</t>
  </si>
  <si>
    <t>01/21/2020 12:38:03</t>
  </si>
  <si>
    <t>667fcb4a-c837-4ebc-b759-26f26f53e486.tmp</t>
  </si>
  <si>
    <t>\\acsfs\profiles$\gabrielaff\Downloads\667fcb4a-c837-4ebc-b759-26f26f53e486.tmp</t>
  </si>
  <si>
    <t>01/21/2020 12:39:01</t>
  </si>
  <si>
    <t>4336ceae-9bb3-4706-bdc0-240eb44998fc.tmp</t>
  </si>
  <si>
    <t>\\acsfs\profiles$\regisedsj\Downloads\4336ceae-9bb3-4706-bdc0-240eb44998fc.tmp</t>
  </si>
  <si>
    <t>6af85b87-cf1d-490d-8a14-214f264e6f9b.tmp</t>
  </si>
  <si>
    <t>\\acsfs\profiles$\regisedsj\Downloads\6af85b87-cf1d-490d-8a14-214f264e6f9b.tmp</t>
  </si>
  <si>
    <t>01/21/2020 12:40:05</t>
  </si>
  <si>
    <t>01/21/2020 12:42:29</t>
  </si>
  <si>
    <t>34ff7d0c-d7d6-4209-bbbd-411c9dba220b.tmp</t>
  </si>
  <si>
    <t>\\acsfs\profiles$\ERICALSR\Downloads\34ff7d0c-d7d6-4209-bbbd-411c9dba220b.tmp</t>
  </si>
  <si>
    <t>01/21/2020 12:38:11</t>
  </si>
  <si>
    <t>01/21/2020 12:38:41</t>
  </si>
  <si>
    <t>01/21/2020 12:39:11</t>
  </si>
  <si>
    <t>01/21/2020 12:40:11</t>
  </si>
  <si>
    <t>01/21/2020 12:41:11</t>
  </si>
  <si>
    <t>01/21/2020 12:43:29</t>
  </si>
  <si>
    <t>01/21/2020 12:39:43</t>
  </si>
  <si>
    <t>7ff52e48-ddf4-4980-86bd-e5b313bf8073.tmp</t>
  </si>
  <si>
    <t>\\acsfs\profiles$\ingridsm\Downloads\7ff52e48-ddf4-4980-86bd-e5b313bf8073.tmp</t>
  </si>
  <si>
    <t>01/21/2020 12:44:29</t>
  </si>
  <si>
    <t>01/21/2020 12:43:03</t>
  </si>
  <si>
    <t>"mozilla/5.0 (windows nt 6.1) applewebkel=drive.;"mozilla/5.0 (windows nt 6.1) applewebkit/537.36 (khtml;0;0]\\\\\\\)\\\\\\\]\\\)\);0]ot;;1;13;137;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579520900840000;1579520901989000;1579572136516;1579612850903;1579613452958;1579614958088;169;2400];291;293;298;4;5701393;6.1;621969351;82;84;["mozilla/5.0 (windows nt 6.1) applewebkit/537.36 (khtml;[1;[[13701450;[[null;[];[]]];[false;[null;adfn-csyrvwqermfbxam1mkavsrzjlg0rundo9gysmvmlrxxhlhfmqhcw7_ynhcatkqscdyldsiy;drive.web-frontend_20200108.00_p2;false;f</t>
  </si>
  <si>
    <t>"mozilla/5.0 (windows nt 6.1) applewebkel=drive.,"mozilla/5.0 (windows nt 6.1) applewebkit/537.36 (khtml,0,0]\\\\\\\)\\\\\\\]\\\)\),0]ot;,1,13,137,13700014,13700109,13700167,13700185,13700235,13700451,13700563,13700607,13700883,13700946,13700951,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579520900840000,1579520901989000,1579572136516,1579612850903,1579613452958,1579614958088,169,2400],291,293,298,4,5701393,6.1,621969351,82,84,["mozilla/5.0 (windows nt 6.1) applewebkit/537.36 (khtml,[1,[[13701450,[[null,[],[]]],[false,[null,adfn-csyrvwqermfbxam1mkavsrzjlg0rundo9gysmvmlrxxhlhfmqhcw7_ynhcatkqscdyldsiy,drive.web-frontend_20200108.00_p2,false,f</t>
  </si>
  <si>
    <t>01/21/2020 12:43:10</t>
  </si>
  <si>
    <t>01/21/2020 12:43:18</t>
  </si>
  <si>
    <t>mail.google.com/sync/u/0/i/s?hl=pt-BR&amp;c=1302</t>
  </si>
  <si>
    <t>"mozilla/5.0 (windows nt 6.1) applewebkit/537.36 (khtml;0;0]ot;;1;12;13;137;13700014;13700109;13700167;13700185;13700235;13700451;13700563;13700607;13700883;13700946;13700951;13700982;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42;1579520900840000;1579520901989000;1579521807978;1579524214946;1579529030884;1579546802300;1579564008808;1579579960944;1579619344476;1579619946523;195;2400];28;312;314;4;5701393;6.1;621969351;82;84;87;["mozilla/5.0 (windows nt 6.1) applewebkit/537.36 (khtml;[1;[[13701450;[[null;[];[]]];[false;[null;adfn-csyrvwqermfbxam1mkavsrzjlg0rundo9gysmvmlrxxhlhfmqhcw7_ynhcatkqscdyldsiy;andrelpsa@algartech.com;drive.web-fronte</t>
  </si>
  <si>
    <t>"mozilla/5.0 (windows nt 6.1) applewebkit/537.36 (khtml,0,0]ot;,1,12,13,137,13700014,13700109,13700167,13700185,13700235,13700451,13700563,13700607,13700883,13700946,13700951,13700982,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42,1579520900840000,1579520901989000,1579521807978,1579524214946,1579529030884,1579546802300,1579564008808,1579579960944,1579619344476,1579619946523,195,2400],28,312,314,4,5701393,6.1,621969351,82,84,87,["mozilla/5.0 (windows nt 6.1) applewebkit/537.36 (khtml,[1,[[13701450,[[null,[],[]]],[false,[null,adfn-csyrvwqermfbxam1mkavsrzjlg0rundo9gysmvmlrxxhlhfmqhcw7_ynhcatkqscdyldsiy,andrelpsa@algartech.com,drive.web-fronte</t>
  </si>
  <si>
    <t>01/21/2020 12:43:48</t>
  </si>
  <si>
    <t>01/21/2020 12:43:53</t>
  </si>
  <si>
    <t>01/21/2020 12:44:09</t>
  </si>
  <si>
    <t>01/21/2020 12:43:27</t>
  </si>
  <si>
    <t>01/21/2020 12:45:29</t>
  </si>
  <si>
    <t>01/21/2020 12:42:47</t>
  </si>
  <si>
    <t>aca35107-f9fd-4e49-9d4b-4b216b357a63.tmp</t>
  </si>
  <si>
    <t>\\acsfs\profiles$\luanaldsi\Downloads\aca35107-f9fd-4e49-9d4b-4b216b357a63.tmp</t>
  </si>
  <si>
    <t>01/21/2020 12:40:51</t>
  </si>
  <si>
    <t>01/21/2020 12:46:29</t>
  </si>
  <si>
    <t>01/21/2020 12:41:18</t>
  </si>
  <si>
    <t>01/21/2020 12:42:31</t>
  </si>
  <si>
    <t>40a2b68f-df2f-440c-887a-792e628a27c8.tmp</t>
  </si>
  <si>
    <t>\\acsfs\profiles$\cassianogc\Downloads\40a2b68f-df2f-440c-887a-792e628a27c8.tmp</t>
  </si>
  <si>
    <t>01/21/2020 12:42:11</t>
  </si>
  <si>
    <t>9d0f8a32-d161-4344-a470-1ad25f3c6f7c.tmp</t>
  </si>
  <si>
    <t>\\acsfs\profiles$\mariajra\Downloads\9d0f8a32-d161-4344-a470-1ad25f3c6f7c.tmp</t>
  </si>
  <si>
    <t>01/21/2020 12:41:20</t>
  </si>
  <si>
    <t>01/21/2020 12:44:53</t>
  </si>
  <si>
    <t>01/21/2020 12:47:29</t>
  </si>
  <si>
    <t>01/21/2020 12:44:56</t>
  </si>
  <si>
    <t>01/21/2020 12:43:39</t>
  </si>
  <si>
    <t>3ed0dec1-b407-478f-89c7-b3953de81607.tmp</t>
  </si>
  <si>
    <t>\\acsfs\profiles$\Angelicacldr\Downloads\3ed0dec1-b407-478f-89c7-b3953de81607.tmp</t>
  </si>
  <si>
    <t>01/21/2020 12:45:56</t>
  </si>
  <si>
    <t>c9163627-1e4a-4163-bdc9-8df064403886.tmp</t>
  </si>
  <si>
    <t>\\acsfs\profiles$\Angelicacldr\Downloads\c9163627-1e4a-4163-bdc9-8df064403886.tmp</t>
  </si>
  <si>
    <t>01/21/2020 12:46:30</t>
  </si>
  <si>
    <t>b44e3c75-e062-4e4a-b078-94e9f44fd0e7.tmp</t>
  </si>
  <si>
    <t>\\acsfs\profiles$\Angelicacldr\Downloads\b44e3c75-e062-4e4a-b078-94e9f44fd0e7.tmp</t>
  </si>
  <si>
    <t>01/21/2020 12:46:43</t>
  </si>
  <si>
    <t>27958696-745b-4e85-b769-18b04e365118.tmp</t>
  </si>
  <si>
    <t>\\acsfs\profiles$\Angelicacldr\Downloads\27958696-745b-4e85-b769-18b04e365118.tmp</t>
  </si>
  <si>
    <t>01/21/2020 12:44:26</t>
  </si>
  <si>
    <t>01/21/2020 12:48:29</t>
  </si>
  <si>
    <t>01/21/2020 12:44:27</t>
  </si>
  <si>
    <t>01/21/2020 12:49:30</t>
  </si>
  <si>
    <t>01/21/2020 12:46:53</t>
  </si>
  <si>
    <t>a1d2cfcf-72bf-4d43-b0a5-0ad86c1c613a.tmp</t>
  </si>
  <si>
    <t>\\acsfs\profiles$\adelvinsonle\Downloads\a1d2cfcf-72bf-4d43-b0a5-0ad86c1c613a.tmp</t>
  </si>
  <si>
    <t>01/21/2020 12:49:09</t>
  </si>
  <si>
    <t>01/21/2020 12:46:52</t>
  </si>
  <si>
    <t>01/21/2020 12:51:30</t>
  </si>
  <si>
    <t>01/21/2020 12:49:03</t>
  </si>
  <si>
    <t>01/21/2020 12:49:31</t>
  </si>
  <si>
    <t>01/21/2020 12:45:52</t>
  </si>
  <si>
    <t>8065e42f-8ec5-4fda-bc97-beabc4e8a199.tmp</t>
  </si>
  <si>
    <t>\\acsfs\profiles$\cassianogc\Downloads\8065e42f-8ec5-4fda-bc97-beabc4e8a199.tmp</t>
  </si>
  <si>
    <t>01/21/2020 12:46:01</t>
  </si>
  <si>
    <t>19ebe9cd-a408-4905-b200-23dbf32c178b.tmp</t>
  </si>
  <si>
    <t>\\acsfs\profiles$\cassianogc\Downloads\19ebe9cd-a408-4905-b200-23dbf32c178b.tmp</t>
  </si>
  <si>
    <t>01/21/2020 12:46:15</t>
  </si>
  <si>
    <t>32440678-e2a5-4d11-ab0c-01f628b59628.tmp</t>
  </si>
  <si>
    <t>\\acsfs\profiles$\cassianogc\Downloads\32440678-e2a5-4d11-ab0c-01f628b59628.tmp</t>
  </si>
  <si>
    <t>01/21/2020 12:49:47</t>
  </si>
  <si>
    <t>01/21/2020 12:52:29</t>
  </si>
  <si>
    <t>01/21/2020 12:49:59</t>
  </si>
  <si>
    <t>01/21/2020 12:50:14</t>
  </si>
  <si>
    <t>01/21/2020 12:50:27</t>
  </si>
  <si>
    <t>01/21/2020 12:47:41</t>
  </si>
  <si>
    <t>499e063c-ee2e-407f-b21e-be33644a6ad2.tmp</t>
  </si>
  <si>
    <t>\\acsfs\profiles$\Angelicacldr\Downloads\499e063c-ee2e-407f-b21e-be33644a6ad2.tmp</t>
  </si>
  <si>
    <t>01/21/2020 12:47:59</t>
  </si>
  <si>
    <t>aad65051-8440-4363-bcd6-c2496bea08c9.tmp</t>
  </si>
  <si>
    <t>\\acsfs\profiles$\Angelicacldr\Downloads\aad65051-8440-4363-bcd6-c2496bea08c9.tmp</t>
  </si>
  <si>
    <t>01/21/2020 12:47:12</t>
  </si>
  <si>
    <t>01/21/2020 12:47:42</t>
  </si>
  <si>
    <t>01/21/2020 12:49:42</t>
  </si>
  <si>
    <t>01/21/2020 12:54:30</t>
  </si>
  <si>
    <t>01/21/2020 12:50:09</t>
  </si>
  <si>
    <t>01/21/2020 12:55:29</t>
  </si>
  <si>
    <t>01/21/2020 12:52:56</t>
  </si>
  <si>
    <t>0c405be7-d5e6-41ec-a247-f082fe4b5bc7.tmp</t>
  </si>
  <si>
    <t>\\acsfs\profiles$\gabrielamdp\Downloads\0c405be7-d5e6-41ec-a247-f082fe4b5bc7.tmp</t>
  </si>
  <si>
    <t>d290e490-010c-4327-ab8d-0856c9b6093f.tmp</t>
  </si>
  <si>
    <t>\\acsfs\profiles$\gabrielamdp\Downloads\d290e490-010c-4327-ab8d-0856c9b6093f.tmp</t>
  </si>
  <si>
    <t>01/21/2020 12:52:57</t>
  </si>
  <si>
    <t>e40a4675-0aac-4e5e-8abc-b88128a55f82.tmp</t>
  </si>
  <si>
    <t>\\acsfs\profiles$\gabrielamdp\Downloads\e40a4675-0aac-4e5e-8abc-b88128a55f82.tmp</t>
  </si>
  <si>
    <t>01/21/2020 12:53:01</t>
  </si>
  <si>
    <t>31203802-0fe6-40f8-9d12-039320f533b4.tmp</t>
  </si>
  <si>
    <t>\\acsfs\profiles$\gabrielamdp\Downloads\31203802-0fe6-40f8-9d12-039320f533b4.tmp</t>
  </si>
  <si>
    <t>01/21/2020 12:52:52</t>
  </si>
  <si>
    <t>01/21/2020 12:56:29</t>
  </si>
  <si>
    <t>01/21/2020 12:53:56</t>
  </si>
  <si>
    <t>01/21/2020 12:50:51</t>
  </si>
  <si>
    <t>ecba6fc9-d2e6-4a31-9996-5bd6d5f8b653.tmp</t>
  </si>
  <si>
    <t>\\acsfs\profiles$\cassianogc\Downloads\ecba6fc9-d2e6-4a31-9996-5bd6d5f8b653.tmp</t>
  </si>
  <si>
    <t>01/21/2020 12:52:10</t>
  </si>
  <si>
    <t>9612c079-d486-4219-ba9c-032426dc437f.tmp</t>
  </si>
  <si>
    <t>\\acsfs\profiles$\cassianogc\Downloads\9612c079-d486-4219-ba9c-032426dc437f.tmp</t>
  </si>
  <si>
    <t>01/21/2020 12:52:23</t>
  </si>
  <si>
    <t>85dd73ca-8440-4e3f-ae98-3185e08bce85.tmp</t>
  </si>
  <si>
    <t>\\acsfs\profiles$\cassianogc\Downloads\85dd73ca-8440-4e3f-ae98-3185e08bce85.tmp</t>
  </si>
  <si>
    <t>01/21/2020 12:57:29</t>
  </si>
  <si>
    <t>b0133315-eb83-4219-8724-eec25fe1d1dd.tmp</t>
  </si>
  <si>
    <t>\\acsfs\profiles$\ERICALSR\Downloads\b0133315-eb83-4219-8724-eec25fe1d1dd.tmp</t>
  </si>
  <si>
    <t>01/21/2020 12:55:09</t>
  </si>
  <si>
    <t>01/21/2020 12:52:42</t>
  </si>
  <si>
    <t>01/21/2020 12:53:12</t>
  </si>
  <si>
    <t>01/21/2020 12:54:42</t>
  </si>
  <si>
    <t>01/21/2020 12:53:08</t>
  </si>
  <si>
    <t>6e0d117a-4fd3-41b3-9dc9-95696bd7eebf.tmp</t>
  </si>
  <si>
    <t>\\acsfs\profiles$\PEDROHAB\Downloads\6e0d117a-4fd3-41b3-9dc9-95696bd7eebf.tmp</t>
  </si>
  <si>
    <t>01/21/2020 12:59:30</t>
  </si>
  <si>
    <t>01/21/2020 12:59:09</t>
  </si>
  <si>
    <t>8d470fb5-1fa7-40e8-8eb8-0b25f76413f0.tmp</t>
  </si>
  <si>
    <t>\\acsfs\profiles$\monicargds\Downloads\8d470fb5-1fa7-40e8-8eb8-0b25f76413f0.tmp</t>
  </si>
  <si>
    <t>01/21/2020 13:00:29</t>
  </si>
  <si>
    <t>01/21/2020 12:56:09</t>
  </si>
  <si>
    <t>01/21/2020 12:57:59</t>
  </si>
  <si>
    <t>56b8c940-e2f9-4a3c-a108-777b4c0b1577.tmp</t>
  </si>
  <si>
    <t>\\acsfs\profiles$\gabrielamdp\Downloads\56b8c940-e2f9-4a3c-a108-777b4c0b1577.tmp</t>
  </si>
  <si>
    <t>01/21/2020 12:58:03</t>
  </si>
  <si>
    <t>6f952877-e120-4dfa-86bd-ec1c7ea1275d.tmp</t>
  </si>
  <si>
    <t>\\acsfs\profiles$\gabrielamdp\Downloads\6f952877-e120-4dfa-86bd-ec1c7ea1275d.tmp</t>
  </si>
  <si>
    <t>01/21/2020 12:56:34</t>
  </si>
  <si>
    <t>01/21/2020 13:01:30</t>
  </si>
  <si>
    <t>01/21/2020 12:58:52</t>
  </si>
  <si>
    <t>01/21/2020 13:00:46</t>
  </si>
  <si>
    <t>13522437-e2b8-4394-8c5e-edd9e512f7b1.tmp</t>
  </si>
  <si>
    <t>\\acsfs\profiles$\cassianogc\Downloads\13522437-e2b8-4394-8c5e-edd9e512f7b1.tmp</t>
  </si>
  <si>
    <t>01/21/2020 12:57:11</t>
  </si>
  <si>
    <t>01/21/2020 12:57:16</t>
  </si>
  <si>
    <t>01/21/2020 12:57:35</t>
  </si>
  <si>
    <t>01/21/2020 12:57:39</t>
  </si>
  <si>
    <t>01/21/2020 12:57:46</t>
  </si>
  <si>
    <t>01/21/2020 12:57:48</t>
  </si>
  <si>
    <t>01/21/2020 12:59:03</t>
  </si>
  <si>
    <t>01/21/2020 13:00:00</t>
  </si>
  <si>
    <t>01/21/2020 13:00:06</t>
  </si>
  <si>
    <t>01/21/2020 13:00:10</t>
  </si>
  <si>
    <t>01/21/2020 13:00:13</t>
  </si>
  <si>
    <t>01/21/2020 13:00:54</t>
  </si>
  <si>
    <t>01/21/2020 13:01:02</t>
  </si>
  <si>
    <t>01/21/2020 13:00:07</t>
  </si>
  <si>
    <t>392cc2c3-b05c-4184-9db4-1415d254f0da.tmp</t>
  </si>
  <si>
    <t>\\acsfs\profiles$\sarahbal\Downloads\392cc2c3-b05c-4184-9db4-1415d254f0da.tmp</t>
  </si>
  <si>
    <t>01/21/2020 12:58:31</t>
  </si>
  <si>
    <t>01/21/2020 13:02:30</t>
  </si>
  <si>
    <t>01/21/2020 12:59:13</t>
  </si>
  <si>
    <t>01/21/2020 12:59:34</t>
  </si>
  <si>
    <t>01/21/2020 12:57:30</t>
  </si>
  <si>
    <t>01/21/2020 12:57:31</t>
  </si>
  <si>
    <t>01/21/2020 12:57:32</t>
  </si>
  <si>
    <t>01/21/2020 12:57:34</t>
  </si>
  <si>
    <t>01/21/2020 12:57:36</t>
  </si>
  <si>
    <t>01/21/2020 12:57:37</t>
  </si>
  <si>
    <t>01/21/2020 12:57:38</t>
  </si>
  <si>
    <t>01/21/2020 12:57:40</t>
  </si>
  <si>
    <t>01/21/2020 12:57:41</t>
  </si>
  <si>
    <t>01/21/2020 12:57:42</t>
  </si>
  <si>
    <t>01/21/2020 12:57:43</t>
  </si>
  <si>
    <t>01/21/2020 12:57:44</t>
  </si>
  <si>
    <t>01/21/2020 12:57:45</t>
  </si>
  <si>
    <t>01/21/2020 12:57:47</t>
  </si>
  <si>
    <t>01/21/2020 12:57:49</t>
  </si>
  <si>
    <t>01/21/2020 12:57:50</t>
  </si>
  <si>
    <t>01/21/2020 12:58:13</t>
  </si>
  <si>
    <t>01/21/2020 13:00:43</t>
  </si>
  <si>
    <t>01/21/2020 13:01:13</t>
  </si>
  <si>
    <t>01/21/2020 13:01:43</t>
  </si>
  <si>
    <t>01/21/2020 12:58:59</t>
  </si>
  <si>
    <t>01/21/2020 12:59:02</t>
  </si>
  <si>
    <t>01/21/2020 13:04:30</t>
  </si>
  <si>
    <t>01/21/2020 13:01:09</t>
  </si>
  <si>
    <t>01/21/2020 13:05:29</t>
  </si>
  <si>
    <t>01/21/2020 13:02:09</t>
  </si>
  <si>
    <t>01/21/2020 13:00:48</t>
  </si>
  <si>
    <t>f559c100-c2c5-4e4e-a143-a0a6f1ad6bab.tmp</t>
  </si>
  <si>
    <t>\\acsfs\profiles$\LUISPLS\Downloads\f559c100-c2c5-4e4e-a143-a0a6f1ad6bab.tmp</t>
  </si>
  <si>
    <t>01/21/2020 13:04:41</t>
  </si>
  <si>
    <t>01/21/2020 13:06:29</t>
  </si>
  <si>
    <t>01/21/2020 13:04:52</t>
  </si>
  <si>
    <t>01/21/2020 13:01:18</t>
  </si>
  <si>
    <t>721a6c37-bffb-42da-8ee8-ba67c894e711.tmp</t>
  </si>
  <si>
    <t>\\acsfs\profiles$\cassianogc\Downloads\721a6c37-bffb-42da-8ee8-ba67c894e711.tmp</t>
  </si>
  <si>
    <t>01/21/2020 13:02:50</t>
  </si>
  <si>
    <t>dd951043-ef3d-4515-893d-08933d1501f4.tmp</t>
  </si>
  <si>
    <t>\\acsfs\profiles$\cassianogc\Downloads\dd951043-ef3d-4515-893d-08933d1501f4.tmp</t>
  </si>
  <si>
    <t>01/21/2020 13:02:05</t>
  </si>
  <si>
    <t>f1242e1e-7e86-4919-9495-cb660aa39379.tmp</t>
  </si>
  <si>
    <t>\\acsfs\profiles$\andressamf\Downloads\f1242e1e-7e86-4919-9495-cb660aa39379.tmp</t>
  </si>
  <si>
    <t>01/21/2020 13:03:46</t>
  </si>
  <si>
    <t>01/21/2020 13:03:49</t>
  </si>
  <si>
    <t>01/21/2020 12:39:44</t>
  </si>
  <si>
    <t>01/21/2020 13:07:29</t>
  </si>
  <si>
    <t>01/21/2020 12:39:45</t>
  </si>
  <si>
    <t>lu64406rqwje.tmp</t>
  </si>
  <si>
    <t>\\acsfs\profiles$\ALYNYA\My Documents\lu64406rqwje.tmp</t>
  </si>
  <si>
    <t>\\acsfs\profiles$\ALYNYA\My Documents\lu64406rqwje.tmp\</t>
  </si>
  <si>
    <t>\\acsfs\profiles$\ALYNYA\My Documents\lu64406rqwje.tmp\META-INF\</t>
  </si>
  <si>
    <t>01/21/2020 13:06:34</t>
  </si>
  <si>
    <t>untitled.png</t>
  </si>
  <si>
    <t>\\acsfs\profiles$\brendavdoa\My Documents\untitled.png</t>
  </si>
  <si>
    <t>\\acsfs\profiles$\ALYNYA\My Documents\lu64406rqwje.tmp\Thumbnails\</t>
  </si>
  <si>
    <t>01/21/2020 12:40:46</t>
  </si>
  <si>
    <t>01/21/2020 13:07:24</t>
  </si>
  <si>
    <t>01/21/2020 13:08:29</t>
  </si>
  <si>
    <t>29272379-2eab-404e-91fa-4f149cbd3914.tmp</t>
  </si>
  <si>
    <t>\\acsfs\profiles$\gabrielafs\Downloads\29272379-2eab-404e-91fa-4f149cbd3914.tmp</t>
  </si>
  <si>
    <t>01/21/2020 13:08:06</t>
  </si>
  <si>
    <t>HENRIQUE HUMBERTO MARCELINO DE OLIVEIRA_1_6780299277814016437_1_32.wav</t>
  </si>
  <si>
    <t>\\acsfs\Deptos\EDUCACAO EMPRESARIAL\KÉSIA\Ligações 3º ciclo - Janeiro 2020\HENRIQUE HUMBERTO MARCELINO DE OLIVEIRA_1_6780299277814016437_1_32.wav</t>
  </si>
  <si>
    <t>01/21/2020 13:09:29</t>
  </si>
  <si>
    <t>01/21/2020 13:07:09</t>
  </si>
  <si>
    <t>01/21/2020 13:10:30</t>
  </si>
  <si>
    <t>01/21/2020 13:08:15</t>
  </si>
  <si>
    <t>01/21/2020 13:09:37</t>
  </si>
  <si>
    <t>2301ceae-dfc0-43e0-a31d-ab7eea32e19b.tmp</t>
  </si>
  <si>
    <t>\\acsfs\profiles$\quindaizaagds\Downloads\2301ceae-dfc0-43e0-a31d-ab7eea32e19b.tmp</t>
  </si>
  <si>
    <t>01/21/2020 13:09:19</t>
  </si>
  <si>
    <t>01/21/2020 13:12:29</t>
  </si>
  <si>
    <t>44dd4bcf-2105-417a-ae0e-b1e14cec1762.tmp</t>
  </si>
  <si>
    <t>\\acsfs\profiles$\joselrb\Downloads\44dd4bcf-2105-417a-ae0e-b1e14cec1762.tmp</t>
  </si>
  <si>
    <t>01/21/2020 13:10:39</t>
  </si>
  <si>
    <t>01/21/2020 13:10:41</t>
  </si>
  <si>
    <t>lu10556ftya.tmp</t>
  </si>
  <si>
    <t>\\acsfs\profiles$\VIVIANALDS\My Documents\lu10556ftya.tmp</t>
  </si>
  <si>
    <t>\\acsfs\profiles$\VIVIANALDS\My Documents\lu10556ftya.tmp\</t>
  </si>
  <si>
    <t>\\acsfs\profiles$\VIVIANALDS\My Documents\lu10556ftya.tmp\META-INF\</t>
  </si>
  <si>
    <t>\\acsfs\profiles$\VIVIANALDS\My Documents\lu10556ftya.tmp\Thumbnails\</t>
  </si>
  <si>
    <t>01/21/2020 13:07:37</t>
  </si>
  <si>
    <t>\\acsfs\profiles$\brendavdoa\My Documents\$RECYCLE.BIN\</t>
  </si>
  <si>
    <t>$IBHXMP2.png</t>
  </si>
  <si>
    <t>\\acsfs\profiles$\brendavdoa\My Documents\$RECYCLE.BIN\$IBHXMP2.png</t>
  </si>
  <si>
    <t>01/21/2020 13:07:34</t>
  </si>
  <si>
    <t>462293e0-70ab-4188-af74-b8376763d9a6.tmp</t>
  </si>
  <si>
    <t>\\acsfs\profiles$\laylaams\Downloads\462293e0-70ab-4188-af74-b8376763d9a6.tmp</t>
  </si>
  <si>
    <t>01/21/2020 13:08:46</t>
  </si>
  <si>
    <t>210cfd70-1911-44e5-8cd2-1c20e2416abb.tmp</t>
  </si>
  <si>
    <t>\\acsfs\profiles$\laylaams\Downloads\210cfd70-1911-44e5-8cd2-1c20e2416abb.tmp</t>
  </si>
  <si>
    <t>01/21/2020 13:09:53</t>
  </si>
  <si>
    <t>10.200.66.186</t>
  </si>
  <si>
    <t>78-2B-CB-C1-06-C0</t>
  </si>
  <si>
    <t>VOTORANT-SB007</t>
  </si>
  <si>
    <t>01/21/2020 13:13:29</t>
  </si>
  <si>
    <t>01/21/2020 13:12:49</t>
  </si>
  <si>
    <t>01/21/2020 13:12:07</t>
  </si>
  <si>
    <t>bc337009-3223-48c4-a4be-5ed111562ad0.tmp</t>
  </si>
  <si>
    <t>\\acsfs\profiles$\lucasgpe\Downloads\bc337009-3223-48c4-a4be-5ed111562ad0.tmp</t>
  </si>
  <si>
    <t>01/21/2020 13:08:21</t>
  </si>
  <si>
    <t>68603e69-078e-459e-9cf5-00a1cfcbcf4f.tmp</t>
  </si>
  <si>
    <t>\\acsfs\profiles$\paulovadc\Downloads\68603e69-078e-459e-9cf5-00a1cfcbcf4f.tmp</t>
  </si>
  <si>
    <t>01/21/2020 13:14:29</t>
  </si>
  <si>
    <t>01/21/2020 13:11:42</t>
  </si>
  <si>
    <t>01/21/2020 13:11:43</t>
  </si>
  <si>
    <t>lu2733221pk3z.tmp</t>
  </si>
  <si>
    <t>\\acsfs\profiles$\RAFAELRF\meu\lu2733221pk3z.tmp</t>
  </si>
  <si>
    <t>01/21/2020 13:13:10</t>
  </si>
  <si>
    <t>01/21/2020 13:15:30</t>
  </si>
  <si>
    <t>01/21/2020 13:14:10</t>
  </si>
  <si>
    <t>01/21/2020 13:10:25</t>
  </si>
  <si>
    <t>7f22b152-0e2d-4082-90ba-98a474086cba.tmp</t>
  </si>
  <si>
    <t>\\acsfs\profiles$\quindaizaagds\Downloads\7f22b152-0e2d-4082-90ba-98a474086cba.tmp</t>
  </si>
  <si>
    <t>01/21/2020 13:11:40</t>
  </si>
  <si>
    <t>2105094a-784e-4672-b84e-1cce32bb2632.tmp</t>
  </si>
  <si>
    <t>\\acsfs\profiles$\quindaizaagds\Downloads\2105094a-784e-4672-b84e-1cce32bb2632.tmp</t>
  </si>
  <si>
    <t>01/21/2020 13:10:27</t>
  </si>
  <si>
    <t>01/21/2020 13:11:00</t>
  </si>
  <si>
    <t>01/21/2020 13:10:52</t>
  </si>
  <si>
    <t>01/21/2020 13:16:29</t>
  </si>
  <si>
    <t>01/21/2020 13:12:12</t>
  </si>
  <si>
    <t>01/21/2020 13:11:03</t>
  </si>
  <si>
    <t>gustavodsil@algartech.com;raicdf@algartech.com;</t>
  </si>
  <si>
    <t>gustavodsil@algartech.com,raicdf@algartech.com</t>
  </si>
  <si>
    <t>01/21/2020 13:11:13</t>
  </si>
  <si>
    <t>01/21/2020 13:11:17</t>
  </si>
  <si>
    <t>outlook.office.com/owa/service.svc?action=UpdateItem&amp;app=Mail&amp;n=206</t>
  </si>
  <si>
    <t>01/21/2020 13:11:49</t>
  </si>
  <si>
    <t>outlook.office.com/owa/service.svc?action=CreateItem&amp;app=Mail&amp;n=214</t>
  </si>
  <si>
    <t>01/21/2020 13:12:08</t>
  </si>
  <si>
    <t>01/21/2020 13:12:10</t>
  </si>
  <si>
    <t>outlook.office.com/owa/service.svc?action=UpdateItem&amp;app=Mail&amp;n=219</t>
  </si>
  <si>
    <t>01/21/2020 13:12:05</t>
  </si>
  <si>
    <t>fac5db9b-1b08-4e8a-8fb0-183d49402e20.tmp</t>
  </si>
  <si>
    <t>\\acsfs\profiles$\cassianogc\Downloads\fac5db9b-1b08-4e8a-8fb0-183d49402e20.tmp</t>
  </si>
  <si>
    <t>01/21/2020 13:15:15</t>
  </si>
  <si>
    <t>01/21/2020 13:17:30</t>
  </si>
  <si>
    <t>01/21/2020 13:16:15</t>
  </si>
  <si>
    <t>01/21/2020 13:14:34</t>
  </si>
  <si>
    <t>01/21/2020 13:18:29</t>
  </si>
  <si>
    <t>d9af2642-e49a-46a5-9730-24b18887cf46.tmp</t>
  </si>
  <si>
    <t>\\acsfs\profiles$\nathaliarmr\Downloads\d9af2642-e49a-46a5-9730-24b18887cf46.tmp</t>
  </si>
  <si>
    <t>01/21/2020 13:14:44</t>
  </si>
  <si>
    <t>01/21/2020 13:19:29</t>
  </si>
  <si>
    <t>Luana Rosa De Almeida_1_6780651658405807933_1_32.wav</t>
  </si>
  <si>
    <t>\\acsfs\Deptos\EDUCACAO EMPRESARIAL\FERNANDA MONIT\Fernanda\MONITORIA JANEIRO\Ligaçoes para MUTANT terceiro ciclo janeiro\Luana Rosa De Almeida_1_6780651658405807933_1_32.wav</t>
  </si>
  <si>
    <t>01/21/2020 13:16:42</t>
  </si>
  <si>
    <t>01/21/2020 13:16:56</t>
  </si>
  <si>
    <t>01/21/2020 13:16:57</t>
  </si>
  <si>
    <t>01/21/2020 13:17:51</t>
  </si>
  <si>
    <t>01/21/2020 13:17:55</t>
  </si>
  <si>
    <t>01/21/2020 13:15:34</t>
  </si>
  <si>
    <t>\\acsfs\DEPTOS\Operacao\Banco_Votorantim\Qualidade\Anderson\Auditoria de Vendas\Relatorio de vendas\Relatorio de vendas - BV Financeira\2020\Janeiro\</t>
  </si>
  <si>
    <t>Relatorio de Vendas - Auditoria BV Financeira - Janeiro_ - Cópia.xlsm</t>
  </si>
  <si>
    <t>\\acsfs\DEPTOS\Operacao\Banco_Votorantim\Qualidade\Anderson\Auditoria de Vendas\Relatorio de vendas\Relatorio de vendas - BV Financeira\2020\Janeiro\Relatorio de Vendas - Auditoria BV Financeira - Janeiro_ - Cópia.xlsm</t>
  </si>
  <si>
    <t>01/21/2020 13:16:05</t>
  </si>
  <si>
    <t>01/21/2020 13:20:29</t>
  </si>
  <si>
    <t>7df90713-898f-4740-a60b-262113a5cd6d.tmp</t>
  </si>
  <si>
    <t>\\acsfs\profiles$\luanaldsi\Downloads\7df90713-898f-4740-a60b-262113a5cd6d.tmp</t>
  </si>
  <si>
    <t>01/21/2020 13:19:10</t>
  </si>
  <si>
    <t>01/21/2020 13:17:56</t>
  </si>
  <si>
    <t>01/21/2020 13:16:52</t>
  </si>
  <si>
    <t>01/21/2020 13:21:30</t>
  </si>
  <si>
    <t>01/21/2020 13:19:58</t>
  </si>
  <si>
    <t>01/21/2020 13:19:28</t>
  </si>
  <si>
    <t>01/21/2020 13:22:29</t>
  </si>
  <si>
    <t>01/21/2020 13:17:15</t>
  </si>
  <si>
    <t>01/21/2020 13:17:45</t>
  </si>
  <si>
    <t>01/21/2020 13:19:15</t>
  </si>
  <si>
    <t>01/21/2020 13:19:45</t>
  </si>
  <si>
    <t>01/21/2020 13:20:15</t>
  </si>
  <si>
    <t>01/21/2020 13:20:45</t>
  </si>
  <si>
    <t>01/21/2020 13:21:45</t>
  </si>
  <si>
    <t>01/21/2020 13:20:34</t>
  </si>
  <si>
    <t>01/21/2020 13:19:46</t>
  </si>
  <si>
    <t>01/21/2020 13:23:29</t>
  </si>
  <si>
    <t>01/21/2020 13:22:48</t>
  </si>
  <si>
    <t>01/21/2020 13:23:02</t>
  </si>
  <si>
    <t>01/21/2020 13:23:05</t>
  </si>
  <si>
    <t>01/21/2020 13:20:13</t>
  </si>
  <si>
    <t>Erro fatal ESTER APARECIDA SILVA GOULART.PNG</t>
  </si>
  <si>
    <t>\\acsfs\ACS\001 - Qualidade Lilian\PAULO\Pasta Tainara\Erro fatal ESTER APARECIDA SILVA GOULART.PNG</t>
  </si>
  <si>
    <t>01/21/2020 13:20:43</t>
  </si>
  <si>
    <t>01/21/2020 13:24:29</t>
  </si>
  <si>
    <t>01/21/2020 13:20:57</t>
  </si>
  <si>
    <t>01/21/2020 13:20:58</t>
  </si>
  <si>
    <t>01/21/2020 13:22:33</t>
  </si>
  <si>
    <t>01/21/2020 13:23:28</t>
  </si>
  <si>
    <t>01/21/2020 13:20:00</t>
  </si>
  <si>
    <t>85a0a472-701e-4bc9-83ca-4cd0955919e8.tmp</t>
  </si>
  <si>
    <t>\\acsfs\profiles$\karinarm\Downloads\85a0a472-701e-4bc9-83ca-4cd0955919e8.tmp</t>
  </si>
  <si>
    <t>01/21/2020 13:21:20</t>
  </si>
  <si>
    <t>f7cbb702-7f37-4c20-9ccf-aca80d98c7c2.tmp</t>
  </si>
  <si>
    <t>\\acsfs\profiles$\karinarm\Downloads\f7cbb702-7f37-4c20-9ccf-aca80d98c7c2.tmp</t>
  </si>
  <si>
    <t>01/21/2020 13:21:59</t>
  </si>
  <si>
    <t>0720d2e0-32da-43eb-a54c-cf29319edf0d.tmp</t>
  </si>
  <si>
    <t>\\acsfs\profiles$\karinarm\Downloads\0720d2e0-32da-43eb-a54c-cf29319edf0d.tmp</t>
  </si>
  <si>
    <t>01/21/2020 13:20:08</t>
  </si>
  <si>
    <t>fb30ddde-406b-4ad2-9119-5d9c4486caf1.tmp</t>
  </si>
  <si>
    <t>\\acsfs\profiles$\geovannasm\Downloads\fb30ddde-406b-4ad2-9119-5d9c4486caf1.tmp</t>
  </si>
  <si>
    <t>01/21/2020 13:20:12</t>
  </si>
  <si>
    <t>6dd8e06f-1b41-445d-8bfb-7e6990bce3fd.tmp</t>
  </si>
  <si>
    <t>\\acsfs\profiles$\geovannasm\Downloads\6dd8e06f-1b41-445d-8bfb-7e6990bce3fd.tmp</t>
  </si>
  <si>
    <t>01/21/2020 13:20:10</t>
  </si>
  <si>
    <t>01/21/2020 13:25:29</t>
  </si>
  <si>
    <t>01/21/2020 13:22:52</t>
  </si>
  <si>
    <t>01/21/2020 13:26:29</t>
  </si>
  <si>
    <t>01/21/2020 13:25:36</t>
  </si>
  <si>
    <t>01/21/2020 13:21:29</t>
  </si>
  <si>
    <t>01/21/2020 13:21:33</t>
  </si>
  <si>
    <t>01/21/2020 13:21:34</t>
  </si>
  <si>
    <t>01/21/2020 13:25:32</t>
  </si>
  <si>
    <t>01/21/2020 13:22:46</t>
  </si>
  <si>
    <t>01/21/2020 13:27:30</t>
  </si>
  <si>
    <t>01/21/2020 13:23:16</t>
  </si>
  <si>
    <t>01/21/2020 13:23:46</t>
  </si>
  <si>
    <t>01/21/2020 13:24:46</t>
  </si>
  <si>
    <t>01/21/2020 13:25:16</t>
  </si>
  <si>
    <t>01/21/2020 13:28:29</t>
  </si>
  <si>
    <t>01/21/2020 13:23:19</t>
  </si>
  <si>
    <t>01/21/2020 13:23:31</t>
  </si>
  <si>
    <t>01/21/2020 13:24:02</t>
  </si>
  <si>
    <t>01/21/2020 13:24:05</t>
  </si>
  <si>
    <t>01/21/2020 13:24:10</t>
  </si>
  <si>
    <t>01/21/2020 13:24:31</t>
  </si>
  <si>
    <t>01/21/2020 13:24:39</t>
  </si>
  <si>
    <t>01/21/2020 13:24:44</t>
  </si>
  <si>
    <t>01/21/2020 13:24:47</t>
  </si>
  <si>
    <t>01/21/2020 13:24:56</t>
  </si>
  <si>
    <t>01/21/2020 13:25:09</t>
  </si>
  <si>
    <t>01/21/2020 13:25:21</t>
  </si>
  <si>
    <t>01/21/2020 13:25:30</t>
  </si>
  <si>
    <t>01/21/2020 13:24:32</t>
  </si>
  <si>
    <t>01/21/2020 13:29:29</t>
  </si>
  <si>
    <t>01/21/2020 13:24:55</t>
  </si>
  <si>
    <t>01/21/2020 13:24:57</t>
  </si>
  <si>
    <t>01/21/2020 13:25:10</t>
  </si>
  <si>
    <t>01/21/2020 13:25:14</t>
  </si>
  <si>
    <t>01/21/2020 13:26:57</t>
  </si>
  <si>
    <t>01/21/2020 13:27:06</t>
  </si>
  <si>
    <t>01/21/2020 13:27:13</t>
  </si>
  <si>
    <t>01/21/2020 13:30:29</t>
  </si>
  <si>
    <t>01/21/2020 13:26:10</t>
  </si>
  <si>
    <t>01/21/2020 13:25:42</t>
  </si>
  <si>
    <t>29143559-f3ab-4909-9032-633236a076f3.tmp</t>
  </si>
  <si>
    <t>\\acsfs\profiles$\danielpdl\Downloads\29143559-f3ab-4909-9032-633236a076f3.tmp</t>
  </si>
  <si>
    <t>01/21/2020 13:28:24</t>
  </si>
  <si>
    <t>01/21/2020 13:26:55</t>
  </si>
  <si>
    <t>01/21/2020 13:31:30</t>
  </si>
  <si>
    <t>01/21/2020 13:27:01</t>
  </si>
  <si>
    <t>01/21/2020 13:27:21</t>
  </si>
  <si>
    <t>01/21/2020 13:27:42</t>
  </si>
  <si>
    <t>01/21/2020 13:27:46</t>
  </si>
  <si>
    <t>01/21/2020 13:28:03</t>
  </si>
  <si>
    <t>01/21/2020 13:28:09</t>
  </si>
  <si>
    <t>01/21/2020 13:28:11</t>
  </si>
  <si>
    <t>01/21/2020 13:28:52</t>
  </si>
  <si>
    <t>01/21/2020 13:26:44</t>
  </si>
  <si>
    <t>01/21/2020 13:26:32</t>
  </si>
  <si>
    <t>0f653bd1-4e35-4f25-8349-a5f06e836392.tmp</t>
  </si>
  <si>
    <t>\\acsfs\profiles$\cassianogc\Downloads\0f653bd1-4e35-4f25-8349-a5f06e836392.tmp</t>
  </si>
  <si>
    <t>01/21/2020 13:32:29</t>
  </si>
  <si>
    <t>01/21/2020 13:28:01</t>
  </si>
  <si>
    <t>30c889cf-d884-49ee-8704-e2bc2d63d5f7.tmp</t>
  </si>
  <si>
    <t>\\acsfs\profiles$\antoniosva\Downloads\30c889cf-d884-49ee-8704-e2bc2d63d5f7.tmp</t>
  </si>
  <si>
    <t>01/21/2020 13:28:16</t>
  </si>
  <si>
    <t>01/21/2020 13:28:46</t>
  </si>
  <si>
    <t>01/21/2020 13:31:17</t>
  </si>
  <si>
    <t>01/21/2020 13:31:47</t>
  </si>
  <si>
    <t>01/21/2020 13:28:08</t>
  </si>
  <si>
    <t>lu13576w1m9u.tmp</t>
  </si>
  <si>
    <t>\\acsfs\profiles$\LORRAYNEVAM\lu13576w1m9u.tmp</t>
  </si>
  <si>
    <t>\\acsfs\profiles$\LORRAYNEVAM\lu13576w1m9u.tmp\</t>
  </si>
  <si>
    <t>\\acsfs\profiles$\LORRAYNEVAM\lu13576w1m9u.tmp\META-INF\</t>
  </si>
  <si>
    <t>\\acsfs\profiles$\LORRAYNEVAM\lu13576w1m9u.tmp\Thumbnails\</t>
  </si>
  <si>
    <t>01/21/2020 13:28:54</t>
  </si>
  <si>
    <t>01/21/2020 13:33:30</t>
  </si>
  <si>
    <t>01/21/2020 13:34:29</t>
  </si>
  <si>
    <t>01/21/2020 13:32:22</t>
  </si>
  <si>
    <t>01/21/2020 13:33:43</t>
  </si>
  <si>
    <t>01/21/2020 13:33:45</t>
  </si>
  <si>
    <t>01/21/2020 13:33:47</t>
  </si>
  <si>
    <t>01/21/2020 13:33:26</t>
  </si>
  <si>
    <t>b07b6bea-5956-449e-80c3-0214ac600d80.tmp</t>
  </si>
  <si>
    <t>\\acsfs\profiles$\mariajaf\Downloads\b07b6bea-5956-449e-80c3-0214ac600d80.tmp</t>
  </si>
  <si>
    <t>01/21/2020 13:35:29</t>
  </si>
  <si>
    <t>01/21/2020 13:31:10</t>
  </si>
  <si>
    <t>01/21/2020 13:31:34</t>
  </si>
  <si>
    <t>"mozilla/5.0 (windows nt 6.1) applewebkit/537.36 (khtml;1;120;126;13;13700014;13700109;13700167;13700185;13700235;13700451;1370056;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1579527224907;1579532341844;1579537168780;1579538071778;1579544093069;1579557386225;1579559192383;22;39;55;5701393;58;621969351;78;[[13701450;[[null;[];[]]];adfn-csyrvwqermfbxam1mkavsrzjlg0rundo9gysmvmlrxxhlhfmqhcw7_ynhcatkqscdyldsiy;andrelpsa@algartech.com;fabianacscg@algartech.com;false;false];fedb0gqdtuqawg";harunams@algartech.com;ken=ac4w5vi0ka-sxkbznvlqg8lj5-wvx_fz5a:1579520900837&amp;buildlabel=drive.</t>
  </si>
  <si>
    <t>"mozilla/5.0 (windows nt 6.1) applewebkit/537.36 (khtml,1,120,126,13,13700014,13700109,13700167,13700185,13700235,13700451,1370056,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1579527224907,1579532341844,1579537168780,1579538071778,1579544093069,1579557386225,1579559192383,22,39,55,5701393,58,621969351,78,[[13701450,[[null,[],[]]],adfn-csyrvwqermfbxam1mkavsrzjlg0rundo9gysmvmlrxxhlhfmqhcw7_ynhcatkqscdyldsiy,andrelpsa@algartech.com,fabianacscg@algartech.com,false,false],fedb0gqdtuqawg",harunams@algartech.com,ken=ac4w5vi0ka-sxkbznvlqg8lj5-wvx_fz5a:1579520900837&amp;buildlabel=drive.</t>
  </si>
  <si>
    <t>01/21/2020 13:31:35</t>
  </si>
  <si>
    <t>01/21/2020 13:32:10</t>
  </si>
  <si>
    <t>01/21/2020 13:33:04</t>
  </si>
  <si>
    <t>"mozilla/5.0 (windows nt 6.1) applewebkit/537.36 (khtml;1;106;121;123;13;13700109;13700563�;13700607;13700883;13701139;13701214;13701298;13701418;13701458;13701577;13701589;13701613;13701625;13701657;13701749;13701825;13701901;13701921;13701949;13701953;13701969;13702064;13702088;1579520900840000;1579520901989000;1579520906502;1579542888961;1579548307435;1579553171869;1579557687253;1579558289305;621969351;74;92;[[13701450;[];[]]];adfn-csyrvwqermfbxam1mkavsrzjlg0rundo9gysmvmlrxxhlhfmqhcw7_ynhcatkqscdyldsiy;andrelpsa@algartech.com;fabianacscg@algartech.com;false;false];fedb0gqdtuqawg";harunams@algartech.com;ken=ac4w5vi0ka-sxkbznvlqg8lj5-wvx_fz5a:1579520900837&amp;buildlabel=drive.web-frontend_20200108.00_p2;ken=ac4w5vi0ka-sxkbznvlqg8lj5-wvx_fz5a:1579520900837&amp;buildlabel=drive.web-frontend_20200108.00_p201613;l-ckacf_7r3zozh1hhizn88xwetaapoebcpjm5ey2zyse1nt3xmnhcr-rz9s-zdg-5-xx2v8f_tzsvcfibwrle5qaq53vh6r8m19mnq0rhk68ibitnjgrsmrdalihic4l1lxyqga8ovr5etkjjbkmsgw0htomrw0ftovchx76kgoyskqvpqzuqo0mrsk-nevtbmaqaleloorbdq4mj</t>
  </si>
  <si>
    <t>"mozilla/5.0 (windows nt 6.1) applewebkit/537.36 (khtml,1,106,121,123,13,13700109,13700563�,13700607,13700883,13701139,13701214,13701298,13701418,13701458,13701577,13701589,13701613,13701625,13701657,13701749,13701825,13701901,13701921,13701949,13701953,13701969,13702064,13702088,1579520900840000,1579520901989000,1579520906502,1579542888961,1579548307435,1579553171869,1579557687253,1579558289305,621969351,74,92,[[13701450,[],[]]],adfn-csyrvwqermfbxam1mkavsrzjlg0rundo9gysmvmlrxxhlhfmqhcw7_ynhcatkqscdyldsiy,andrelpsa@algartech.com,fabianacscg@algartech.com,false,false],fedb0gqdtuqawg",harunams@algartech.com,ken=ac4w5vi0ka-sxkbznvlqg8lj5-wvx_fz5a:1579520900837&amp;buildlabel=drive.web-frontend_20200108.00_p2,ken=ac4w5vi0ka-sxkbznvlqg8lj5-wvx_fz5a:1579520900837&amp;buildlabel=drive.web-frontend_20200108.00_p201613,l-ckacf_7r3zozh1hhizn88xwetaapoebcpjm5ey2zyse1nt3xmnhcr-rz9s-zdg-5-xx2v8f_tzsvcfibwrle5qaq53vh6r8m19mnq0rhk68ibitnjgrsmrdalihic4l1lxyqga8ovr5etkjjbkmsgw0htomrw0ftovchx76kgoyskqvpqzuqo0mrsk-nevtbmaqaleloorbdq4mj</t>
  </si>
  <si>
    <t>01/21/2020 13:33:07</t>
  </si>
  <si>
    <t>01/21/2020 13:36:29</t>
  </si>
  <si>
    <t>01/21/2020 13:34:52</t>
  </si>
  <si>
    <t>01/21/2020 13:35:19</t>
  </si>
  <si>
    <t>01/21/2020 13:34:27</t>
  </si>
  <si>
    <t>01/21/2020 13:34:38</t>
  </si>
  <si>
    <t>01/21/2020 13:34:39</t>
  </si>
  <si>
    <t>01/21/2020 13:34:42</t>
  </si>
  <si>
    <t>01/21/2020 13:34:46</t>
  </si>
  <si>
    <t>01/21/2020 13:34:48</t>
  </si>
  <si>
    <t>01/21/2020 13:34:54</t>
  </si>
  <si>
    <t>01/21/2020 13:36:26</t>
  </si>
  <si>
    <t>01/21/2020 13:37:29</t>
  </si>
  <si>
    <t>01/21/2020 13:32:17</t>
  </si>
  <si>
    <t>01/21/2020 13:34:17</t>
  </si>
  <si>
    <t>01/21/2020 13:33:55</t>
  </si>
  <si>
    <t>01/21/2020 13:38:29</t>
  </si>
  <si>
    <t>.~lock.Contato Reneg Vencimento 24-01.ods#</t>
  </si>
  <si>
    <t>\\acsfs\profiles$\CLAUDIAJCA\Reneg 18-12\.~lock.Contato Reneg Vencimento 24-01.ods#</t>
  </si>
  <si>
    <t>01/21/2020 13:33:56</t>
  </si>
  <si>
    <t>lu80008a3pbhp.tmp</t>
  </si>
  <si>
    <t>\\acsfs\profiles$\CLAUDIAJCA\Reneg 18-12\lu80008a3pbhp.tmp</t>
  </si>
  <si>
    <t>\\acsfs\profiles$\CLAUDIAJCA\Reneg 18-12\lu80008a3pbhp.tmp\</t>
  </si>
  <si>
    <t>\\acsfs\profiles$\CLAUDIAJCA\Reneg 18-12\lu80008a3pbhp.tmp\META-INF\</t>
  </si>
  <si>
    <t>\\acsfs\profiles$\CLAUDIAJCA\Reneg 18-12\lu80008a3pbhp.tmp\Thumbnails\</t>
  </si>
  <si>
    <t>01/21/2020 13:37:16</t>
  </si>
  <si>
    <t>01/21/2020 13:37:17</t>
  </si>
  <si>
    <t>lu80008a3pbhu.tmp</t>
  </si>
  <si>
    <t>\\acsfs\profiles$\CLAUDIAJCA\Reneg 18-12\lu80008a3pbhu.tmp</t>
  </si>
  <si>
    <t>\\acsfs\profiles$\CLAUDIAJCA\Reneg 18-12\lu80008a3pbhu.tmp\</t>
  </si>
  <si>
    <t>\\acsfs\profiles$\CLAUDIAJCA\Reneg 18-12\lu80008a3pbhu.tmp\META-INF\</t>
  </si>
  <si>
    <t>\\acsfs\profiles$\CLAUDIAJCA\Reneg 18-12\lu80008a3pbhu.tmp\Thumbnails\</t>
  </si>
  <si>
    <t>6e1d8da8-eaa5-40ff-a24c-fa9710c62c91.tmp</t>
  </si>
  <si>
    <t>\\acsfs\profiles$\luanarda\Downloads\6e1d8da8-eaa5-40ff-a24c-fa9710c62c91.tmp</t>
  </si>
  <si>
    <t>01/21/2020 13:35:51</t>
  </si>
  <si>
    <t>JAQUELINE COIMBRA PERES_1_6780321581579182444_1_32.wav</t>
  </si>
  <si>
    <t>\\acsfs\Deptos\EDUCACAO EMPRESARIAL\KÉSIA\Ligações 3º ciclo - Janeiro 2020\JAQUELINE COIMBRA PERES_1_6780321581579182444_1_32.wav</t>
  </si>
  <si>
    <t>01/21/2020 13:35:46</t>
  </si>
  <si>
    <t>lu1498012kwmf.tmp</t>
  </si>
  <si>
    <t>\\acsfs\profiles$\dhiulliananads\My Documents\lu1498012kwmf.tmp</t>
  </si>
  <si>
    <t>\\acsfs\profiles$\dhiulliananads\My Documents\lu1498012kwmf.tmp\</t>
  </si>
  <si>
    <t>\\acsfs\profiles$\dhiulliananads\My Documents\lu1498012kwmf.tmp\META-INF\</t>
  </si>
  <si>
    <t>01/21/2020 13:35:28</t>
  </si>
  <si>
    <t>\\acsfs\profiles$\dhiulliananads\My Documents\lu1498012kwmf.tmp\Thumbnails\</t>
  </si>
  <si>
    <t>01/21/2020 13:39:29</t>
  </si>
  <si>
    <t>01/21/2020 13:33:51</t>
  </si>
  <si>
    <t>01/21/2020 13:34:09</t>
  </si>
  <si>
    <t>01/21/2020 13:34:15</t>
  </si>
  <si>
    <t>01/21/2020 13:34:24</t>
  </si>
  <si>
    <t>01/21/2020 13:35:56</t>
  </si>
  <si>
    <t>2813317c-bfba-4f35-94d7-a0514d701d4c.tmp</t>
  </si>
  <si>
    <t>\\acsfs\profiles$\mariajaf\Downloads\2813317c-bfba-4f35-94d7-a0514d701d4c.tmp</t>
  </si>
  <si>
    <t>01/21/2020 13:39:09</t>
  </si>
  <si>
    <t>c5c6b539-ef28-486b-bf0f-24bcaf9c1044.tmp</t>
  </si>
  <si>
    <t>\\acsfs\profiles$\mariajaf\Downloads\c5c6b539-ef28-486b-bf0f-24bcaf9c1044.tmp</t>
  </si>
  <si>
    <t>01/21/2020 13:37:10</t>
  </si>
  <si>
    <t>01/21/2020 13:40:29</t>
  </si>
  <si>
    <t>01/21/2020 13:38:10</t>
  </si>
  <si>
    <t>01/21/2020 13:41:30</t>
  </si>
  <si>
    <t>01/21/2020 13:39:03</t>
  </si>
  <si>
    <t>d33a3517-52d2-4da2-9cca-aa77bd92cea0.tmp</t>
  </si>
  <si>
    <t>\\acsfs\profiles$\andressamf\Downloads\d33a3517-52d2-4da2-9cca-aa77bd92cea0.tmp</t>
  </si>
  <si>
    <t>01/21/2020 13:40:01</t>
  </si>
  <si>
    <t>f0a54817-2c40-4a97-b98a-f714d5b074bb.tmp</t>
  </si>
  <si>
    <t>\\acsfs\profiles$\sarahbal\Downloads\f0a54817-2c40-4a97-b98a-f714d5b074bb.tmp</t>
  </si>
  <si>
    <t>01/21/2020 13:37:19</t>
  </si>
  <si>
    <t>01/21/2020 13:42:29</t>
  </si>
  <si>
    <t>01/21/2020 13:39:27</t>
  </si>
  <si>
    <t>adea40d9-bae7-433e-b27e-486c97c069bd.tmp</t>
  </si>
  <si>
    <t>\\acsfs\profiles$\wenderbnm\Downloads\adea40d9-bae7-433e-b27e-486c97c069bd.tmp</t>
  </si>
  <si>
    <t>01/21/2020 13:40:44</t>
  </si>
  <si>
    <t>01/21/2020 13:43:30</t>
  </si>
  <si>
    <t>b838e2c6-af44-4991-96b2-d1873d577685.tmp</t>
  </si>
  <si>
    <t>\\acsfs\profiles$\nathaliarmr\Downloads\b838e2c6-af44-4991-96b2-d1873d577685.tmp</t>
  </si>
  <si>
    <t>01/21/2020 13:41:47</t>
  </si>
  <si>
    <t>230bcb6a-8644-4e66-8534-983b286ae971.tmp</t>
  </si>
  <si>
    <t>\\acsfs\profiles$\nathaliarmr\Downloads\230bcb6a-8644-4e66-8534-983b286ae971.tmp</t>
  </si>
  <si>
    <t>01/21/2020 13:40:18</t>
  </si>
  <si>
    <t>lu1047229x2u.tmp</t>
  </si>
  <si>
    <t>\\acsfs\profiles$\Flaviojmm\My Documents\lu1047229x2u.tmp</t>
  </si>
  <si>
    <t>\\acsfs\profiles$\Flaviojmm\My Documents\lu1047229x2u.tmp\</t>
  </si>
  <si>
    <t>\\acsfs\profiles$\Flaviojmm\My Documents\lu1047229x2u.tmp\META-INF\</t>
  </si>
  <si>
    <t>\\acsfs\profiles$\Flaviojmm\My Documents\lu1047229x2u.tmp\Thumbnails\</t>
  </si>
  <si>
    <t>01/21/2020 13:42:18</t>
  </si>
  <si>
    <t>01/21/2020 13:41:18</t>
  </si>
  <si>
    <t>01/21/2020 13:44:29</t>
  </si>
  <si>
    <t>01/21/2020 13:41:24</t>
  </si>
  <si>
    <t>01/21/2020 13:41:29</t>
  </si>
  <si>
    <t>01/21/2020 13:41:35</t>
  </si>
  <si>
    <t>01/21/2020 13:41:46</t>
  </si>
  <si>
    <t>lilianls@algartech.com;talmaiardo@algartech.com;</t>
  </si>
  <si>
    <t>lilianls@algartech.com,talmaiardo@algartech.com</t>
  </si>
  <si>
    <t>01/21/2020 13:42:24</t>
  </si>
  <si>
    <t>01/21/2020 13:42:35</t>
  </si>
  <si>
    <t>01/21/2020 13:42:49</t>
  </si>
  <si>
    <t>01/21/2020 13:42:58</t>
  </si>
  <si>
    <t>01/21/2020 13:43:10</t>
  </si>
  <si>
    <t>01/21/2020 13:43:16</t>
  </si>
  <si>
    <t>01/21/2020 13:41:27</t>
  </si>
  <si>
    <t>01/21/2020 13:45:29</t>
  </si>
  <si>
    <t>Surtada (Remix Brega Funk).29kb14d.partial</t>
  </si>
  <si>
    <t>\\acsfs\profiles$\nathalydds\Downloads\Surtada (Remix Brega Funk).29kb14d.partial</t>
  </si>
  <si>
    <t>3cd682f0-5585-4b4d-9783-e588300c32cc.tmp</t>
  </si>
  <si>
    <t>\\acsfs\profiles$\georgendsq\Downloads\3cd682f0-5585-4b4d-9783-e588300c32cc.tmp</t>
  </si>
  <si>
    <t>01/21/2020 13:42:21</t>
  </si>
  <si>
    <t>a3e80bd6-f91b-4825-abd7-d7aa2f728ffb.tmp</t>
  </si>
  <si>
    <t>\\acsfs\profiles$\georgendsq\Downloads\a3e80bd6-f91b-4825-abd7-d7aa2f728ffb.tmp</t>
  </si>
  <si>
    <t>01/21/2020 13:43:06</t>
  </si>
  <si>
    <t>23e32d95-ac98-4c6d-a539-149f39dcb99a.tmp</t>
  </si>
  <si>
    <t>\\acsfs\profiles$\georgendsq\Downloads\23e32d95-ac98-4c6d-a539-149f39dcb99a.tmp</t>
  </si>
  <si>
    <t>01/21/2020 13:43:22</t>
  </si>
  <si>
    <t>0e54d9f3-01d4-4429-9239-37b3b49e65ca.tmp</t>
  </si>
  <si>
    <t>\\acsfs\profiles$\georgendsq\Downloads\0e54d9f3-01d4-4429-9239-37b3b49e65ca.tmp</t>
  </si>
  <si>
    <t>01/21/2020 13:43:36</t>
  </si>
  <si>
    <t>9a31c57b-0042-41b8-a8a5-21e9d3b256a9.tmp</t>
  </si>
  <si>
    <t>\\acsfs\profiles$\georgendsq\Downloads\9a31c57b-0042-41b8-a8a5-21e9d3b256a9.tmp</t>
  </si>
  <si>
    <t>01/21/2020 13:43:55</t>
  </si>
  <si>
    <t>29695f22-4f12-4f09-b637-71749c2cb151.tmp</t>
  </si>
  <si>
    <t>\\acsfs\profiles$\georgendsq\Downloads\29695f22-4f12-4f09-b637-71749c2cb151.tmp</t>
  </si>
  <si>
    <t>01/21/2020 13:44:12</t>
  </si>
  <si>
    <t>01/21/2020 13:44:22</t>
  </si>
  <si>
    <t>01/21/2020 13:40:22</t>
  </si>
  <si>
    <t>16d5cebd-4877-49a7-9ca9-18101d00b2e0.tmp</t>
  </si>
  <si>
    <t>\\acsfs\profiles$\KARENJSS\Downloads\16d5cebd-4877-49a7-9ca9-18101d00b2e0.tmp</t>
  </si>
  <si>
    <t>01/21/2020 13:42:23</t>
  </si>
  <si>
    <t>7e7bf36d-a382-4800-9cc1-d95f31728575.tmp</t>
  </si>
  <si>
    <t>\\acsfs\profiles$\KARENJSS\Downloads\7e7bf36d-a382-4800-9cc1-d95f31728575.tmp</t>
  </si>
  <si>
    <t>01/21/2020 13:43:04</t>
  </si>
  <si>
    <t>c8245604-1ec8-443e-a356-68bec2689b84.tmp</t>
  </si>
  <si>
    <t>\\acsfs\profiles$\KARENJSS\Downloads\c8245604-1ec8-443e-a356-68bec2689b84.tmp</t>
  </si>
  <si>
    <t>01/21/2020 13:44:21</t>
  </si>
  <si>
    <t>c2370958-ab94-4dee-bf6c-dae9c99e831d.tmp</t>
  </si>
  <si>
    <t>\\acsfs\profiles$\KARENJSS\Downloads\c2370958-ab94-4dee-bf6c-dae9c99e831d.tmp</t>
  </si>
  <si>
    <t>01/21/2020 13:40:53</t>
  </si>
  <si>
    <t>01/21/2020 13:46:29</t>
  </si>
  <si>
    <t>01/21/2020 13:40:52</t>
  </si>
  <si>
    <t>01/21/2020 13:42:48</t>
  </si>
  <si>
    <t>4d72630c-dabf-4a79-914b-5ee295dd399b.tmp</t>
  </si>
  <si>
    <t>\\acsfs\profiles$\LUCASBS\Downloads\4d72630c-dabf-4a79-914b-5ee295dd399b.tmp</t>
  </si>
  <si>
    <t>5357b13c-9759-42a8-937a-bf46372527ef.tmp</t>
  </si>
  <si>
    <t>\\acsfs\profiles$\LUCASBS\Downloads\5357b13c-9759-42a8-937a-bf46372527ef.tmp</t>
  </si>
  <si>
    <t>01/21/2020 13:44:35</t>
  </si>
  <si>
    <t>adc552f4-af68-441a-b8ff-9dc06f89bfef.tmp</t>
  </si>
  <si>
    <t>\\acsfs\profiles$\talitafdc\Downloads\adc552f4-af68-441a-b8ff-9dc06f89bfef.tmp</t>
  </si>
  <si>
    <t>01/21/2020 13:45:19</t>
  </si>
  <si>
    <t>5189a0a0-a48f-4aca-8c02-9bd6fac76340.tmp</t>
  </si>
  <si>
    <t>\\acsfs\profiles$\talitafdc\Downloads\5189a0a0-a48f-4aca-8c02-9bd6fac76340.tmp</t>
  </si>
  <si>
    <t>01/21/2020 13:45:38</t>
  </si>
  <si>
    <t>01/21/2020 13:43:28</t>
  </si>
  <si>
    <t>01/21/2020 13:47:29</t>
  </si>
  <si>
    <t>01/21/2020 13:43:45</t>
  </si>
  <si>
    <t>01/21/2020 13:43:40</t>
  </si>
  <si>
    <t>01/21/2020 13:46:49</t>
  </si>
  <si>
    <t>73810ad8-b95b-4da2-ad0c-dba16ea244d6.tmp</t>
  </si>
  <si>
    <t>\\acsfs\profiles$\vivianalds\Downloads\73810ad8-b95b-4da2-ad0c-dba16ea244d6.tmp</t>
  </si>
  <si>
    <t>01/21/2020 13:46:13</t>
  </si>
  <si>
    <t>01/21/2020 13:48:29</t>
  </si>
  <si>
    <t>32cab035-6265-4bcf-8425-b681580c82e2.tmp</t>
  </si>
  <si>
    <t>\\acsfs\profiles$\gabrielafs\Downloads\32cab035-6265-4bcf-8425-b681580c82e2.tmp</t>
  </si>
  <si>
    <t>01/21/2020 13:46:36</t>
  </si>
  <si>
    <t>ff1ceeac-2536-42e9-977c-218246facf64.tmp</t>
  </si>
  <si>
    <t>\\acsfs\profiles$\ingridsm\Downloads\ff1ceeac-2536-42e9-977c-218246facf64.tmp</t>
  </si>
  <si>
    <t>01/21/2020 13:43:39</t>
  </si>
  <si>
    <t>01/21/2020 13:49:29</t>
  </si>
  <si>
    <t>01/21/2020 13:43:49</t>
  </si>
  <si>
    <t>01/21/2020 13:43:53</t>
  </si>
  <si>
    <t>01/21/2020 13:43:58</t>
  </si>
  <si>
    <t>01/21/2020 13:44:24</t>
  </si>
  <si>
    <t>01/21/2020 13:44:42</t>
  </si>
  <si>
    <t>01/21/2020 13:44:47</t>
  </si>
  <si>
    <t>01/21/2020 13:45:03</t>
  </si>
  <si>
    <t>01/21/2020 13:46:05</t>
  </si>
  <si>
    <t>01/21/2020 13:50:29</t>
  </si>
  <si>
    <t>c2f2f6cb-c1c6-4a2f-bc6c-38aed76a53cc.tmp</t>
  </si>
  <si>
    <t>\\acsfs\profiles$\marcosvnds\Downloads\c2f2f6cb-c1c6-4a2f-bc6c-38aed76a53cc.tmp</t>
  </si>
  <si>
    <t>01/21/2020 13:46:06</t>
  </si>
  <si>
    <t>3018176d-0dc4-4be0-8ef4-2902d454a032.tmp</t>
  </si>
  <si>
    <t>\\acsfs\profiles$\marcosvnds\Downloads\3018176d-0dc4-4be0-8ef4-2902d454a032.tmp</t>
  </si>
  <si>
    <t>01/21/2020 13:48:16</t>
  </si>
  <si>
    <t>d8a4dd5d-17a3-4259-9404-2a94e52ccb2a.tmp</t>
  </si>
  <si>
    <t>\\acsfs\profiles$\marcosvnds\Downloads\d8a4dd5d-17a3-4259-9404-2a94e52ccb2a.tmp</t>
  </si>
  <si>
    <t>01/21/2020 13:48:36</t>
  </si>
  <si>
    <t>d90a4628-0ca2-4522-bd49-6a19221c54d6.tmp</t>
  </si>
  <si>
    <t>\\acsfs\profiles$\marcosvnds\Downloads\d90a4628-0ca2-4522-bd49-6a19221c54d6.tmp</t>
  </si>
  <si>
    <t>01/21/2020 13:48:51</t>
  </si>
  <si>
    <t>cef60eed-f3bd-4d04-b055-b1643888bd23.tmp</t>
  </si>
  <si>
    <t>\\acsfs\profiles$\marcosvnds\Downloads\cef60eed-f3bd-4d04-b055-b1643888bd23.tmp</t>
  </si>
  <si>
    <t>01/21/2020 13:49:16</t>
  </si>
  <si>
    <t>20e5507b-7e1b-41b4-932e-7ba201254b5d.tmp</t>
  </si>
  <si>
    <t>\\acsfs\profiles$\marcosvnds\Downloads\20e5507b-7e1b-41b4-932e-7ba201254b5d.tmp</t>
  </si>
  <si>
    <t>01/21/2020 13:48:19</t>
  </si>
  <si>
    <t>"mozilla/5.0 (windows nt 6.1) applewebkit/537.36 (khtml;0]\\\\\\]\\\)\);0]l;1;13;13700109;1370056;13700563�;13700607;13700883;13701139;13701214;13701298;13701418;13701458;13701577;13701589;13701613;13701625;13701657;13701749;13701825;13701901;13701921;13701949;13701953;13701969;13702064;13702088;1579520900840000;1579520901989000;1579610399687;288;621969351;[[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01613;ken=ac4w5vi0ka-sxkbznvlqg8lj5-wvx_fz5a:1579520900837&amp;buildlabel=drive.web-frontend_20200108.00_p2ull;kind;lastmodifyinguser(kind;lastviewedbymedate;like gecko) chrome/79.0.3945.130 safari/537.36";modifiedbymedate;modifieddate;null;ontainsunsubscribedchildren</t>
  </si>
  <si>
    <t>"mozilla/5.0 (windows nt 6.1) applewebkit/537.36 (khtml,0]\\\\\\]\\\)\),0]l,1,13,13700109,1370056,13700563�,13700607,13700883,13701139,13701214,13701298,13701418,13701458,13701577,13701589,13701613,13701625,13701657,13701749,13701825,13701901,13701921,13701949,13701953,13701969,13702064,13702088,1579520900840000,1579520901989000,1579610399687,288,621969351,[[13701450,[],[]]],adfn-csyrvwqermfbxam1mkavsrzjlg0rundo9gysmvmlrxxhlhfmqhcw7_ynhcatkqscdyldsiy,ancestorhasaugmentedpermissions,containsunsubscribedchildren,displayname,domain,emailaddress,false,false],fedb0gqdtuqawg",file(kind,fileid,filesize,hasthumbnail,hasvisitorpermissions,id,id),items(deleted,ken,ken=ac4w5vi0ka-sxkbznvlqg8lj5-wvx_fz5a:1579520900837&amp;buildlabel=drive.web-frontend_20200108.00_p201613,ken=ac4w5vi0ka-sxkbznvlqg8lj5-wvx_fz5a:1579520900837&amp;buildlabel=drive.web-frontend_20200108.00_p2ull,kind,lastmodifyinguser(kind,lastviewedbymedate,like gecko) chrome/79.0.3945.130 safari/537.36",modifiedbymedate,modifieddate,null,ontainsunsubscribedchildren</t>
  </si>
  <si>
    <t>01/21/2020 13:48:26</t>
  </si>
  <si>
    <t>"languagecode":"pt-br";"mozilla/5.0 (windows nt 6.1) applewebkit/537.36 (khtml;"requesttype":"background_request";"scenariotype;"timezone":"-03:00";0]��606;1;13;13700109;13700167;13700235;1370056;13700563�;13700607;13700607�;13700883;13700946;13700951;13701139;13701207;13701214;13701262;13701276;13701298;13701418;13701458;13701486;13701534;13701577;13701589;13701613;13701625;13701657;13701749;13701825;13701901;13701905;13701921;13701945;13701949;13701953;13701957;13701969;13702064;13702084;13702088;144;1579518703539000;1579518704281000;1579520900840000;1579520901989000;1579530836861;1579538372765;1579541985883;1579564610853;1579623257815;325;34;341510534;59;621969351;71;[[13701450;[[13701709;[];[]]];adfn-cspcsyxrje8e_uwlcurxtaovilsk-iwx_awebtzmdpx2pjk6_foyqwqy0zgvo7qjyx_gbyl;adfn-csyrvwqermfbxam1mkavsrzjlg0rundo9gysmvmlrxxhlhfmqhcw7_ynhcatkqscdyldsiy;ancestorhasaugmentedpermissions;containsunsubscribedchildren;displayname;domain;emailaddress;ess"}};false;false];fedb0gqdtuqawg";file(kind;fileid;filesize;fstqta</t>
  </si>
  <si>
    <t>"languagecode":"pt-br","mozilla/5.0 (windows nt 6.1) applewebkit/537.36 (khtml,"requesttype":"background_request","scenariotype,"timezone":"-03:00",0]��606,1,13,13700109,13700167,13700235,1370056,13700563�,13700607,13700607�,13700883,13700946,13700951,13701139,13701207,13701214,13701262,13701276,13701298,13701418,13701458,13701486,13701534,13701577,13701589,13701613,13701625,13701657,13701749,13701825,13701901,13701905,13701921,13701945,13701949,13701953,13701957,13701969,13702064,13702084,13702088,144,1579518703539000,1579518704281000,1579520900840000,1579520901989000,1579530836861,1579538372765,1579541985883,1579564610853,1579623257815,325,34,341510534,59,621969351,71,[[13701450,[[13701709,[],[]]],adfn-cspcsyxrje8e_uwlcurxtaovilsk-iwx_awebtzmdpx2pjk6_foyqwqy0zgvo7qjyx_gbyl,adfn-csyrvwqermfbxam1mkavsrzjlg0rundo9gysmvmlrxxhlhfmqhcw7_ynhcatkqscdyldsiy,ancestorhasaugmentedpermissions,containsunsubscribedchildren,displayname,domain,emailaddress,ess"}},false,false],fedb0gqdtuqawg",file(kind,fileid,filesize,fstqta</t>
  </si>
  <si>
    <t>01/21/2020 13:49:12</t>
  </si>
  <si>
    <t>01/21/2020 13:46:52</t>
  </si>
  <si>
    <t>01/21/2020 13:51:30</t>
  </si>
  <si>
    <t>01/21/2020 13:46:17</t>
  </si>
  <si>
    <t>fa084069-7312-44cd-81b5-351fff8aadb0.tmp</t>
  </si>
  <si>
    <t>\\acsfs\profiles$\talitafdc\Downloads\fa084069-7312-44cd-81b5-351fff8aadb0.tmp</t>
  </si>
  <si>
    <t>01/21/2020 13:46:41</t>
  </si>
  <si>
    <t>94ffd045-d404-418d-a75d-c992da4c3700.tmp</t>
  </si>
  <si>
    <t>\\acsfs\profiles$\talitafdc\Downloads\94ffd045-d404-418d-a75d-c992da4c3700.tmp</t>
  </si>
  <si>
    <t>01/21/2020 13:49:59</t>
  </si>
  <si>
    <t>c809f796-fdac-4d41-af89-f35aba0fd1d8.tmp</t>
  </si>
  <si>
    <t>\\acsfs\profiles$\valeriasda\Downloads\c809f796-fdac-4d41-af89-f35aba0fd1d8.tmp</t>
  </si>
  <si>
    <t>01/21/2020 13:50:04</t>
  </si>
  <si>
    <t>1c2472a1-9c1f-413e-89bc-0e3e4d15845a.tmp</t>
  </si>
  <si>
    <t>\\acsfs\profiles$\valeriasda\Downloads\1c2472a1-9c1f-413e-89bc-0e3e4d15845a.tmp</t>
  </si>
  <si>
    <t>01/21/2020 13:46:23</t>
  </si>
  <si>
    <t>01/21/2020 13:46:45</t>
  </si>
  <si>
    <t>01/21/2020 13:52:29</t>
  </si>
  <si>
    <t>\\acsfs\profiles$\brendadsl\My Documents\xworkcenter\logs\</t>
  </si>
  <si>
    <t>XLOG_brendadsl_21012020_135001.log</t>
  </si>
  <si>
    <t>\\acsfs\profiles$\brendadsl\My Documents\xworkcenter\logs\XLOG_brendadsl_21012020_135001.log</t>
  </si>
  <si>
    <t>01/21/2020 13:50:58</t>
  </si>
  <si>
    <t>bdf2189c-ddfe-4697-8679-e73a41fc775a.tmp</t>
  </si>
  <si>
    <t>\\acsfs\profiles$\brendadsl\Downloads\bdf2189c-ddfe-4697-8679-e73a41fc775a.tmp</t>
  </si>
  <si>
    <t>01/21/2020 13:51:11</t>
  </si>
  <si>
    <t>01/21/2020 13:51:12</t>
  </si>
  <si>
    <t>01/21/2020 13:51:13</t>
  </si>
  <si>
    <t>01/21/2020 13:51:14</t>
  </si>
  <si>
    <t>01/21/2020 13:51:15</t>
  </si>
  <si>
    <t>01/21/2020 13:51:16</t>
  </si>
  <si>
    <t>01/21/2020 13:51:17</t>
  </si>
  <si>
    <t>01/21/2020 13:51:18</t>
  </si>
  <si>
    <t>01/21/2020 13:51:19</t>
  </si>
  <si>
    <t>01/21/2020 13:51:20</t>
  </si>
  <si>
    <t>01/21/2020 13:51:21</t>
  </si>
  <si>
    <t>01/21/2020 13:51:22</t>
  </si>
  <si>
    <t>01/21/2020 13:51:23</t>
  </si>
  <si>
    <t>01/21/2020 13:51:24</t>
  </si>
  <si>
    <t>01/21/2020 13:51:25</t>
  </si>
  <si>
    <t>01/21/2020 13:51:26</t>
  </si>
  <si>
    <t>01/21/2020 13:50:44</t>
  </si>
  <si>
    <t>f39f00b2-2d5e-43fa-96d0-aaa8e49dff19.tmp</t>
  </si>
  <si>
    <t>\\acsfs\profiles$\LAISLG\Downloads\f39f00b2-2d5e-43fa-96d0-aaa8e49dff19.tmp</t>
  </si>
  <si>
    <t>01/21/2020 13:51:27</t>
  </si>
  <si>
    <t>01/21/2020 13:51:28</t>
  </si>
  <si>
    <t>01/21/2020 13:53:30</t>
  </si>
  <si>
    <t>01/21/2020 13:50:53</t>
  </si>
  <si>
    <t>01/21/2020 13:51:02</t>
  </si>
  <si>
    <t>01/21/2020 13:51:06</t>
  </si>
  <si>
    <t>01/21/2020 13:51:10</t>
  </si>
  <si>
    <t>01/21/2020 13:52:34</t>
  </si>
  <si>
    <t>01/21/2020 13:52:38</t>
  </si>
  <si>
    <t>01/21/2020 13:52:42</t>
  </si>
  <si>
    <t>01/21/2020 13:52:47</t>
  </si>
  <si>
    <t>01/21/2020 13:52:54</t>
  </si>
  <si>
    <t>01/21/2020 13:52:57</t>
  </si>
  <si>
    <t>01/21/2020 13:52:58</t>
  </si>
  <si>
    <t>01/21/2020 13:53:02</t>
  </si>
  <si>
    <t>01/21/2020 13:53:06</t>
  </si>
  <si>
    <t>01/21/2020 13:53:10</t>
  </si>
  <si>
    <t>01/21/2020 13:53:16</t>
  </si>
  <si>
    <t>01/21/2020 13:53:31</t>
  </si>
  <si>
    <t>01/21/2020 13:54:29</t>
  </si>
  <si>
    <t>01/21/2020 13:50:03</t>
  </si>
  <si>
    <t>db73595b-d775-4fdf-9ab1-67d4f70babae.tmp</t>
  </si>
  <si>
    <t>\\acsfs\profiles$\KARENDSR\Downloads\db73595b-d775-4fdf-9ab1-67d4f70babae.tmp</t>
  </si>
  <si>
    <t>01/21/2020 13:50:33</t>
  </si>
  <si>
    <t>01/21/2020 13:55:29</t>
  </si>
  <si>
    <t>Mentira (1).cwa9jul.partial</t>
  </si>
  <si>
    <t>\\acsfs\profiles$\nathalydds\Downloads\Mentira (1).cwa9jul.partial</t>
  </si>
  <si>
    <t>01/21/2020 13:53:22</t>
  </si>
  <si>
    <t>Briga.cft8ooz.partial</t>
  </si>
  <si>
    <t>\\acsfs\profiles$\nathalydds\Downloads\Briga.cft8ooz.partial</t>
  </si>
  <si>
    <t>01/21/2020 13:50:10</t>
  </si>
  <si>
    <t>01/21/2020 13:55:10</t>
  </si>
  <si>
    <t>01/21/2020 13:50:52</t>
  </si>
  <si>
    <t>01/21/2020 13:56:30</t>
  </si>
  <si>
    <t>01/21/2020 13:52:53</t>
  </si>
  <si>
    <t>01/21/2020 13:51:00</t>
  </si>
  <si>
    <t>01/21/2020 13:55:02</t>
  </si>
  <si>
    <t>01/21/2020 13:55:35</t>
  </si>
  <si>
    <t>01/21/2020 13:52:21</t>
  </si>
  <si>
    <t>ca9702d9-bda0-471f-a91b-f14d4851523f.tmp</t>
  </si>
  <si>
    <t>\\acsfs\profiles$\valeriasda\Downloads\ca9702d9-bda0-471f-a91b-f14d4851523f.tmp</t>
  </si>
  <si>
    <t>01/21/2020 13:56:15</t>
  </si>
  <si>
    <t>01/21/2020 13:54:47</t>
  </si>
  <si>
    <t>01/21/2020 13:57:29</t>
  </si>
  <si>
    <t>e0a5e571-2f2a-485c-a391-cfc456d4f736.tmp</t>
  </si>
  <si>
    <t>\\acsfs\profiles$\edicarlosdl\Downloads\e0a5e571-2f2a-485c-a391-cfc456d4f736.tmp</t>
  </si>
  <si>
    <t>01/21/2020 13:56:16</t>
  </si>
  <si>
    <t>51c676ee-50ef-4c01-ba7d-e56bef76679a.tmp</t>
  </si>
  <si>
    <t>\\acsfs\profiles$\edicarlosdl\Downloads\51c676ee-50ef-4c01-ba7d-e56bef76679a.tmp</t>
  </si>
  <si>
    <t>01/21/2020 13:55:15</t>
  </si>
  <si>
    <t>01/21/2020 13:54:50</t>
  </si>
  <si>
    <t>01/21/2020 13:52:26</t>
  </si>
  <si>
    <t>7cecdeef-3592-4f81-8dff-3033c0e2ee6d.tmp</t>
  </si>
  <si>
    <t>\\acsfs\profiles$\LAISLG\Downloads\7cecdeef-3592-4f81-8dff-3033c0e2ee6d.tmp</t>
  </si>
  <si>
    <t>01/21/2020 13:51:29</t>
  </si>
  <si>
    <t>01/21/2020 13:51:31</t>
  </si>
  <si>
    <t>01/21/2020 13:51:32</t>
  </si>
  <si>
    <t>01/21/2020 13:51:33</t>
  </si>
  <si>
    <t>01/21/2020 13:51:34</t>
  </si>
  <si>
    <t>01/21/2020 13:51:35</t>
  </si>
  <si>
    <t>01/21/2020 13:51:36</t>
  </si>
  <si>
    <t>01/21/2020 13:51:37</t>
  </si>
  <si>
    <t>01/21/2020 13:51:38</t>
  </si>
  <si>
    <t>01/21/2020 13:55:21</t>
  </si>
  <si>
    <t>783f426e-95b5-4acf-b2f9-ef8d59eefea2.tmp</t>
  </si>
  <si>
    <t>\\acsfs\profiles$\regisadsa\Downloads\783f426e-95b5-4acf-b2f9-ef8d59eefea2.tmp</t>
  </si>
  <si>
    <t>01/21/2020 13:56:34</t>
  </si>
  <si>
    <t>bcfd9f0b-7b24-4e59-8166-9f7bc5b843b4.tmp</t>
  </si>
  <si>
    <t>\\acsfs\profiles$\regisadsa\Downloads\bcfd9f0b-7b24-4e59-8166-9f7bc5b843b4.tmp</t>
  </si>
  <si>
    <t>01/21/2020 13:56:56</t>
  </si>
  <si>
    <t>95132122-72ca-4871-9535-7a63ffe5e799.tmp</t>
  </si>
  <si>
    <t>\\acsfs\profiles$\regisadsa\Downloads\95132122-72ca-4871-9535-7a63ffe5e799.tmp</t>
  </si>
  <si>
    <t>01/21/2020 13:57:14</t>
  </si>
  <si>
    <t>c449b2a0-fb05-4eef-8a85-4eb50f8336f7.tmp</t>
  </si>
  <si>
    <t>\\acsfs\profiles$\regisadsa\Downloads\c449b2a0-fb05-4eef-8a85-4eb50f8336f7.tmp</t>
  </si>
  <si>
    <t>01/21/2020 13:53:19</t>
  </si>
  <si>
    <t>01/21/2020 13:58:30</t>
  </si>
  <si>
    <t>01/21/2020 13:53:25</t>
  </si>
  <si>
    <t>01/21/2020 13:53:34</t>
  </si>
  <si>
    <t>01/21/2020 13:53:38</t>
  </si>
  <si>
    <t>01/21/2020 13:53:42</t>
  </si>
  <si>
    <t>01/21/2020 13:53:46</t>
  </si>
  <si>
    <t>01/21/2020 13:54:00</t>
  </si>
  <si>
    <t>01/21/2020 13:54:03</t>
  </si>
  <si>
    <t>01/21/2020 13:54:07</t>
  </si>
  <si>
    <t>01/21/2020 13:54:11</t>
  </si>
  <si>
    <t>01/21/2020 13:54:15</t>
  </si>
  <si>
    <t>01/21/2020 13:54:20</t>
  </si>
  <si>
    <t>01/21/2020 13:54:23</t>
  </si>
  <si>
    <t>01/21/2020 13:54:32</t>
  </si>
  <si>
    <t>01/21/2020 13:54:35</t>
  </si>
  <si>
    <t>01/21/2020 13:54:38</t>
  </si>
  <si>
    <t>01/21/2020 13:54:43</t>
  </si>
  <si>
    <t>01/21/2020 13:54:48</t>
  </si>
  <si>
    <t>01/21/2020 13:55:03</t>
  </si>
  <si>
    <t>01/21/2020 13:57:32</t>
  </si>
  <si>
    <t>01/21/2020 13:59:29</t>
  </si>
  <si>
    <t>47fc5ba4-6f42-45a8-ad4b-1b736b7d3243.tmp</t>
  </si>
  <si>
    <t>\\acsfs\profiles$\maxmillianosv\Downloads\47fc5ba4-6f42-45a8-ad4b-1b736b7d3243.tmp</t>
  </si>
  <si>
    <t>01/21/2020 13:57:34</t>
  </si>
  <si>
    <t>mail.google.com/sync/u/0/i/s?hl=pt-BR&amp;c=917</t>
  </si>
  <si>
    <t>01/21/2020 13:56:13</t>
  </si>
  <si>
    <t>01/21/2020 13:56:19</t>
  </si>
  <si>
    <t>01/21/2020 14:00:30</t>
  </si>
  <si>
    <t>93faac67-87ca-46de-85c8-f1fa4457e2fb.tmp</t>
  </si>
  <si>
    <t>\\acsfs\profiles$\marcosvnds\Downloads\93faac67-87ca-46de-85c8-f1fa4457e2fb.tmp</t>
  </si>
  <si>
    <t>01/21/2020 13:56:10</t>
  </si>
  <si>
    <t>01/21/2020 13:58:24</t>
  </si>
  <si>
    <t>01/21/2020 14:01:29</t>
  </si>
  <si>
    <t>01/21/2020 13:58:53</t>
  </si>
  <si>
    <t>01/21/2020 13:59:41</t>
  </si>
  <si>
    <t>.~lock.RENEG BV - Venc 24.01.2020 - Lucas.ods#</t>
  </si>
  <si>
    <t>\\acsfs\profiles$\LUCASBS\RENEG BV\Consolidado\.~lock.RENEG BV - Venc 24.01.2020 - Lucas.ods#</t>
  </si>
  <si>
    <t>01/21/2020 13:59:42</t>
  </si>
  <si>
    <t>lu5123671lbnl.tmp</t>
  </si>
  <si>
    <t>\\acsfs\profiles$\LUCASBS\RENEG BV\Consolidado\lu5123671lbnl.tmp</t>
  </si>
  <si>
    <t>\\acsfs\profiles$\LUCASBS\RENEG BV\Consolidado\lu5123671lbnl.tmp\</t>
  </si>
  <si>
    <t>\\acsfs\profiles$\LUCASBS\RENEG BV\Consolidado\lu5123671lbnl.tmp\META-INF\</t>
  </si>
  <si>
    <t>\\acsfs\profiles$\LUCASBS\RENEG BV\Consolidado\lu5123671lbnl.tmp\Thumbnails\</t>
  </si>
  <si>
    <t>01/21/2020 14:00:28</t>
  </si>
  <si>
    <t>01/21/2020 14:02:29</t>
  </si>
  <si>
    <t>8f88ba1b-6132-41a6-8c2d-4dfe816476e5.tmp</t>
  </si>
  <si>
    <t>\\acsfs\profiles$\larissaad\Downloads\8f88ba1b-6132-41a6-8c2d-4dfe816476e5.tmp</t>
  </si>
  <si>
    <t>01/21/2020 14:03:30</t>
  </si>
  <si>
    <t>01/21/2020 14:03:03</t>
  </si>
  <si>
    <t>01/21/2020 14:03:09</t>
  </si>
  <si>
    <t>01/21/2020 14:00:13</t>
  </si>
  <si>
    <t>01/21/2020 14:04:29</t>
  </si>
  <si>
    <t>01/21/2020 14:00:18</t>
  </si>
  <si>
    <t>01/21/2020 14:00:38</t>
  </si>
  <si>
    <t>mail.google.com/sync/u/0/i/s?hl=pt-BR&amp;c=925</t>
  </si>
  <si>
    <t>01/21/2020 14:00:41</t>
  </si>
  <si>
    <t>mail.google.com/sync/u/0/i/s?hl=pt-BR&amp;c=927</t>
  </si>
  <si>
    <t>01/21/2020 14:00:48</t>
  </si>
  <si>
    <t>mail.google.com/sync/u/0/i/s?hl=pt-BR&amp;c=929</t>
  </si>
  <si>
    <t>01/21/2020 14:00:54</t>
  </si>
  <si>
    <t>01/21/2020 14:00:55</t>
  </si>
  <si>
    <t>01/21/2020 14:01:01</t>
  </si>
  <si>
    <t>01/21/2020 14:01:11</t>
  </si>
  <si>
    <t>01/21/2020 14:01:16</t>
  </si>
  <si>
    <t>01/21/2020 14:01:33</t>
  </si>
  <si>
    <t>01/21/2020 14:01:38</t>
  </si>
  <si>
    <t>01/21/2020 14:01:43</t>
  </si>
  <si>
    <t>01/21/2020 14:01:47</t>
  </si>
  <si>
    <t>01/21/2020 14:01:59</t>
  </si>
  <si>
    <t>01/21/2020 14:00:53</t>
  </si>
  <si>
    <t>01/21/2020 14:05:30</t>
  </si>
  <si>
    <t>28c0fb39-ad16-4816-9ad1-3404ae20fe44.tmp</t>
  </si>
  <si>
    <t>\\acsfs\profiles$\gabrielamdp\Downloads\28c0fb39-ad16-4816-9ad1-3404ae20fe44.tmp</t>
  </si>
  <si>
    <t>01/21/2020 14:01:10</t>
  </si>
  <si>
    <t>01/21/2020 14:02:10</t>
  </si>
  <si>
    <t>01/21/2020 14:04:53</t>
  </si>
  <si>
    <t>01/21/2020 14:06:29</t>
  </si>
  <si>
    <t>01/21/2020 14:03:50</t>
  </si>
  <si>
    <t>lu5123671lbnq.tmp</t>
  </si>
  <si>
    <t>\\acsfs\profiles$\LUCASBS\RENEG BV\Consolidado\lu5123671lbnq.tmp</t>
  </si>
  <si>
    <t>\\acsfs\profiles$\LUCASBS\RENEG BV\Consolidado\lu5123671lbnq.tmp\</t>
  </si>
  <si>
    <t>\\acsfs\profiles$\LUCASBS\RENEG BV\Consolidado\lu5123671lbnq.tmp\META-INF\</t>
  </si>
  <si>
    <t>\\acsfs\profiles$\LUCASBS\RENEG BV\Consolidado\lu5123671lbnq.tmp\Thumbnails\</t>
  </si>
  <si>
    <t>01/21/2020 14:03:53</t>
  </si>
  <si>
    <t>01/21/2020 14:07:29</t>
  </si>
  <si>
    <t>01/21/2020 14:03:22</t>
  </si>
  <si>
    <t>01/21/2020 14:03:52</t>
  </si>
  <si>
    <t>01/21/2020 14:04:23</t>
  </si>
  <si>
    <t>01/21/2020 14:06:23</t>
  </si>
  <si>
    <t>01/21/2020 14:04:56</t>
  </si>
  <si>
    <t>01/21/2020 14:08:29</t>
  </si>
  <si>
    <t>01/21/2020 14:06:36</t>
  </si>
  <si>
    <t>01/21/2020 14:07:55</t>
  </si>
  <si>
    <t>01/21/2020 14:08:07</t>
  </si>
  <si>
    <t>01/21/2020 14:08:13</t>
  </si>
  <si>
    <t>01/21/2020 14:08:20</t>
  </si>
  <si>
    <t>01/21/2020 14:09:29</t>
  </si>
  <si>
    <t>01/21/2020 14:06:00</t>
  </si>
  <si>
    <t>mail.google.com/sync/u/0/i/s?hl=pt-BR&amp;c=952</t>
  </si>
  <si>
    <t>01/21/2020 14:07:10</t>
  </si>
  <si>
    <t>01/21/2020 14:10:29</t>
  </si>
  <si>
    <t>01/21/2020 14:08:10</t>
  </si>
  <si>
    <t>01/21/2020 14:06:12</t>
  </si>
  <si>
    <t>01/21/2020 14:11:29</t>
  </si>
  <si>
    <t>01/21/2020 14:07:51</t>
  </si>
  <si>
    <t>5833cddd-3d30-4a27-9b98-3ae118d15b5f.tmp</t>
  </si>
  <si>
    <t>\\acsfs\profiles$\gabrielsma\Downloads\5833cddd-3d30-4a27-9b98-3ae118d15b5f.tmp</t>
  </si>
  <si>
    <t>01/21/2020 14:09:02</t>
  </si>
  <si>
    <t>5a0e7287-ed27-4572-ada1-a3f05db7db2b.tmp</t>
  </si>
  <si>
    <t>\\acsfs\profiles$\gabrielsma\Downloads\5a0e7287-ed27-4572-ada1-a3f05db7db2b.tmp</t>
  </si>
  <si>
    <t>01/21/2020 14:09:04</t>
  </si>
  <si>
    <t>Q29udHJvbGxlci5BbHRlcmFQb250b1Zpcmd1bGEt.ica.crdownload</t>
  </si>
  <si>
    <t>\\acsfs\ACS\Gabriel da Silva\Contemporânea\Acessos\Q29udHJvbGxlci5BbHRlcmFQb250b1Zpcmd1bGEt.ica.crdownload</t>
  </si>
  <si>
    <t>01/21/2020 14:09:44</t>
  </si>
  <si>
    <t>05b42a93-2c7d-4f62-808e-5bf8dd03002a.tmp</t>
  </si>
  <si>
    <t>\\acsfs\profiles$\gabrielsma\Downloads\05b42a93-2c7d-4f62-808e-5bf8dd03002a.tmp</t>
  </si>
  <si>
    <t>01/21/2020 14:09:46</t>
  </si>
  <si>
    <t>01/21/2020 14:07:04</t>
  </si>
  <si>
    <t>a7255d68-00fd-4e10-a0d4-dd4fc514d5c3.tmp</t>
  </si>
  <si>
    <t>\\acsfs\profiles$\joycemmdl\Downloads\a7255d68-00fd-4e10-a0d4-dd4fc514d5c3.tmp</t>
  </si>
  <si>
    <t>01/21/2020 14:12:29</t>
  </si>
  <si>
    <t>01/21/2020 14:08:23</t>
  </si>
  <si>
    <t>01/21/2020 14:11:24</t>
  </si>
  <si>
    <t>01/21/2020 14:11:54</t>
  </si>
  <si>
    <t>01/21/2020 14:13:29</t>
  </si>
  <si>
    <t>01/21/2020 14:08:27</t>
  </si>
  <si>
    <t>01/21/2020 14:08:35</t>
  </si>
  <si>
    <t>01/21/2020 14:09:13</t>
  </si>
  <si>
    <t>01/21/2020 14:09:21</t>
  </si>
  <si>
    <t>01/21/2020 14:09:27</t>
  </si>
  <si>
    <t>01/21/2020 14:10:20</t>
  </si>
  <si>
    <t>01/21/2020 14:10:31</t>
  </si>
  <si>
    <t>01/21/2020 14:10:44</t>
  </si>
  <si>
    <t>01/21/2020 14:10:53</t>
  </si>
  <si>
    <t>01/21/2020 14:11:11</t>
  </si>
  <si>
    <t>01/21/2020 14:11:23</t>
  </si>
  <si>
    <t>01/21/2020 14:11:43</t>
  </si>
  <si>
    <t>01/21/2020 14:11:53</t>
  </si>
  <si>
    <t>01/21/2020 14:12:24</t>
  </si>
  <si>
    <t>01/21/2020 14:12:42</t>
  </si>
  <si>
    <t>01/21/2020 14:12:59</t>
  </si>
  <si>
    <t>01/21/2020 14:13:08</t>
  </si>
  <si>
    <t>01/21/2020 14:13:13</t>
  </si>
  <si>
    <t>01/21/2020 14:09:07</t>
  </si>
  <si>
    <t>01/21/2020 14:14:30</t>
  </si>
  <si>
    <t>\\udpavonfs01\AVON\00 - ACOMPANHAMENTO AVON\04 - BACKOFFICE CORNERSTONE\2020\01.2020\RELATORIO\20.01.2020\Acompanhamento Backoffice Cornerstone JAN.20.xlsx</t>
  </si>
  <si>
    <t>01/21/2020 14:10:24</t>
  </si>
  <si>
    <t>Lucas Nascimento Silva_1_6780278619021313650_1_32.wav</t>
  </si>
  <si>
    <t>\\acsfs\Deptos\EDUCACAO EMPRESARIAL\FERNANDA MONIT\Fernanda\MONITORIA JANEIRO\Ligaçoes para MUTANT terceiro ciclo janeiro\Lucas Nascimento Silva_1_6780278619021313650_1_32.wav</t>
  </si>
  <si>
    <t>01/21/2020 14:12:49</t>
  </si>
  <si>
    <t>01/21/2020 14:15:29</t>
  </si>
  <si>
    <t>01/21/2020 14:13:15</t>
  </si>
  <si>
    <t>01/21/2020 14:14:10</t>
  </si>
  <si>
    <t>01/21/2020 14:16:29</t>
  </si>
  <si>
    <t>01/21/2020 14:13:59</t>
  </si>
  <si>
    <t>9467013b-0d27-4237-b85d-2f09a2d4f63d.tmp</t>
  </si>
  <si>
    <t>\\acsfs\profiles$\gabrielsma\Downloads\9467013b-0d27-4237-b85d-2f09a2d4f63d.tmp</t>
  </si>
  <si>
    <t>01/21/2020 14:11:13</t>
  </si>
  <si>
    <t>01/21/2020 14:12:20</t>
  </si>
  <si>
    <t>c481a81c-7ad7-4ebe-ae31-d1018cec2bec.tmp</t>
  </si>
  <si>
    <t>\\acsfs\profiles$\gabrielsma\Downloads\c481a81c-7ad7-4ebe-ae31-d1018cec2bec.tmp</t>
  </si>
  <si>
    <t>01/21/2020 14:12:32</t>
  </si>
  <si>
    <t>c20c18de-d39c-4add-86ff-84e3cd5a9e8c.tmp</t>
  </si>
  <si>
    <t>\\acsfs\profiles$\gabrielsma\Downloads\c20c18de-d39c-4add-86ff-84e3cd5a9e8c.tmp</t>
  </si>
  <si>
    <t>01/21/2020 14:12:34</t>
  </si>
  <si>
    <t>\\acsfs\ACS\Gabriel da Silva\Contemporânea\Acessos\Q29udHJvbGxlci5Xb3Jrc3BhY2UtRGVza3RvcC1F.ica.crdownload</t>
  </si>
  <si>
    <t>01/21/2020 14:14:02</t>
  </si>
  <si>
    <t>405ac63a-4b9a-458a-8b26-cf09da080831.tmp</t>
  </si>
  <si>
    <t>\\acsfs\profiles$\joycemmdl\Downloads\405ac63a-4b9a-458a-8b26-cf09da080831.tmp</t>
  </si>
  <si>
    <t>01/21/2020 14:15:37</t>
  </si>
  <si>
    <t>bfc5d560-b5db-4a65-b037-38e49f4b2762.tmp</t>
  </si>
  <si>
    <t>\\acsfs\profiles$\gabrielaff\Downloads\bfc5d560-b5db-4a65-b037-38e49f4b2762.tmp</t>
  </si>
  <si>
    <t>01/21/2020 14:12:56</t>
  </si>
  <si>
    <t>01/21/2020 14:17:29</t>
  </si>
  <si>
    <t>1fd370ba-64f3-4d81-b902-37e0eda26389.tmp</t>
  </si>
  <si>
    <t>\\acsfs\profiles$\edicarlosdl\Downloads\1fd370ba-64f3-4d81-b902-37e0eda26389.tmp</t>
  </si>
  <si>
    <t>01/21/2020 14:15:32</t>
  </si>
  <si>
    <t>01/21/2020 14:15:04</t>
  </si>
  <si>
    <t>f6d8841a-246d-453e-9b3c-80893b4ec580.tmp</t>
  </si>
  <si>
    <t>\\acsfs\profiles$\rafaelacdoc\Downloads\f6d8841a-246d-453e-9b3c-80893b4ec580.tmp</t>
  </si>
  <si>
    <t>01/21/2020 14:16:25</t>
  </si>
  <si>
    <t>01/21/2020 14:18:29</t>
  </si>
  <si>
    <t>01/21/2020 14:17:35</t>
  </si>
  <si>
    <t>01/21/2020 14:17:38</t>
  </si>
  <si>
    <t>01/21/2020 14:17:41</t>
  </si>
  <si>
    <t>01/21/2020 14:15:53</t>
  </si>
  <si>
    <t>lu1364811u9oe.tmp</t>
  </si>
  <si>
    <t>\\acsfs\profiles$\luanarda\lu1364811u9oe.tmp</t>
  </si>
  <si>
    <t>\\acsfs\profiles$\luanarda\lu1364811u9oe.tmp\</t>
  </si>
  <si>
    <t>\\acsfs\profiles$\luanarda\lu1364811u9oe.tmp\META-INF\</t>
  </si>
  <si>
    <t>\\acsfs\profiles$\luanarda\lu1364811u9oe.tmp\Thumbnails\</t>
  </si>
  <si>
    <t>01/21/2020 14:14:43</t>
  </si>
  <si>
    <t>02ab60fe-3a11-4867-99ee-fcdaf862c485.tmp</t>
  </si>
  <si>
    <t>\\acsfs\profiles$\erichds\Downloads\02ab60fe-3a11-4867-99ee-fcdaf862c485.tmp</t>
  </si>
  <si>
    <t>01/21/2020 14:14:49</t>
  </si>
  <si>
    <t>95940bcd-7988-463f-b39f-06b99c7c5bd7.tmp</t>
  </si>
  <si>
    <t>\\acsfs\profiles$\erichds\Downloads\95940bcd-7988-463f-b39f-06b99c7c5bd7.tmp</t>
  </si>
  <si>
    <t>01/21/2020 14:15:06</t>
  </si>
  <si>
    <t>9750d46c-4dd3-4471-8496-8101bda017a1.tmp</t>
  </si>
  <si>
    <t>\\acsfs\profiles$\erichds\Downloads\9750d46c-4dd3-4471-8496-8101bda017a1.tmp</t>
  </si>
  <si>
    <t>01/21/2020 14:15:54</t>
  </si>
  <si>
    <t>bae89fef-ca17-4b30-bbcd-8d7a3476616a.tmp</t>
  </si>
  <si>
    <t>\\acsfs\profiles$\erichds\Downloads\bae89fef-ca17-4b30-bbcd-8d7a3476616a.tmp</t>
  </si>
  <si>
    <t>01/21/2020 14:14:14</t>
  </si>
  <si>
    <t>01/21/2020 14:14:28</t>
  </si>
  <si>
    <t>01/21/2020 14:14:35</t>
  </si>
  <si>
    <t>01/21/2020 14:14:42</t>
  </si>
  <si>
    <t>01/21/2020 14:14:57</t>
  </si>
  <si>
    <t>mail.google.com/sync/u/0/i/s?hl=pt-BR&amp;c=441</t>
  </si>
  <si>
    <t>01/21/2020 14:15:00</t>
  </si>
  <si>
    <t>01/21/2020 14:15:07</t>
  </si>
  <si>
    <t>01/21/2020 14:15:08</t>
  </si>
  <si>
    <t>01/21/2020 14:16:07</t>
  </si>
  <si>
    <t>01/21/2020 14:19:30</t>
  </si>
  <si>
    <t>01/21/2020 14:14:19</t>
  </si>
  <si>
    <t>01/21/2020 14:14:31</t>
  </si>
  <si>
    <t>mail.google.com/sync/u/0/i/s?hl=pt-BR&amp;c=958</t>
  </si>
  <si>
    <t>01/21/2020 14:15:09</t>
  </si>
  <si>
    <t>01/21/2020 14:15:14</t>
  </si>
  <si>
    <t>01/21/2020 14:17:17</t>
  </si>
  <si>
    <t>01/21/2020 14:17:27</t>
  </si>
  <si>
    <t>01/21/2020 14:17:36</t>
  </si>
  <si>
    <t>01/21/2020 14:17:44</t>
  </si>
  <si>
    <t>01/21/2020 14:17:58</t>
  </si>
  <si>
    <t>01/21/2020 14:14:59</t>
  </si>
  <si>
    <t>01/21/2020 14:20:29</t>
  </si>
  <si>
    <t>393a65dc-a787-471b-a0d9-9612c6a5fa67.tmp</t>
  </si>
  <si>
    <t>\\acsfs\profiles$\LUISPLS\Downloads\393a65dc-a787-471b-a0d9-9612c6a5fa67.tmp</t>
  </si>
  <si>
    <t>01/21/2020 14:15:48</t>
  </si>
  <si>
    <t>4d9d25a3-e3d1-42c6-a23d-df497db28bfe.tmp</t>
  </si>
  <si>
    <t>\\acsfs\profiles$\gabrielamdp\Downloads\4d9d25a3-e3d1-42c6-a23d-df497db28bfe.tmp</t>
  </si>
  <si>
    <t>01/21/2020 14:19:10</t>
  </si>
  <si>
    <t>01/21/2020 14:20:10</t>
  </si>
  <si>
    <t>01/21/2020 14:20:14</t>
  </si>
  <si>
    <t>01/21/2020 14:21:30</t>
  </si>
  <si>
    <t>01/21/2020 14:16:53</t>
  </si>
  <si>
    <t>01/21/2020 14:22:29</t>
  </si>
  <si>
    <t>01/21/2020 14:17:56</t>
  </si>
  <si>
    <t>01/21/2020 14:20:34</t>
  </si>
  <si>
    <t>01/21/2020 14:20:36</t>
  </si>
  <si>
    <t>01/21/2020 14:17:51</t>
  </si>
  <si>
    <t>01/21/2020 14:23:30</t>
  </si>
  <si>
    <t>bff91581-0bb7-41d8-b8fe-e2e345fd0494.tmp</t>
  </si>
  <si>
    <t>\\acsfs\profiles$\nathaliarmr\Downloads\bff91581-0bb7-41d8-b8fe-e2e345fd0494.tmp</t>
  </si>
  <si>
    <t>01/21/2020 14:19:39</t>
  </si>
  <si>
    <t>01/21/2020 14:18:19</t>
  </si>
  <si>
    <t>bb1ee26d-a7c6-4d09-b194-6c6bd92867f1.tmp</t>
  </si>
  <si>
    <t>\\acsfs\profiles$\ingridsm\Downloads\bb1ee26d-a7c6-4d09-b194-6c6bd92867f1.tmp</t>
  </si>
  <si>
    <t>01/21/2020 14:22:23</t>
  </si>
  <si>
    <t>01/21/2020 14:24:29</t>
  </si>
  <si>
    <t>01/21/2020 14:22:32</t>
  </si>
  <si>
    <t>01/21/2020 14:22:42</t>
  </si>
  <si>
    <t>01/21/2020 14:22:48</t>
  </si>
  <si>
    <t>01/21/2020 14:22:56</t>
  </si>
  <si>
    <t>01/21/2020 14:23:15</t>
  </si>
  <si>
    <t>mail.google.com/sync/u/0/i/s?hl=pt-BR&amp;c=989</t>
  </si>
  <si>
    <t>01/21/2020 14:23:21</t>
  </si>
  <si>
    <t>mail.google.com/sync/u/0/i/s?hl=pt-BR&amp;c=991</t>
  </si>
  <si>
    <t>01/21/2020 14:23:33</t>
  </si>
  <si>
    <t>01/21/2020 14:23:54</t>
  </si>
  <si>
    <t>a6f30f3c-77e4-4867-b02b-d3777469d923.tmp</t>
  </si>
  <si>
    <t>\\acsfs\profiles$\karinarm\Downloads\a6f30f3c-77e4-4867-b02b-d3777469d923.tmp</t>
  </si>
  <si>
    <t>01/21/2020 14:22:31</t>
  </si>
  <si>
    <t>01/21/2020 14:23:36</t>
  </si>
  <si>
    <t>01/21/2020 14:22:03</t>
  </si>
  <si>
    <t>01/21/2020 14:25:29</t>
  </si>
  <si>
    <t>01/21/2020 14:22:49</t>
  </si>
  <si>
    <t>01/21/2020 14:25:10</t>
  </si>
  <si>
    <t>01/21/2020 14:24:54</t>
  </si>
  <si>
    <t>01/21/2020 14:26:29</t>
  </si>
  <si>
    <t>e0716545-2c49-427e-b2b0-99324c1da5e7.tmp</t>
  </si>
  <si>
    <t>\\acsfs\profiles$\LUCASNS\Downloads\e0716545-2c49-427e-b2b0-99324c1da5e7.tmp</t>
  </si>
  <si>
    <t>01/21/2020 14:21:49</t>
  </si>
  <si>
    <t>01/21/2020 14:22:53</t>
  </si>
  <si>
    <t>01/21/2020 14:23:45</t>
  </si>
  <si>
    <t>01/21/2020 14:25:34</t>
  </si>
  <si>
    <t>C:\Users\erikamcg\</t>
  </si>
  <si>
    <t>10000103.jpg</t>
  </si>
  <si>
    <t>01/21/2020 14:24:43</t>
  </si>
  <si>
    <t>01/21/2020 14:24:57</t>
  </si>
  <si>
    <t>01/21/2020 14:27:29</t>
  </si>
  <si>
    <t>01/21/2020 14:25:58</t>
  </si>
  <si>
    <t>01/21/2020 14:26:28</t>
  </si>
  <si>
    <t>01/21/2020 14:26:58</t>
  </si>
  <si>
    <t>01/21/2020 14:24:23</t>
  </si>
  <si>
    <t>01/21/2020 14:29:29</t>
  </si>
  <si>
    <t>01/21/2020 14:24:25</t>
  </si>
  <si>
    <t>01/21/2020 14:24:41</t>
  </si>
  <si>
    <t>01/21/2020 14:24:48</t>
  </si>
  <si>
    <t>01/21/2020 14:25:04</t>
  </si>
  <si>
    <t>01/21/2020 14:25:14</t>
  </si>
  <si>
    <t>01/21/2020 14:26:00</t>
  </si>
  <si>
    <t>kesiadof@algartech.com;larisacc@algartech.com;lilianls@algartech.com;marianerdo@algartech.com;talmaiardo@algartech.com;thiagordu@algartech.com;</t>
  </si>
  <si>
    <t>kesiadof@algartech.com,larisacc@algartech.com,lilianls@algartech.com,marianerdo@algartech.com,talmaiardo@algartech.com,thiagordu@algartech.com</t>
  </si>
  <si>
    <t>01/21/2020 14:26:34</t>
  </si>
  <si>
    <t>01/21/2020 14:24:56</t>
  </si>
  <si>
    <t>01/21/2020 14:30:30</t>
  </si>
  <si>
    <t>671e9c15-5201-4283-9398-50094b3d7217.tmp</t>
  </si>
  <si>
    <t>\\acsfs\profiles$\luanaldsi\Downloads\671e9c15-5201-4283-9398-50094b3d7217.tmp</t>
  </si>
  <si>
    <t>01/21/2020 14:26:10</t>
  </si>
  <si>
    <t>01/21/2020 14:28:53</t>
  </si>
  <si>
    <t>01/21/2020 14:31:29</t>
  </si>
  <si>
    <t>01/21/2020 14:29:20</t>
  </si>
  <si>
    <t>01/21/2020 14:32:30</t>
  </si>
  <si>
    <t>01/21/2020 14:29:28</t>
  </si>
  <si>
    <t>01/21/2020 14:29:59</t>
  </si>
  <si>
    <t>01/21/2020 14:30:29</t>
  </si>
  <si>
    <t>01/21/2020 14:30:23</t>
  </si>
  <si>
    <t>d0560966-52fe-4422-87ce-eb47e43ecd80.tmp</t>
  </si>
  <si>
    <t>\\acsfs\profiles$\nataliacsl\Downloads\d0560966-52fe-4422-87ce-eb47e43ecd80.tmp</t>
  </si>
  <si>
    <t>01/21/2020 14:30:22</t>
  </si>
  <si>
    <t>01/21/2020 14:33:30</t>
  </si>
  <si>
    <t>01/21/2020 14:32:16</t>
  </si>
  <si>
    <t>JESSICA FERREIRA CARVALHO_1_6781127188594895826_1_32.wav</t>
  </si>
  <si>
    <t>\\acsfs\Deptos\EDUCACAO EMPRESARIAL\KÉSIA\Ligações 3º ciclo - Janeiro 2020\JESSICA FERREIRA CARVALHO_1_6781127188594895826_1_32.wav</t>
  </si>
  <si>
    <t>01/21/2020 14:32:25</t>
  </si>
  <si>
    <t>01/21/2020 14:34:29</t>
  </si>
  <si>
    <t>01/21/2020 14:32:34</t>
  </si>
  <si>
    <t>01/21/2020 14:32:35</t>
  </si>
  <si>
    <t>01/21/2020 14:35:30</t>
  </si>
  <si>
    <t>01/21/2020 14:31:10</t>
  </si>
  <si>
    <t>01/21/2020 14:32:10</t>
  </si>
  <si>
    <t>01/21/2020 14:34:53</t>
  </si>
  <si>
    <t>01/21/2020 14:36:29</t>
  </si>
  <si>
    <t>01/21/2020 14:32:12</t>
  </si>
  <si>
    <t>e63d6764-c876-4940-8744-1a11493a2a52.tmp</t>
  </si>
  <si>
    <t>\\acsfs\profiles$\valeriasda\Downloads\e63d6764-c876-4940-8744-1a11493a2a52.tmp</t>
  </si>
  <si>
    <t>01/21/2020 14:32:18</t>
  </si>
  <si>
    <t>0dc0f645-1144-4332-8eb4-0aae1c35675a.tmp</t>
  </si>
  <si>
    <t>\\acsfs\profiles$\valeriasda\Downloads\0dc0f645-1144-4332-8eb4-0aae1c35675a.tmp</t>
  </si>
  <si>
    <t>01/21/2020 14:36:15</t>
  </si>
  <si>
    <t>01/21/2020 14:38:29</t>
  </si>
  <si>
    <t>97d016b1-3892-4c91-acf0-353ddb8d92db.tmp</t>
  </si>
  <si>
    <t>\\acsfs\profiles$\philipegsf\Downloads\97d016b1-3892-4c91-acf0-353ddb8d92db.tmp</t>
  </si>
  <si>
    <t>01/21/2020 14:38:04</t>
  </si>
  <si>
    <t>01/21/2020 14:38:07</t>
  </si>
  <si>
    <t>01/21/2020 14:38:15</t>
  </si>
  <si>
    <t>01/21/2020 14:33:59</t>
  </si>
  <si>
    <t>01/21/2020 14:39:29</t>
  </si>
  <si>
    <t>MARCELLE WENDY DE LIMA_1_6780309873498333845_1_32.wav</t>
  </si>
  <si>
    <t>\\acsfs\Deptos\EDUCACAO EMPRESARIAL\FERNANDA MONIT\Fernanda\MONITORIA JANEIRO\Ligaçoes para MUTANT terceiro ciclo janeiro\MARCELLE WENDY DE LIMA_1_6780309873498333845_1_32.wav</t>
  </si>
  <si>
    <t>01/21/2020 14:34:38</t>
  </si>
  <si>
    <t>\\acsfs\profiles$\milenaas\</t>
  </si>
  <si>
    <t>ICATU.txt</t>
  </si>
  <si>
    <t>\\acsfs\profiles$\milenaas\ICATU.txt</t>
  </si>
  <si>
    <t>01/21/2020 14:35:52</t>
  </si>
  <si>
    <t>01/21/2020 14:35:44</t>
  </si>
  <si>
    <t>8e76098c-2bd1-47ec-af1e-7ff4b01cae0a.tmp</t>
  </si>
  <si>
    <t>\\acsfs\profiles$\mariajra\Downloads\8e76098c-2bd1-47ec-af1e-7ff4b01cae0a.tmp</t>
  </si>
  <si>
    <t>01/21/2020 14:37:59</t>
  </si>
  <si>
    <t>01/21/2020 14:40:29</t>
  </si>
  <si>
    <t>50f25641-1b65-42c4-8c36-78e88b5083dc.tmp</t>
  </si>
  <si>
    <t>\\acsfs\profiles$\luanaldsi\Downloads\50f25641-1b65-42c4-8c36-78e88b5083dc.tmp</t>
  </si>
  <si>
    <t>01/21/2020 14:37:10</t>
  </si>
  <si>
    <t>01/21/2020 14:38:10</t>
  </si>
  <si>
    <t>01/21/2020 14:37:06</t>
  </si>
  <si>
    <t>01/21/2020 14:41:29</t>
  </si>
  <si>
    <t>01/21/2020 14:39:18</t>
  </si>
  <si>
    <t>01/21/2020 14:40:43</t>
  </si>
  <si>
    <t>01/21/2020 14:40:44</t>
  </si>
  <si>
    <t>lu5123671lbo3.tmp</t>
  </si>
  <si>
    <t>\\acsfs\profiles$\LUCASBS\RENEG BV\Consolidado\lu5123671lbo3.tmp</t>
  </si>
  <si>
    <t>\\acsfs\profiles$\LUCASBS\RENEG BV\Consolidado\lu5123671lbo3.tmp\</t>
  </si>
  <si>
    <t>\\acsfs\profiles$\LUCASBS\RENEG BV\Consolidado\lu5123671lbo3.tmp\META-INF\</t>
  </si>
  <si>
    <t>\\acsfs\profiles$\LUCASBS\RENEG BV\Consolidado\lu5123671lbo3.tmp\Thumbnails\</t>
  </si>
  <si>
    <t>01/21/2020 14:38:12</t>
  </si>
  <si>
    <t>9cef80af-8752-4755-b87b-bdc2b1faccbf.tmp</t>
  </si>
  <si>
    <t>\\acsfs\profiles$\andressamf\Downloads\9cef80af-8752-4755-b87b-bdc2b1faccbf.tmp</t>
  </si>
  <si>
    <t>01/21/2020 14:39:32</t>
  </si>
  <si>
    <t>a0e7c5d2-db8d-4e21-aa9c-54e68e943af6.tmp</t>
  </si>
  <si>
    <t>\\acsfs\profiles$\andressamf\Downloads\a0e7c5d2-db8d-4e21-aa9c-54e68e943af6.tmp</t>
  </si>
  <si>
    <t>01/21/2020 14:38:56</t>
  </si>
  <si>
    <t>01/21/2020 14:39:01</t>
  </si>
  <si>
    <t>01/21/2020 14:39:04</t>
  </si>
  <si>
    <t>01/21/2020 14:39:15</t>
  </si>
  <si>
    <t>100042071738357;</t>
  </si>
  <si>
    <t>https://100042071738357</t>
  </si>
  <si>
    <t>01/21/2020 14:39:19</t>
  </si>
  <si>
    <t>01/21/2020 14:39:34</t>
  </si>
  <si>
    <t>01/21/2020 14:39:39</t>
  </si>
  <si>
    <t>01/21/2020 14:39:45</t>
  </si>
  <si>
    <t>01/21/2020 14:40:08</t>
  </si>
  <si>
    <t>01/21/2020 14:40:34</t>
  </si>
  <si>
    <t>01/21/2020 14:40:39</t>
  </si>
  <si>
    <t>01/21/2020 14:40:40</t>
  </si>
  <si>
    <t>01/21/2020 14:40:47</t>
  </si>
  <si>
    <t>01/21/2020 14:40:54</t>
  </si>
  <si>
    <t>01/21/2020 14:41:01</t>
  </si>
  <si>
    <t>01/21/2020 14:41:09</t>
  </si>
  <si>
    <t>01/21/2020 14:41:12</t>
  </si>
  <si>
    <t>01/21/2020 14:41:13</t>
  </si>
  <si>
    <t>01/21/2020 14:42:29</t>
  </si>
  <si>
    <t>ffc35437-b50b-4760-bea1-1f0ce6eb9aef.tmp</t>
  </si>
  <si>
    <t>\\acsfs\profiles$\rafaelacdoc\Downloads\ffc35437-b50b-4760-bea1-1f0ce6eb9aef.tmp</t>
  </si>
  <si>
    <t>01/21/2020 14:39:31</t>
  </si>
  <si>
    <t>01/21/2020 14:40:52</t>
  </si>
  <si>
    <t>https://udpmailboxap01.acs.com.br:8443/h/search;jsessionid=1gj4nl1v0wmr2155yvafz2mztg?si=0&amp;so=0&amp;sc=80571&amp;st=conversation&amp;action=compose</t>
  </si>
  <si>
    <t>kari;karina;karinefg@bv.algartech.com;</t>
  </si>
  <si>
    <t>https://kari,karina,karinefg@bv.algartech.com</t>
  </si>
  <si>
    <t>01/21/2020 14:41:22</t>
  </si>
  <si>
    <t>01/21/2020 14:41:52</t>
  </si>
  <si>
    <t>01/21/2020 14:41:38</t>
  </si>
  <si>
    <t>01/21/2020 14:41:40</t>
  </si>
  <si>
    <t>01/21/2020 14:41:46</t>
  </si>
  <si>
    <t>01/21/2020 14:41:42</t>
  </si>
  <si>
    <t>01/21/2020 14:43:29</t>
  </si>
  <si>
    <t>ae963112-2fc3-4024-b491-7ea3eb1672e7.tmp</t>
  </si>
  <si>
    <t>\\acsfs\profiles$\Adrieledgc\Downloads\ae963112-2fc3-4024-b491-7ea3eb1672e7.tmp</t>
  </si>
  <si>
    <t>01/21/2020 14:42:20</t>
  </si>
  <si>
    <t>f2db4648-40df-4f9b-ade5-5f483c628437.tmp</t>
  </si>
  <si>
    <t>\\acsfs\profiles$\Adrieledgc\Downloads\f2db4648-40df-4f9b-ade5-5f483c628437.tmp</t>
  </si>
  <si>
    <t>01/21/2020 14:38:44</t>
  </si>
  <si>
    <t>01/21/2020 14:41:08</t>
  </si>
  <si>
    <t>lu1047229x3f.tmp</t>
  </si>
  <si>
    <t>\\acsfs\profiles$\Flaviojmm\My Documents\lu1047229x3f.tmp</t>
  </si>
  <si>
    <t>\\acsfs\profiles$\Flaviojmm\My Documents\lu1047229x3f.tmp\</t>
  </si>
  <si>
    <t>\\acsfs\profiles$\Flaviojmm\My Documents\lu1047229x3f.tmp\META-INF\</t>
  </si>
  <si>
    <t>\\acsfs\profiles$\Flaviojmm\My Documents\lu1047229x3f.tmp\Thumbnails\</t>
  </si>
  <si>
    <t>01/21/2020 14:39:28</t>
  </si>
  <si>
    <t>29/03/1986;__/__/____;</t>
  </si>
  <si>
    <t>https://29/03/1986,__/__/____</t>
  </si>
  <si>
    <t>01/21/2020 14:38:37</t>
  </si>
  <si>
    <t>01/21/2020 14:38:48</t>
  </si>
  <si>
    <t>01/21/2020 14:39:00</t>
  </si>
  <si>
    <t>01/21/2020 14:39:20</t>
  </si>
  <si>
    <t>01/21/2020 14:40:06</t>
  </si>
  <si>
    <t>01/21/2020 14:40:12</t>
  </si>
  <si>
    <t>01/21/2020 14:40:24</t>
  </si>
  <si>
    <t>01/21/2020 14:40:30</t>
  </si>
  <si>
    <t>01/21/2020 14:41:18</t>
  </si>
  <si>
    <t>01/21/2020 14:44:29</t>
  </si>
  <si>
    <t>\\udpavonfs01\AVON\00 - ACOMPANHAMENTO AVON\04 - BACKOFFICE CORNERSTONE\2020\01.2020\RELATORIO\20.01.2020\</t>
  </si>
  <si>
    <t>01/21/2020 14:40:04</t>
  </si>
  <si>
    <t>01/21/2020 14:43:11</t>
  </si>
  <si>
    <t>01/21/2020 14:45:29</t>
  </si>
  <si>
    <t>01/21/2020 14:44:11</t>
  </si>
  <si>
    <t>01/21/2020 14:40:53</t>
  </si>
  <si>
    <t>01/21/2020 14:46:29</t>
  </si>
  <si>
    <t>01/21/2020 14:44:54</t>
  </si>
  <si>
    <t>01/21/2020 14:44:39</t>
  </si>
  <si>
    <t>c3d54602-632f-46bc-a66c-9a59c5aa8d02.tmp</t>
  </si>
  <si>
    <t>\\acsfs\profiles$\gabrielsma\Downloads\c3d54602-632f-46bc-a66c-9a59c5aa8d02.tmp</t>
  </si>
  <si>
    <t>01/21/2020 14:41:51</t>
  </si>
  <si>
    <t>59cd4b89-0d85-48e1-898d-40bab96aedaa.tmp</t>
  </si>
  <si>
    <t>\\acsfs\profiles$\andrezacapf\Downloads\59cd4b89-0d85-48e1-898d-40bab96aedaa.tmp</t>
  </si>
  <si>
    <t>01/21/2020 14:41:48</t>
  </si>
  <si>
    <t>01/21/2020 14:44:12</t>
  </si>
  <si>
    <t>01/21/2020 14:47:29</t>
  </si>
  <si>
    <t>01/21/2020 14:42:01</t>
  </si>
  <si>
    <t>d9053be4-cb7b-43fe-a3bc-b5641a69eadf.tmp</t>
  </si>
  <si>
    <t>\\acsfs\profiles$\rafaelacdoc\Downloads\d9053be4-cb7b-43fe-a3bc-b5641a69eadf.tmp</t>
  </si>
  <si>
    <t>01/21/2020 14:42:07</t>
  </si>
  <si>
    <t>01/21/2020 14:43:32</t>
  </si>
  <si>
    <t>01/21/2020 14:43:33</t>
  </si>
  <si>
    <t>01/21/2020 14:44:03</t>
  </si>
  <si>
    <t>01/21/2020 14:44:33</t>
  </si>
  <si>
    <t>01/21/2020 14:45:03</t>
  </si>
  <si>
    <t>01/21/2020 14:45:33</t>
  </si>
  <si>
    <t>01/21/2020 14:44:51</t>
  </si>
  <si>
    <t>01/21/2020 14:48:30</t>
  </si>
  <si>
    <t>a7ff8c65-b954-4804-8e8c-8a2024dfd23b.tmp</t>
  </si>
  <si>
    <t>\\acsfs\profiles$\gabrielafs\Downloads\a7ff8c65-b954-4804-8e8c-8a2024dfd23b.tmp</t>
  </si>
  <si>
    <t>01/21/2020 14:46:01</t>
  </si>
  <si>
    <t>lu1047229x3k.tmp</t>
  </si>
  <si>
    <t>\\acsfs\profiles$\Flaviojmm\My Documents\lu1047229x3k.tmp</t>
  </si>
  <si>
    <t>\\acsfs\profiles$\Flaviojmm\My Documents\lu1047229x3k.tmp\</t>
  </si>
  <si>
    <t>\\acsfs\profiles$\Flaviojmm\My Documents\lu1047229x3k.tmp\META-INF\</t>
  </si>
  <si>
    <t>01/21/2020 14:46:02</t>
  </si>
  <si>
    <t>\\acsfs\profiles$\Flaviojmm\My Documents\lu1047229x3k.tmp\Thumbnails\</t>
  </si>
  <si>
    <t>01/21/2020 14:45:01</t>
  </si>
  <si>
    <t>10.200.66.59</t>
  </si>
  <si>
    <t>74-86-7A-FB-17-DD</t>
  </si>
  <si>
    <t>VOTORANT-VB007</t>
  </si>
  <si>
    <t>0ab61252-8acd-47cf-ba85-eb1bb00d796d.tmp</t>
  </si>
  <si>
    <t>\\acsfs\profiles$\gabrieleods\Downloads\0ab61252-8acd-47cf-ba85-eb1bb00d796d.tmp</t>
  </si>
  <si>
    <t>01/21/2020 14:49:29</t>
  </si>
  <si>
    <t>01/20/2020 18:59:37</t>
  </si>
  <si>
    <t>01/21/2020 14:47:13</t>
  </si>
  <si>
    <t>a972b352-17cc-494f-956d-a3dddf055500.tmp</t>
  </si>
  <si>
    <t>\\acsfs\profiles$\KARENDSR\Downloads\a972b352-17cc-494f-956d-a3dddf055500.tmp</t>
  </si>
  <si>
    <t>01/21/2020 14:50:29</t>
  </si>
  <si>
    <t>01/21/2020 14:47:02</t>
  </si>
  <si>
    <t>1deaf451-6730-43f4-a513-e2f333f07404.tmp</t>
  </si>
  <si>
    <t>\\acsfs\profiles$\THYAGOSP\Downloads\1deaf451-6730-43f4-a513-e2f333f07404.tmp</t>
  </si>
  <si>
    <t>01/21/2020 14:50:11</t>
  </si>
  <si>
    <t>01/21/2020 14:49:11</t>
  </si>
  <si>
    <t>01/21/2020 14:51:29</t>
  </si>
  <si>
    <t>01/21/2020 14:46:54</t>
  </si>
  <si>
    <t>01/21/2020 14:48:34</t>
  </si>
  <si>
    <t>outlook.office.com/owa/service.svc?action=CreateItem&amp;app=Mail&amp;n=272</t>
  </si>
  <si>
    <t>flaviacno@algartech.com;gustavodsil@algartech.com;raicdf@algartech.com;</t>
  </si>
  <si>
    <t>flaviacno@algartech.com,gustavodsil@algartech.com,raicdf@algartech.com</t>
  </si>
  <si>
    <t>01/21/2020 14:48:35</t>
  </si>
  <si>
    <t>01/21/2020 14:48:45</t>
  </si>
  <si>
    <t>01/21/2020 14:49:30</t>
  </si>
  <si>
    <t>01/21/2020 14:49:42</t>
  </si>
  <si>
    <t>01/21/2020 14:49:58</t>
  </si>
  <si>
    <t>01/21/2020 14:52:29</t>
  </si>
  <si>
    <t>01/21/2020 14:48:01</t>
  </si>
  <si>
    <t>01/21/2020 14:46:53</t>
  </si>
  <si>
    <t>5c819cda-0a62-41a3-9659-bf984829e92d.tmp</t>
  </si>
  <si>
    <t>\\acsfs\profiles$\rafaelacdoc\Downloads\5c819cda-0a62-41a3-9659-bf984829e92d.tmp</t>
  </si>
  <si>
    <t>01/21/2020 14:53:30</t>
  </si>
  <si>
    <t>lu1047229x3p.tmp</t>
  </si>
  <si>
    <t>\\acsfs\profiles$\Flaviojmm\My Documents\lu1047229x3p.tmp</t>
  </si>
  <si>
    <t>\\acsfs\profiles$\Flaviojmm\My Documents\lu1047229x3p.tmp\</t>
  </si>
  <si>
    <t>\\acsfs\profiles$\Flaviojmm\My Documents\lu1047229x3p.tmp\META-INF\</t>
  </si>
  <si>
    <t>\\acsfs\profiles$\Flaviojmm\My Documents\lu1047229x3p.tmp\Thumbnails\</t>
  </si>
  <si>
    <t>01/21/2020 14:49:08</t>
  </si>
  <si>
    <t>23f61f8e-0398-4a85-9061-fc1941f23f60.tmp</t>
  </si>
  <si>
    <t>\\acsfs\profiles$\brunalas\Downloads\23f61f8e-0398-4a85-9061-fc1941f23f60.tmp</t>
  </si>
  <si>
    <t>01/21/2020 14:50:28</t>
  </si>
  <si>
    <t>7e67f00b-3ea2-4939-a405-7540ec51b368.tmp</t>
  </si>
  <si>
    <t>\\acsfs\profiles$\brunalas\Downloads\7e67f00b-3ea2-4939-a405-7540ec51b368.tmp</t>
  </si>
  <si>
    <t>01/21/2020 14:50:59</t>
  </si>
  <si>
    <t>97377a79-50cc-47c7-a4e6-d2fa750fd4ce.tmp</t>
  </si>
  <si>
    <t>\\acsfs\profiles$\ingridsm\Downloads\97377a79-50cc-47c7-a4e6-d2fa750fd4ce.tmp</t>
  </si>
  <si>
    <t>01/21/2020 14:52:11</t>
  </si>
  <si>
    <t>e4f4b383-55fb-40fe-8097-c939e03e8a1a.tmp</t>
  </si>
  <si>
    <t>\\acsfs\profiles$\ingridsm\Downloads\e4f4b383-55fb-40fe-8097-c939e03e8a1a.tmp</t>
  </si>
  <si>
    <t>01/21/2020 14:54:29</t>
  </si>
  <si>
    <t>01/21/2020 14:52:24</t>
  </si>
  <si>
    <t>01/21/2020 14:52:59</t>
  </si>
  <si>
    <t>\\acsfs\DEPTOS\Operacao\Banco_Votorantim\Qualidade\Anderson\Jose\Atualizado\Relatorio de Vendas - Auditoria BV Financeira - Janeiro_ - Cópia.xlsm</t>
  </si>
  <si>
    <t>01/21/2020 14:52:22</t>
  </si>
  <si>
    <t>3095df20-82fd-421e-85f1-8321ed5b7eb4.tmp</t>
  </si>
  <si>
    <t>\\acsfs\profiles$\gabrielamdp\Downloads\3095df20-82fd-421e-85f1-8321ed5b7eb4.tmp</t>
  </si>
  <si>
    <t>01/21/2020 14:52:26</t>
  </si>
  <si>
    <t>072b9ae7-f7ac-48d8-bcf1-0660247d539e.tmp</t>
  </si>
  <si>
    <t>\\acsfs\profiles$\fernandofs\Downloads\072b9ae7-f7ac-48d8-bcf1-0660247d539e.tmp</t>
  </si>
  <si>
    <t>01/21/2020 14:52:31</t>
  </si>
  <si>
    <t>938eb757-27e7-4996-ba52-f7e86947024a.tmp</t>
  </si>
  <si>
    <t>\\acsfs\profiles$\fernandofs\Downloads\938eb757-27e7-4996-ba52-f7e86947024a.tmp</t>
  </si>
  <si>
    <t>01/21/2020 14:51:37</t>
  </si>
  <si>
    <t>01/21/2020 14:51:59</t>
  </si>
  <si>
    <t>01/21/2020 14:52:21</t>
  </si>
  <si>
    <t>01/21/2020 14:52:40</t>
  </si>
  <si>
    <t>01/21/2020 14:52:45</t>
  </si>
  <si>
    <t>01/21/2020 14:53:09</t>
  </si>
  <si>
    <t>01/21/2020 14:53:51</t>
  </si>
  <si>
    <t>01/21/2020 14:52:42</t>
  </si>
  <si>
    <t>01/21/2020 14:52:03</t>
  </si>
  <si>
    <t>01/21/2020 14:55:29</t>
  </si>
  <si>
    <t>a8f9ac9c-c4a7-476c-9432-a25b964bab9c.tmp</t>
  </si>
  <si>
    <t>\\acsfs\profiles$\henriquehmdo\Downloads\a8f9ac9c-c4a7-476c-9432-a25b964bab9c.tmp</t>
  </si>
  <si>
    <t>01/21/2020 14:55:11</t>
  </si>
  <si>
    <t>01/21/2020 14:56:29</t>
  </si>
  <si>
    <t>01/21/2020 14:52:54</t>
  </si>
  <si>
    <t>01/21/2020 14:55:40</t>
  </si>
  <si>
    <t>01/21/2020 14:53:16</t>
  </si>
  <si>
    <t>01/21/2020 14:57:29</t>
  </si>
  <si>
    <t>01/21/2020 14:55:25</t>
  </si>
  <si>
    <t>2076eb91-470c-4c1b-95ae-406dd18cd5cd.tmp</t>
  </si>
  <si>
    <t>\\acsfs\profiles$\henriqueco\Downloads\2076eb91-470c-4c1b-95ae-406dd18cd5cd.tmp</t>
  </si>
  <si>
    <t>01/21/2020 14:56:33</t>
  </si>
  <si>
    <t>7a2d4b7f-ca32-49b3-8435-6eca28b4458a.tmp</t>
  </si>
  <si>
    <t>\\acsfs\profiles$\henriqueco\Downloads\7a2d4b7f-ca32-49b3-8435-6eca28b4458a.tmp</t>
  </si>
  <si>
    <t>01/21/2020 14:52:35</t>
  </si>
  <si>
    <t>01/21/2020 14:53:05</t>
  </si>
  <si>
    <t>01/21/2020 14:53:35</t>
  </si>
  <si>
    <t>01/21/2020 14:54:06</t>
  </si>
  <si>
    <t>01/21/2020 14:54:36</t>
  </si>
  <si>
    <t>01/21/2020 14:55:06</t>
  </si>
  <si>
    <t>01/21/2020 14:55:36</t>
  </si>
  <si>
    <t>01/21/2020 14:56:36</t>
  </si>
  <si>
    <t>01/21/2020 14:54:49</t>
  </si>
  <si>
    <t>01/21/2020 14:58:29</t>
  </si>
  <si>
    <t>5044a89c-16f6-4fca-95ef-ad84659e5159.tmp</t>
  </si>
  <si>
    <t>\\acsfs\profiles$\fabianobmf\Downloads\5044a89c-16f6-4fca-95ef-ad84659e5159.tmp</t>
  </si>
  <si>
    <t>01/21/2020 14:56:08</t>
  </si>
  <si>
    <t>b172b21f-c610-4e4b-a8f0-a05da6d3c3b5.tmp</t>
  </si>
  <si>
    <t>\\acsfs\profiles$\fabianobmf\Downloads\b172b21f-c610-4e4b-a8f0-a05da6d3c3b5.tmp</t>
  </si>
  <si>
    <t>01/21/2020 14:55:30</t>
  </si>
  <si>
    <t>01/21/2020 14:55:31</t>
  </si>
  <si>
    <t>lu1047229x3u.tmp</t>
  </si>
  <si>
    <t>\\acsfs\profiles$\Flaviojmm\My Documents\lu1047229x3u.tmp</t>
  </si>
  <si>
    <t>\\acsfs\profiles$\Flaviojmm\My Documents\lu1047229x3u.tmp\</t>
  </si>
  <si>
    <t>\\acsfs\profiles$\Flaviojmm\My Documents\lu1047229x3u.tmp\META-INF\</t>
  </si>
  <si>
    <t>\\acsfs\profiles$\Flaviojmm\My Documents\lu1047229x3u.tmp\Thumbnails\</t>
  </si>
  <si>
    <t>01/21/2020 14:57:50</t>
  </si>
  <si>
    <t>8fb6390b-0996-4e3c-89db-809fcb8212a1.tmp</t>
  </si>
  <si>
    <t>\\acsfs\profiles$\erichds\Downloads\8fb6390b-0996-4e3c-89db-809fcb8212a1.tmp</t>
  </si>
  <si>
    <t>01/21/2020 14:58:09</t>
  </si>
  <si>
    <t>b297007e-2ca7-45c4-b93a-e382557c7a32.tmp</t>
  </si>
  <si>
    <t>\\acsfs\profiles$\erichds\Downloads\b297007e-2ca7-45c4-b93a-e382557c7a32.tmp</t>
  </si>
  <si>
    <t>01/21/2020 14:53:59</t>
  </si>
  <si>
    <t>01/21/2020 14:59:30</t>
  </si>
  <si>
    <t>01/21/2020 14:54:57</t>
  </si>
  <si>
    <t>01/21/2020 14:55:01</t>
  </si>
  <si>
    <t>01/21/2020 14:55:07</t>
  </si>
  <si>
    <t>01/21/2020 14:55:10</t>
  </si>
  <si>
    <t>01/21/2020 14:55:18</t>
  </si>
  <si>
    <t>01/21/2020 14:56:07</t>
  </si>
  <si>
    <t>01/21/2020 14:56:13</t>
  </si>
  <si>
    <t>01/21/2020 14:56:34</t>
  </si>
  <si>
    <t>01/21/2020 14:56:40</t>
  </si>
  <si>
    <t>01/21/2020 14:56:51</t>
  </si>
  <si>
    <t>01/21/2020 14:57:06</t>
  </si>
  <si>
    <t>01/21/2020 14:57:09</t>
  </si>
  <si>
    <t>01/21/2020 14:57:16</t>
  </si>
  <si>
    <t>01/21/2020 14:54:32</t>
  </si>
  <si>
    <t>01/21/2020 14:54:04</t>
  </si>
  <si>
    <t>97211a58-22dc-48cd-92c7-12f81c892d75.tmp</t>
  </si>
  <si>
    <t>\\acsfs\profiles$\gabrielamdp\Downloads\97211a58-22dc-48cd-92c7-12f81c892d75.tmp</t>
  </si>
  <si>
    <t>01/21/2020 14:58:00</t>
  </si>
  <si>
    <t>bedc79a8-b82d-4191-b1cc-f3ec83c748f6.tmp</t>
  </si>
  <si>
    <t>\\acsfs\profiles$\gabrielamdp\Downloads\bedc79a8-b82d-4191-b1cc-f3ec83c748f6.tmp</t>
  </si>
  <si>
    <t>01/21/2020 14:54:28</t>
  </si>
  <si>
    <t>01/21/2020 14:54:52</t>
  </si>
  <si>
    <t>01/21/2020 14:55:09</t>
  </si>
  <si>
    <t>01/21/2020 14:55:12</t>
  </si>
  <si>
    <t>01/21/2020 14:55:34</t>
  </si>
  <si>
    <t>01/21/2020 14:55:54</t>
  </si>
  <si>
    <t>01/21/2020 14:56:15</t>
  </si>
  <si>
    <t>01/21/2020 14:56:18</t>
  </si>
  <si>
    <t>01/21/2020 14:57:28</t>
  </si>
  <si>
    <t>01/21/2020 14:57:48</t>
  </si>
  <si>
    <t>01/21/2020 14:58:04</t>
  </si>
  <si>
    <t>01/21/2020 14:59:00</t>
  </si>
  <si>
    <t>01/21/2020 14:59:07</t>
  </si>
  <si>
    <t>6bbedeb6-91a1-4829-b147-3ee908418788.tmp</t>
  </si>
  <si>
    <t>\\acsfs\profiles$\mariajaf\Downloads\6bbedeb6-91a1-4829-b147-3ee908418788.tmp</t>
  </si>
  <si>
    <t>01/21/2020 15:00:29</t>
  </si>
  <si>
    <t>01/21/2020 14:59:31</t>
  </si>
  <si>
    <t>01/21/2020 14:58:24</t>
  </si>
  <si>
    <t>c135a41a-8b24-4510-87bb-d3ac4e348240.tmp</t>
  </si>
  <si>
    <t>\\acsfs\profiles$\wedersonbadr\My Documents\My Music\c135a41a-8b24-4510-87bb-d3ac4e348240.tmp</t>
  </si>
  <si>
    <t>01/21/2020 14:59:33</t>
  </si>
  <si>
    <t>ea492077-15db-419e-9d39-d398b1e0eeff.tmp</t>
  </si>
  <si>
    <t>\\acsfs\profiles$\wedersonbadr\My Documents\My Music\ea492077-15db-419e-9d39-d398b1e0eeff.tmp</t>
  </si>
  <si>
    <t>01/21/2020 15:00:00</t>
  </si>
  <si>
    <t>52092f82-69be-46c6-a899-d6f0c67d7f67.tmp</t>
  </si>
  <si>
    <t>\\acsfs\profiles$\wedersonbadr\My Documents\My Music\52092f82-69be-46c6-a899-d6f0c67d7f67.tmp</t>
  </si>
  <si>
    <t>01/21/2020 14:56:11</t>
  </si>
  <si>
    <t>01/21/2020 14:59:52</t>
  </si>
  <si>
    <t>01/21/2020 15:01:29</t>
  </si>
  <si>
    <t>8ef549a4-5172-4c18-b6ed-194c13736cd6.tmp</t>
  </si>
  <si>
    <t>\\acsfs\profiles$\victoriaksr\Downloads\8ef549a4-5172-4c18-b6ed-194c13736cd6.tmp</t>
  </si>
  <si>
    <t>01/21/2020 15:00:02</t>
  </si>
  <si>
    <t>.~lock.1721 1724 ate 21012020.xlsx#</t>
  </si>
  <si>
    <t>\\acsfs\profiles$\victoriaksr\Downloads\.~lock.1721 1724 ate 21012020.xlsx#</t>
  </si>
  <si>
    <t>01/21/2020 14:58:54</t>
  </si>
  <si>
    <t>01/21/2020 15:00:13</t>
  </si>
  <si>
    <t>01/21/2020 15:00:06</t>
  </si>
  <si>
    <t>bedecfbf-4272-436b-9ac4-e46b47f963f2.tmp</t>
  </si>
  <si>
    <t>\\acsfs\profiles$\gabrielsma\Downloads\bedecfbf-4272-436b-9ac4-e46b47f963f2.tmp</t>
  </si>
  <si>
    <t>Não confirmado 523570.crdownload</t>
  </si>
  <si>
    <t>\\acsfs\ACS\Gabriel da Silva\Contemporânea\Gen\Não confirmado 523570.crdownload</t>
  </si>
  <si>
    <t>01/21/2020 14:57:45</t>
  </si>
  <si>
    <t>87a95681-eb38-4ffd-b925-264a511be810.tmp</t>
  </si>
  <si>
    <t>\\acsfs\profiles$\gabrielsma\Downloads\87a95681-eb38-4ffd-b925-264a511be810.tmp</t>
  </si>
  <si>
    <t>01/21/2020 14:57:51</t>
  </si>
  <si>
    <t>\\acsfs\ACS\Gabriel da Silva\Contemporânea\Gen\Q29udHJvbGxlci5TQUNBLVNBQy1UUkFDRV8x.ica.crdownload</t>
  </si>
  <si>
    <t>01/21/2020 14:58:39</t>
  </si>
  <si>
    <t>ec0f035b-fe99-45ce-a373-7391eac96ed1.tmp</t>
  </si>
  <si>
    <t>\\acsfs\profiles$\gabrielsma\Downloads\ec0f035b-fe99-45ce-a373-7391eac96ed1.tmp</t>
  </si>
  <si>
    <t>01/21/2020 14:58:43</t>
  </si>
  <si>
    <t>\\acsfs\ACS\Gabriel da Silva\Contemporânea\Gen\Q29udHJvbGxlci5BbHRlcmFQb250b1Zpcmd1bGEt.ica.crdownload</t>
  </si>
  <si>
    <t>01/21/2020 14:59:58</t>
  </si>
  <si>
    <t>3fc90ec8-637d-48b7-840e-0c82ca873b9c.tmp</t>
  </si>
  <si>
    <t>\\acsfs\profiles$\gabrielsma\Downloads\3fc90ec8-637d-48b7-840e-0c82ca873b9c.tmp</t>
  </si>
  <si>
    <t>afd4c798-278c-4eaf-bb7e-6aa87808eb13.tmp</t>
  </si>
  <si>
    <t>\\acsfs\profiles$\gabrielsma\Downloads\afd4c798-278c-4eaf-bb7e-6aa87808eb13.tmp</t>
  </si>
  <si>
    <t>01/21/2020 15:00:09</t>
  </si>
  <si>
    <t>Q29udHJvbGxlci5BbHRlcmFQb250b1Zpcmd1bGEt (1).ica.crdownload</t>
  </si>
  <si>
    <t>\\acsfs\ACS\Gabriel da Silva\Contemporânea\Gen\Q29udHJvbGxlci5BbHRlcmFQb250b1Zpcmd1bGEt (1).ica.crdownload</t>
  </si>
  <si>
    <t>01/21/2020 14:57:30</t>
  </si>
  <si>
    <t>01/21/2020 14:57:31</t>
  </si>
  <si>
    <t>lu5123671lboc.tmp</t>
  </si>
  <si>
    <t>\\acsfs\profiles$\LUCASBS\RENEG BV\Consolidado\lu5123671lboc.tmp</t>
  </si>
  <si>
    <t>\\acsfs\profiles$\LUCASBS\RENEG BV\Consolidado\lu5123671lboc.tmp\</t>
  </si>
  <si>
    <t>\\acsfs\profiles$\LUCASBS\RENEG BV\Consolidado\lu5123671lboc.tmp\META-INF\</t>
  </si>
  <si>
    <t>\\acsfs\profiles$\LUCASBS\RENEG BV\Consolidado\lu5123671lboc.tmp\Thumbnails\</t>
  </si>
  <si>
    <t>01/21/2020 14:56:14</t>
  </si>
  <si>
    <t>05d6d95c-c059-4d55-9494-784290a8a59d.tmp</t>
  </si>
  <si>
    <t>\\acsfs\profiles$\andressamf\Downloads\05d6d95c-c059-4d55-9494-784290a8a59d.tmp</t>
  </si>
  <si>
    <t>01/21/2020 14:57:08</t>
  </si>
  <si>
    <t>01/21/2020 14:57:18</t>
  </si>
  <si>
    <t>01/21/2020 14:57:21</t>
  </si>
  <si>
    <t>\\acsfs\Deptos\Operacao\Banco_Votorantim\Supervisao\Flávia Constantina Nogueira\Thumbs.db</t>
  </si>
  <si>
    <t>01/21/2020 14:57:27</t>
  </si>
  <si>
    <t>01/21/2020 14:57:32</t>
  </si>
  <si>
    <t>01/21/2020 14:57:44</t>
  </si>
  <si>
    <t>01/21/2020 14:58:12</t>
  </si>
  <si>
    <t>01/21/2020 14:58:36</t>
  </si>
  <si>
    <t>01/21/2020 14:59:01</t>
  </si>
  <si>
    <t>01/21/2020 14:59:09</t>
  </si>
  <si>
    <t>01/21/2020 14:59:11</t>
  </si>
  <si>
    <t>01/21/2020 14:59:15</t>
  </si>
  <si>
    <t>01/21/2020 14:59:18</t>
  </si>
  <si>
    <t>01/21/2020 14:57:36</t>
  </si>
  <si>
    <t>01/21/2020 15:02:29</t>
  </si>
  <si>
    <t>01/21/2020 15:03:29</t>
  </si>
  <si>
    <t>01/21/2020 14:59:50</t>
  </si>
  <si>
    <t>.~lock.Acessos.odt#</t>
  </si>
  <si>
    <t>\\acsfs\profiles$\edicarlosdl\My Documents\.~lock.Acessos.odt#</t>
  </si>
  <si>
    <t>44365eea-a371-492f-a0b2-354d2efb0993.tmp</t>
  </si>
  <si>
    <t>\\acsfs\profiles$\edicarlosdl\Downloads\44365eea-a371-492f-a0b2-354d2efb0993.tmp</t>
  </si>
  <si>
    <t>01/21/2020 15:00:08</t>
  </si>
  <si>
    <t>a1b946cb-9037-484f-93aa-3618f6e3df20.tmp</t>
  </si>
  <si>
    <t>\\acsfs\profiles$\edicarlosdl\Downloads\a1b946cb-9037-484f-93aa-3618f6e3df20.tmp</t>
  </si>
  <si>
    <t>24624ad0-ac61-4ee0-b56c-feb68e82e165.tmp</t>
  </si>
  <si>
    <t>\\acsfs\profiles$\edicarlosdl\Downloads\24624ad0-ac61-4ee0-b56c-feb68e82e165.tmp</t>
  </si>
  <si>
    <t>01/21/2020 15:02:50</t>
  </si>
  <si>
    <t>01/21/2020 14:58:11</t>
  </si>
  <si>
    <t>91a0b446-f971-491f-8548-59ea5d9e0f28.tmp</t>
  </si>
  <si>
    <t>\\acsfs\profiles$\gabrieleods\Downloads\91a0b446-f971-491f-8548-59ea5d9e0f28.tmp</t>
  </si>
  <si>
    <t>01/21/2020 14:59:40</t>
  </si>
  <si>
    <t>01/21/2020 15:04:29</t>
  </si>
  <si>
    <t>01/21/2020 15:03:17</t>
  </si>
  <si>
    <t>01/21/2020 15:00:34</t>
  </si>
  <si>
    <t>d67abef5-6019-46aa-8670-826994ea8353.tmp</t>
  </si>
  <si>
    <t>\\acsfs\profiles$\gabrielamdp\Downloads\d67abef5-6019-46aa-8670-826994ea8353.tmp</t>
  </si>
  <si>
    <t>01/21/2020 15:00:35</t>
  </si>
  <si>
    <t>f001da0a-bcac-4e56-9b55-db3707284a15.tmp</t>
  </si>
  <si>
    <t>\\acsfs\profiles$\gabrielamdp\Downloads\f001da0a-bcac-4e56-9b55-db3707284a15.tmp</t>
  </si>
  <si>
    <t>01/21/2020 15:00:37</t>
  </si>
  <si>
    <t>abeada06-4038-48da-995a-5fad221bee2b.tmp</t>
  </si>
  <si>
    <t>\\acsfs\profiles$\gabrielamdp\Downloads\abeada06-4038-48da-995a-5fad221bee2b.tmp</t>
  </si>
  <si>
    <t>01/21/2020 15:01:55</t>
  </si>
  <si>
    <t>0c54c65e-1b23-44da-be1e-298f6c06dc45.tmp</t>
  </si>
  <si>
    <t>\\acsfs\profiles$\anafsb\Downloads\0c54c65e-1b23-44da-be1e-298f6c06dc45.tmp</t>
  </si>
  <si>
    <t>01/21/2020 15:02:37</t>
  </si>
  <si>
    <t>29ee39aa-934e-4ad3-a102-183767e6dd79.tmp</t>
  </si>
  <si>
    <t>\\acsfs\profiles$\adelvinsonle\Downloads\29ee39aa-934e-4ad3-a102-183767e6dd79.tmp</t>
  </si>
  <si>
    <t>01/21/2020 14:59:17</t>
  </si>
  <si>
    <t>01/21/2020 14:59:48</t>
  </si>
  <si>
    <t>01/21/2020 15:00:10</t>
  </si>
  <si>
    <t>01/21/2020 15:00:39</t>
  </si>
  <si>
    <t>01/21/2020 15:00:44</t>
  </si>
  <si>
    <t>01/21/2020 15:01:02</t>
  </si>
  <si>
    <t>01/21/2020 15:01:07</t>
  </si>
  <si>
    <t>01/21/2020 15:01:10</t>
  </si>
  <si>
    <t>01/21/2020 15:01:13</t>
  </si>
  <si>
    <t>01/21/2020 15:01:23</t>
  </si>
  <si>
    <t>01/21/2020 15:01:26</t>
  </si>
  <si>
    <t>01/21/2020 15:05:30</t>
  </si>
  <si>
    <t>01/21/2020 15:01:11</t>
  </si>
  <si>
    <t>01/21/2020 15:02:11</t>
  </si>
  <si>
    <t>01/21/2020 15:04:34</t>
  </si>
  <si>
    <t>01/21/2020 15:06:29</t>
  </si>
  <si>
    <t>9ef3f539-2a99-4bba-859e-718381d2ea58.tmp</t>
  </si>
  <si>
    <t>\\acsfs\profiles$\LUCASNS\Downloads\9ef3f539-2a99-4bba-859e-718381d2ea58.tmp</t>
  </si>
  <si>
    <t>01/21/2020 15:04:55</t>
  </si>
  <si>
    <t>01/21/2020 15:01:08</t>
  </si>
  <si>
    <t>7e712cf5-718e-4c7c-afbb-ba6118d79aa1.tmp</t>
  </si>
  <si>
    <t>\\acsfs\profiles$\gabrielsma\Downloads\7e712cf5-718e-4c7c-afbb-ba6118d79aa1.tmp</t>
  </si>
  <si>
    <t>01/21/2020 15:02:56</t>
  </si>
  <si>
    <t>078a01cc-6101-43e7-9866-60e33b4fee11.tmp</t>
  </si>
  <si>
    <t>\\acsfs\profiles$\gabrielsma\Downloads\078a01cc-6101-43e7-9866-60e33b4fee11.tmp</t>
  </si>
  <si>
    <t>01/21/2020 15:02:58</t>
  </si>
  <si>
    <t>01/21/2020 15:03:45</t>
  </si>
  <si>
    <t>3def5ac6-fcb5-430e-b7c5-bd16f6240387.tmp</t>
  </si>
  <si>
    <t>\\acsfs\profiles$\gabrielsma\Downloads\3def5ac6-fcb5-430e-b7c5-bd16f6240387.tmp</t>
  </si>
  <si>
    <t>01/21/2020 15:03:49</t>
  </si>
  <si>
    <t>01/21/2020 15:04:02</t>
  </si>
  <si>
    <t>01/21/2020 15:07:29</t>
  </si>
  <si>
    <t>742254eb-ae45-4872-b04e-1b0c2914c4b5.tmp</t>
  </si>
  <si>
    <t>\\acsfs\profiles$\lorrainerdl\Downloads\742254eb-ae45-4872-b04e-1b0c2914c4b5.tmp</t>
  </si>
  <si>
    <t>01/21/2020 15:04:09</t>
  </si>
  <si>
    <t>eaf22ef0-1727-47fb-912b-eec13bf56c86.tmp</t>
  </si>
  <si>
    <t>\\acsfs\profiles$\lorrainerdl\Downloads\eaf22ef0-1727-47fb-912b-eec13bf56c86.tmp</t>
  </si>
  <si>
    <t>01/21/2020 15:04:21</t>
  </si>
  <si>
    <t>089e5588-8ea2-49bd-96fd-e7179931f15e.tmp</t>
  </si>
  <si>
    <t>\\acsfs\profiles$\lorrainerdl\Downloads\089e5588-8ea2-49bd-96fd-e7179931f15e.tmp</t>
  </si>
  <si>
    <t>01/21/2020 15:03:23</t>
  </si>
  <si>
    <t>5e86ddc8-4918-4202-9baa-cf639346707d.tmp</t>
  </si>
  <si>
    <t>\\acsfs\profiles$\PEDROHAB\Downloads\5e86ddc8-4918-4202-9baa-cf639346707d.tmp</t>
  </si>
  <si>
    <t>01/21/2020 15:04:39</t>
  </si>
  <si>
    <t>01/21/2020 15:06:09</t>
  </si>
  <si>
    <t>01/21/2020 15:09:29</t>
  </si>
  <si>
    <t>01/21/2020 15:07:58</t>
  </si>
  <si>
    <t>abbce9b1-c373-41cc-a820-472ff414ce0a.tmp</t>
  </si>
  <si>
    <t>\\acsfs\profiles$\adelvinsonle\Downloads\abbce9b1-c373-41cc-a820-472ff414ce0a.tmp</t>
  </si>
  <si>
    <t>01/21/2020 15:08:27</t>
  </si>
  <si>
    <t>01/21/2020 15:10:29</t>
  </si>
  <si>
    <t>85a38d75-093f-487e-aa2f-36b11a6149f7.tmp</t>
  </si>
  <si>
    <t>\\acsfs\profiles$\marcosvnds\Downloads\85a38d75-093f-487e-aa2f-36b11a6149f7.tmp</t>
  </si>
  <si>
    <t>01/21/2020 15:07:11</t>
  </si>
  <si>
    <t>01/21/2020 15:08:11</t>
  </si>
  <si>
    <t>01/21/2020 15:06:30</t>
  </si>
  <si>
    <t>01/21/2020 15:11:29</t>
  </si>
  <si>
    <t>1d6b2959-508a-482c-ab7d-e93274a36c7a.tmp</t>
  </si>
  <si>
    <t>\\acsfs\profiles$\LUCASNS\Downloads\1d6b2959-508a-482c-ab7d-e93274a36c7a.tmp</t>
  </si>
  <si>
    <t>01/21/2020 15:08:02</t>
  </si>
  <si>
    <t>01/21/2020 15:07:16</t>
  </si>
  <si>
    <t>01/21/2020 15:12:29</t>
  </si>
  <si>
    <t>01/21/2020 15:08:24</t>
  </si>
  <si>
    <t>100014123564284;antoniocoj@algartech.com;joaogvc@algartech.com;marianadjc@algartech.com;planejamentodeoperacoesetrafego@bv.com.br;raphaelmco@algartech.com.br;ricardodfm@algartech.com.br;taysdss@algartech.com;</t>
  </si>
  <si>
    <t>https://100014123564284,antoniocoj@algartech.com,joaogvc@algartech.com,marianadjc@algartech.com,planejamentodeoperacoesetrafego@bv.com.br,raphaelmco@algartech.com.br,ricardodfm@algartech.com.br,taysdss@algartech.com</t>
  </si>
  <si>
    <t>01/21/2020 15:08:39</t>
  </si>
  <si>
    <t>01/21/2020 15:08:31</t>
  </si>
  <si>
    <t>01/21/2020 15:08:32</t>
  </si>
  <si>
    <t>01/21/2020 15:08:37</t>
  </si>
  <si>
    <t>01/21/2020 15:08:38</t>
  </si>
  <si>
    <t>01/21/2020 15:08:40</t>
  </si>
  <si>
    <t>01/21/2020 15:08:41</t>
  </si>
  <si>
    <t>01/21/2020 15:08:50</t>
  </si>
  <si>
    <t>01/21/2020 15:08:51</t>
  </si>
  <si>
    <t>01/21/2020 15:08:53</t>
  </si>
  <si>
    <t>01/21/2020 15:09:00</t>
  </si>
  <si>
    <t>01/21/2020 15:09:17</t>
  </si>
  <si>
    <t>01/21/2020 15:09:18</t>
  </si>
  <si>
    <t>01/21/2020 15:09:19</t>
  </si>
  <si>
    <t>01/21/2020 15:09:22</t>
  </si>
  <si>
    <t>01/21/2020 15:09:32</t>
  </si>
  <si>
    <t>01/21/2020 15:09:33</t>
  </si>
  <si>
    <t>01/21/2020 15:09:36</t>
  </si>
  <si>
    <t>01/21/2020 15:09:38</t>
  </si>
  <si>
    <t>01/21/2020 15:09:39</t>
  </si>
  <si>
    <t>01/21/2020 15:09:40</t>
  </si>
  <si>
    <t>01/21/2020 15:09:42</t>
  </si>
  <si>
    <t>01/21/2020 15:09:44</t>
  </si>
  <si>
    <t>01/21/2020 15:09:46</t>
  </si>
  <si>
    <t>01/21/2020 15:09:48</t>
  </si>
  <si>
    <t>01/21/2020 15:09:49</t>
  </si>
  <si>
    <t>01/21/2020 15:09:50</t>
  </si>
  <si>
    <t>01/21/2020 15:09:52</t>
  </si>
  <si>
    <t>01/21/2020 15:09:53</t>
  </si>
  <si>
    <t>01/21/2020 15:09:54</t>
  </si>
  <si>
    <t>01/21/2020 15:09:55</t>
  </si>
  <si>
    <t>01/21/2020 15:09:56</t>
  </si>
  <si>
    <t>01/21/2020 15:09:57</t>
  </si>
  <si>
    <t>01/21/2020 15:09:59</t>
  </si>
  <si>
    <t>01/21/2020 15:10:00</t>
  </si>
  <si>
    <t>01/21/2020 15:10:01</t>
  </si>
  <si>
    <t>01/21/2020 15:10:02</t>
  </si>
  <si>
    <t>01/21/2020 15:10:03</t>
  </si>
  <si>
    <t>01/21/2020 15:10:04</t>
  </si>
  <si>
    <t>01/21/2020 15:10:05</t>
  </si>
  <si>
    <t>01/21/2020 15:10:34</t>
  </si>
  <si>
    <t>01/21/2020 15:08:10</t>
  </si>
  <si>
    <t>01/21/2020 15:09:10</t>
  </si>
  <si>
    <t>01/21/2020 15:11:05</t>
  </si>
  <si>
    <t>01/21/2020 15:08:21</t>
  </si>
  <si>
    <t>01/21/2020 15:11:37</t>
  </si>
  <si>
    <t>01/21/2020 15:08:45</t>
  </si>
  <si>
    <t>01/21/2020 15:14:29</t>
  </si>
  <si>
    <t>01/21/2020 15:10:15</t>
  </si>
  <si>
    <t>01/21/2020 15:15:30</t>
  </si>
  <si>
    <t>01/21/2020 15:11:39</t>
  </si>
  <si>
    <t>XLOG_anacdos_21012020_070450.log</t>
  </si>
  <si>
    <t>\\acsfs\profiles$\anacdos\My Documents\xworkcenter\logs\XLOG_anacdos_21012020_070450.log</t>
  </si>
  <si>
    <t>01/21/2020 15:13:11</t>
  </si>
  <si>
    <t>01/21/2020 15:14:12</t>
  </si>
  <si>
    <t>01/21/2020 15:10:54</t>
  </si>
  <si>
    <t>01/21/2020 15:16:29</t>
  </si>
  <si>
    <t>01/21/2020 15:14:38</t>
  </si>
  <si>
    <t>01/21/2020 15:14:39</t>
  </si>
  <si>
    <t>01/21/2020 15:14:59</t>
  </si>
  <si>
    <t>01/21/2020 15:15:01</t>
  </si>
  <si>
    <t>01/21/2020 15:15:19</t>
  </si>
  <si>
    <t>01/21/2020 15:15:21</t>
  </si>
  <si>
    <t>01/21/2020 15:15:22</t>
  </si>
  <si>
    <t>01/21/2020 15:15:38</t>
  </si>
  <si>
    <t>01/21/2020 15:11:48</t>
  </si>
  <si>
    <t>c336f737-c8c4-4a94-9374-c25542671bb4.tmp</t>
  </si>
  <si>
    <t>\\acsfs\profiles$\gabrielsma\Downloads\c336f737-c8c4-4a94-9374-c25542671bb4.tmp</t>
  </si>
  <si>
    <t>01/21/2020 15:11:53</t>
  </si>
  <si>
    <t>Não confirmado 385891.crdownload</t>
  </si>
  <si>
    <t>\\acsfs\ACS\Gabriel da Silva\Contemporânea\Gen\Não confirmado 385891.crdownload</t>
  </si>
  <si>
    <t>01/21/2020 15:14:43</t>
  </si>
  <si>
    <t>01/21/2020 15:14:49</t>
  </si>
  <si>
    <t>01/21/2020 15:14:57</t>
  </si>
  <si>
    <t>01/21/2020 15:12:28</t>
  </si>
  <si>
    <t>01/21/2020 15:17:30</t>
  </si>
  <si>
    <t>3f90a762-2378-45f9-a6cc-e068d5716bef.tmp</t>
  </si>
  <si>
    <t>\\acsfs\profiles$\laurandos\Downloads\3f90a762-2378-45f9-a6cc-e068d5716bef.tmp</t>
  </si>
  <si>
    <t>01/21/2020 15:12:59</t>
  </si>
  <si>
    <t>d2ec1855-415f-4ba9-879a-4c0a6f2baa82.tmp</t>
  </si>
  <si>
    <t>\\acsfs\profiles$\laurandos\Downloads\d2ec1855-415f-4ba9-879a-4c0a6f2baa82.tmp</t>
  </si>
  <si>
    <t>01/21/2020 15:19:29</t>
  </si>
  <si>
    <t>01/21/2020 15:20:29</t>
  </si>
  <si>
    <t>01/21/2020 15:19:11</t>
  </si>
  <si>
    <t>01/21/2020 15:20:11</t>
  </si>
  <si>
    <t>01/21/2020 15:17:06</t>
  </si>
  <si>
    <t>01/21/2020 15:21:29</t>
  </si>
  <si>
    <t>01/21/2020 15:17:08</t>
  </si>
  <si>
    <t>01/21/2020 15:17:09</t>
  </si>
  <si>
    <t>01/21/2020 15:17:34</t>
  </si>
  <si>
    <t>9dc984fe-efda-4778-abe2-f45c3e229620.tmp</t>
  </si>
  <si>
    <t>\\acsfs\profiles$\joycemmdl\Downloads\9dc984fe-efda-4778-abe2-f45c3e229620.tmp</t>
  </si>
  <si>
    <t>01/21/2020 15:17:32</t>
  </si>
  <si>
    <t>https://outlook.office365.com/mapi/nspi/?mailboxid=77162096-c0b3-4a9d-88ca-b9268ce0500f@algartech.com</t>
  </si>
  <si>
    <t>01/21/2020 15:22:30</t>
  </si>
  <si>
    <t>01/21/2020 15:19:44</t>
  </si>
  <si>
    <t>4e4257e1-f3b4-4ff7-8c11-ea8398c1f852.tmp</t>
  </si>
  <si>
    <t>\\acsfs\profiles$\nayarasds\Downloads\4e4257e1-f3b4-4ff7-8c11-ea8398c1f852.tmp</t>
  </si>
  <si>
    <t>01/21/2020 15:19:52</t>
  </si>
  <si>
    <t>e3f60c6a-f7c1-441f-96f2-4db5350862d5.tmp</t>
  </si>
  <si>
    <t>\\acsfs\profiles$\nayarasds\Downloads\e3f60c6a-f7c1-441f-96f2-4db5350862d5.tmp</t>
  </si>
  <si>
    <t>01/21/2020 15:21:10</t>
  </si>
  <si>
    <t>5592d656-b46c-4c36-8b10-bd0763a6dbbc.tmp</t>
  </si>
  <si>
    <t>\\acsfs\profiles$\nayarasds\Downloads\5592d656-b46c-4c36-8b10-bd0763a6dbbc.tmp</t>
  </si>
  <si>
    <t>01/21/2020 15:24:30</t>
  </si>
  <si>
    <t>01/21/2020 15:21:43</t>
  </si>
  <si>
    <t>01/21/2020 15:24:05</t>
  </si>
  <si>
    <t>fa8c1d92-8e79-4c45-96f3-25f6d5fd7d91.tmp</t>
  </si>
  <si>
    <t>\\acsfs\profiles$\adelvinsonle\Downloads\fa8c1d92-8e79-4c45-96f3-25f6d5fd7d91.tmp</t>
  </si>
  <si>
    <t>01/21/2020 15:22:51</t>
  </si>
  <si>
    <t>51a0d54d-da0f-4e4a-85bb-851d1bf27b01.tmp</t>
  </si>
  <si>
    <t>\\acsfs\profiles$\RAFAELRF\Downloads\51a0d54d-da0f-4e4a-85bb-851d1bf27b01.tmp</t>
  </si>
  <si>
    <t>01/21/2020 15:22:35</t>
  </si>
  <si>
    <t>bc431cd0-1b47-475f-b159-457b5e77de9d.tmp</t>
  </si>
  <si>
    <t>\\acsfs\profiles$\fernandofs\Downloads\bc431cd0-1b47-475f-b159-457b5e77de9d.tmp</t>
  </si>
  <si>
    <t>01/21/2020 15:22:44</t>
  </si>
  <si>
    <t>01/21/2020 15:25:29</t>
  </si>
  <si>
    <t>0e2b36ef-4fcc-437f-9078-49ef31562986.tmp</t>
  </si>
  <si>
    <t>\\acsfs\profiles$\andreapdsg\Downloads\0e2b36ef-4fcc-437f-9078-49ef31562986.tmp</t>
  </si>
  <si>
    <t>01/21/2020 15:23:22</t>
  </si>
  <si>
    <t>01/21/2020 15:22:43</t>
  </si>
  <si>
    <t>01/21/2020 15:23:36</t>
  </si>
  <si>
    <t>01/21/2020 15:25:11</t>
  </si>
  <si>
    <t>01/21/2020 15:26:29</t>
  </si>
  <si>
    <t>01/21/2020 15:22:05</t>
  </si>
  <si>
    <t>01/21/2020 15:23:17</t>
  </si>
  <si>
    <t>01/21/2020 15:24:16</t>
  </si>
  <si>
    <t>01/21/2020 15:24:17</t>
  </si>
  <si>
    <t>01/21/2020 15:25:35</t>
  </si>
  <si>
    <t>01/21/2020 15:26:07</t>
  </si>
  <si>
    <t>01/21/2020 15:27:30</t>
  </si>
  <si>
    <t>01/21/2020 15:29:30</t>
  </si>
  <si>
    <t>01/21/2020 15:25:14</t>
  </si>
  <si>
    <t>01/21/2020 15:30:29</t>
  </si>
  <si>
    <t>56431ce3-10d0-4ee8-b314-d485c41e0d15.tmp</t>
  </si>
  <si>
    <t>\\acsfs\profiles$\andreapdsg\Downloads\56431ce3-10d0-4ee8-b314-d485c41e0d15.tmp</t>
  </si>
  <si>
    <t>01/21/2020 15:26:11</t>
  </si>
  <si>
    <t>01/21/2020 15:31:29</t>
  </si>
  <si>
    <t>01/21/2020 15:29:22</t>
  </si>
  <si>
    <t>d9b248ae-9c3e-4bc5-ab1c-0805fb1e857c.tmp</t>
  </si>
  <si>
    <t>\\acsfs\profiles$\gabrielsma\Downloads\d9b248ae-9c3e-4bc5-ab1c-0805fb1e857c.tmp</t>
  </si>
  <si>
    <t>01/21/2020 15:29:29</t>
  </si>
  <si>
    <t>Não confirmado 524273.crdownload</t>
  </si>
  <si>
    <t>\\acsfs\ACS\Gabriel da Silva\Contemporânea\Gen\Não confirmado 524273.crdownload</t>
  </si>
  <si>
    <t>01/21/2020 15:29:54</t>
  </si>
  <si>
    <t>01/21/2020 15:29:56</t>
  </si>
  <si>
    <t>01/21/2020 15:29:58</t>
  </si>
  <si>
    <t>01/21/2020 15:29:59</t>
  </si>
  <si>
    <t>01/21/2020 15:30:00</t>
  </si>
  <si>
    <t>01/21/2020 15:30:53</t>
  </si>
  <si>
    <t>01/21/2020 15:34:30</t>
  </si>
  <si>
    <t>01/21/2020 15:32:12</t>
  </si>
  <si>
    <t>01/21/2020 15:31:11</t>
  </si>
  <si>
    <t>01/21/2020 15:36:30</t>
  </si>
  <si>
    <t>01/21/2020 15:32:11</t>
  </si>
  <si>
    <t>01/21/2020 15:34:46</t>
  </si>
  <si>
    <t>https://udpmailboxap01.acs.com.br:8443/h/search?si=0&amp;so=0&amp;sc=80718&amp;sfi=2&amp;st=conversation&amp;action=compose</t>
  </si>
  <si>
    <t>01/21/2020 15:33:06</t>
  </si>
  <si>
    <t>01/21/2020 15:35:54</t>
  </si>
  <si>
    <t>01/21/2020 15:32:08</t>
  </si>
  <si>
    <t>https://outlook.office365.com/mapi/emsmdb/?mailboxid=e0cded78-182c-4b0d-9733-fd74dfe2a4c5@algartech.com</t>
  </si>
  <si>
    <t>https://outlook.office365.com/mapi/nspi/?mailboxid=e0cded78-182c-4b0d-9733-fd74dfe2a4c5@algartech.com</t>
  </si>
  <si>
    <t>01/21/2020 15:32:09</t>
  </si>
  <si>
    <t>01/21/2020 15:32:10</t>
  </si>
  <si>
    <t>01/21/2020 15:37:29</t>
  </si>
  <si>
    <t>01/21/2020 15:32:13</t>
  </si>
  <si>
    <t>01/21/2020 15:32:15</t>
  </si>
  <si>
    <t>01/21/2020 15:32:20</t>
  </si>
  <si>
    <t>01/21/2020 15:32:24</t>
  </si>
  <si>
    <t>01/21/2020 15:32:28</t>
  </si>
  <si>
    <t>01/21/2020 15:32:32</t>
  </si>
  <si>
    <t>01/21/2020 15:32:36</t>
  </si>
  <si>
    <t>01/21/2020 15:32:42</t>
  </si>
  <si>
    <t>01/21/2020 15:32:47</t>
  </si>
  <si>
    <t>01/21/2020 15:32:52</t>
  </si>
  <si>
    <t>01/21/2020 15:32:56</t>
  </si>
  <si>
    <t>01/21/2020 15:33:01</t>
  </si>
  <si>
    <t>01/21/2020 15:33:05</t>
  </si>
  <si>
    <t>01/21/2020 15:33:09</t>
  </si>
  <si>
    <t>01/21/2020 15:33:13</t>
  </si>
  <si>
    <t>01/21/2020 15:33:17</t>
  </si>
  <si>
    <t>01/21/2020 15:33:21</t>
  </si>
  <si>
    <t>01/21/2020 15:33:26</t>
  </si>
  <si>
    <t>01/21/2020 15:33:30</t>
  </si>
  <si>
    <t>01/21/2020 15:33:34</t>
  </si>
  <si>
    <t>01/21/2020 15:33:38</t>
  </si>
  <si>
    <t>01/21/2020 15:33:42</t>
  </si>
  <si>
    <t>01/21/2020 15:33:46</t>
  </si>
  <si>
    <t>01/21/2020 15:33:50</t>
  </si>
  <si>
    <t>01/21/2020 15:33:54</t>
  </si>
  <si>
    <t>01/21/2020 15:33:59</t>
  </si>
  <si>
    <t>01/21/2020 15:34:03</t>
  </si>
  <si>
    <t>01/21/2020 15:34:08</t>
  </si>
  <si>
    <t>01/21/2020 15:34:12</t>
  </si>
  <si>
    <t>01/21/2020 15:34:17</t>
  </si>
  <si>
    <t>01/21/2020 15:34:21</t>
  </si>
  <si>
    <t>01/21/2020 15:34:28</t>
  </si>
  <si>
    <t>01/21/2020 15:34:32</t>
  </si>
  <si>
    <t>01/21/2020 15:34:37</t>
  </si>
  <si>
    <t>01/21/2020 15:34:41</t>
  </si>
  <si>
    <t>01/21/2020 15:34:47</t>
  </si>
  <si>
    <t>01/21/2020 15:34:55</t>
  </si>
  <si>
    <t>01/21/2020 15:35:04</t>
  </si>
  <si>
    <t>01/21/2020 15:35:09</t>
  </si>
  <si>
    <t>01/21/2020 15:35:14</t>
  </si>
  <si>
    <t>01/21/2020 15:35:20</t>
  </si>
  <si>
    <t>01/21/2020 15:35:24</t>
  </si>
  <si>
    <t>01/21/2020 15:35:28</t>
  </si>
  <si>
    <t>01/21/2020 15:35:33</t>
  </si>
  <si>
    <t>01/21/2020 15:35:37</t>
  </si>
  <si>
    <t>01/21/2020 15:35:42</t>
  </si>
  <si>
    <t>01/21/2020 15:35:46</t>
  </si>
  <si>
    <t>01/21/2020 15:35:50</t>
  </si>
  <si>
    <t>01/21/2020 15:35:59</t>
  </si>
  <si>
    <t>01/21/2020 15:36:03</t>
  </si>
  <si>
    <t>01/21/2020 15:36:07</t>
  </si>
  <si>
    <t>01/21/2020 15:36:11</t>
  </si>
  <si>
    <t>01/21/2020 15:36:15</t>
  </si>
  <si>
    <t>01/21/2020 15:36:19</t>
  </si>
  <si>
    <t>01/21/2020 15:36:23</t>
  </si>
  <si>
    <t>c4c95049-06af-432c-9173-a2ebff55e462.tmp</t>
  </si>
  <si>
    <t>\\acsfs\profiles$\henriqueco\Downloads\c4c95049-06af-432c-9173-a2ebff55e462.tmp</t>
  </si>
  <si>
    <t>01/21/2020 15:33:19</t>
  </si>
  <si>
    <t>01/21/2020 15:38:29</t>
  </si>
  <si>
    <t>c06bee02-df84-4f90-8a67-34534ec5fb8e.tmp</t>
  </si>
  <si>
    <t>\\acsfs\profiles$\fabianobmf\Downloads\c06bee02-df84-4f90-8a67-34534ec5fb8e.tmp</t>
  </si>
  <si>
    <t>01/21/2020 15:33:22</t>
  </si>
  <si>
    <t>9af71f39-c1c9-4d4e-8351-bbc9e11edefc.tmp</t>
  </si>
  <si>
    <t>\\acsfs\profiles$\fabianobmf\Downloads\9af71f39-c1c9-4d4e-8351-bbc9e11edefc.tmp</t>
  </si>
  <si>
    <t>01/21/2020 15:34:15</t>
  </si>
  <si>
    <t>92f2e6e2-147c-42af-9447-b1268afdd441.tmp</t>
  </si>
  <si>
    <t>\\acsfs\profiles$\fabianobmf\Downloads\92f2e6e2-147c-42af-9447-b1268afdd441.tmp</t>
  </si>
  <si>
    <t>01/21/2020 15:37:02</t>
  </si>
  <si>
    <t>01/21/2020 15:36:37</t>
  </si>
  <si>
    <t>01/21/2020 15:39:30</t>
  </si>
  <si>
    <t>01/21/2020 15:38:53</t>
  </si>
  <si>
    <t>01/21/2020 15:40:29</t>
  </si>
  <si>
    <t>01/21/2020 15:37:11</t>
  </si>
  <si>
    <t>01/21/2020 15:41:30</t>
  </si>
  <si>
    <t>01/21/2020 15:38:11</t>
  </si>
  <si>
    <t>01/21/2020 15:38:26</t>
  </si>
  <si>
    <t>01/21/2020 15:40:05</t>
  </si>
  <si>
    <t>01/21/2020 15:40:07</t>
  </si>
  <si>
    <t>01/21/2020 15:40:08</t>
  </si>
  <si>
    <t>01/21/2020 15:36:28</t>
  </si>
  <si>
    <t>01/21/2020 15:42:29</t>
  </si>
  <si>
    <t>01/21/2020 15:36:32</t>
  </si>
  <si>
    <t>01/21/2020 15:36:36</t>
  </si>
  <si>
    <t>01/21/2020 15:36:40</t>
  </si>
  <si>
    <t>01/21/2020 15:36:44</t>
  </si>
  <si>
    <t>01/21/2020 15:36:48</t>
  </si>
  <si>
    <t>01/21/2020 15:39:19</t>
  </si>
  <si>
    <t>a6a4beaa-44bf-478a-a027-8c76bfe8bfcb.tmp</t>
  </si>
  <si>
    <t>\\acsfs\profiles$\larissaad\Downloads\a6a4beaa-44bf-478a-a027-8c76bfe8bfcb.tmp</t>
  </si>
  <si>
    <t>01/21/2020 15:36:52</t>
  </si>
  <si>
    <t>01/21/2020 15:36:57</t>
  </si>
  <si>
    <t>01/21/2020 15:37:01</t>
  </si>
  <si>
    <t>01/21/2020 15:37:05</t>
  </si>
  <si>
    <t>01/21/2020 15:37:09</t>
  </si>
  <si>
    <t>01/21/2020 15:37:14</t>
  </si>
  <si>
    <t>01/21/2020 15:37:18</t>
  </si>
  <si>
    <t>01/21/2020 15:37:22</t>
  </si>
  <si>
    <t>01/21/2020 15:37:26</t>
  </si>
  <si>
    <t>01/21/2020 15:37:30</t>
  </si>
  <si>
    <t>01/21/2020 15:37:34</t>
  </si>
  <si>
    <t>01/21/2020 15:37:38</t>
  </si>
  <si>
    <t>01/21/2020 15:37:43</t>
  </si>
  <si>
    <t>01/21/2020 15:37:47</t>
  </si>
  <si>
    <t>01/21/2020 15:37:51</t>
  </si>
  <si>
    <t>01/21/2020 15:37:53</t>
  </si>
  <si>
    <t>01/21/2020 15:37:56</t>
  </si>
  <si>
    <t>01/21/2020 15:38:00</t>
  </si>
  <si>
    <t>01/21/2020 15:38:04</t>
  </si>
  <si>
    <t>01/21/2020 15:38:08</t>
  </si>
  <si>
    <t>01/21/2020 15:38:12</t>
  </si>
  <si>
    <t>01/21/2020 15:38:16</t>
  </si>
  <si>
    <t>01/21/2020 15:38:20</t>
  </si>
  <si>
    <t>01/21/2020 15:38:25</t>
  </si>
  <si>
    <t>01/21/2020 15:38:33</t>
  </si>
  <si>
    <t>01/21/2020 15:38:37</t>
  </si>
  <si>
    <t>01/21/2020 15:38:41</t>
  </si>
  <si>
    <t>01/21/2020 15:38:45</t>
  </si>
  <si>
    <t>01/21/2020 15:38:49</t>
  </si>
  <si>
    <t>01/21/2020 15:38:54</t>
  </si>
  <si>
    <t>01/21/2020 15:38:58</t>
  </si>
  <si>
    <t>01/21/2020 15:39:02</t>
  </si>
  <si>
    <t>01/21/2020 15:39:06</t>
  </si>
  <si>
    <t>01/21/2020 15:39:10</t>
  </si>
  <si>
    <t>01/21/2020 15:39:14</t>
  </si>
  <si>
    <t>01/21/2020 15:39:18</t>
  </si>
  <si>
    <t>01/21/2020 15:39:22</t>
  </si>
  <si>
    <t>01/21/2020 15:39:26</t>
  </si>
  <si>
    <t>01/21/2020 15:39:31</t>
  </si>
  <si>
    <t>01/21/2020 15:39:35</t>
  </si>
  <si>
    <t>01/21/2020 15:39:39</t>
  </si>
  <si>
    <t>01/21/2020 15:39:41</t>
  </si>
  <si>
    <t>01/21/2020 15:39:43</t>
  </si>
  <si>
    <t>01/21/2020 15:39:47</t>
  </si>
  <si>
    <t>01/21/2020 15:39:51</t>
  </si>
  <si>
    <t>01/21/2020 15:39:55</t>
  </si>
  <si>
    <t>01/21/2020 15:39:59</t>
  </si>
  <si>
    <t>01/21/2020 15:40:03</t>
  </si>
  <si>
    <t>01/21/2020 15:40:12</t>
  </si>
  <si>
    <t>01/21/2020 15:40:17</t>
  </si>
  <si>
    <t>01/21/2020 15:40:21</t>
  </si>
  <si>
    <t>01/21/2020 15:40:25</t>
  </si>
  <si>
    <t>01/21/2020 15:40:30</t>
  </si>
  <si>
    <t>01/21/2020 15:40:34</t>
  </si>
  <si>
    <t>01/21/2020 15:40:35</t>
  </si>
  <si>
    <t>01/21/2020 15:40:38</t>
  </si>
  <si>
    <t>01/21/2020 15:40:42</t>
  </si>
  <si>
    <t>01/21/2020 15:40:46</t>
  </si>
  <si>
    <t>01/21/2020 15:40:51</t>
  </si>
  <si>
    <t>01/21/2020 15:40:55</t>
  </si>
  <si>
    <t>01/21/2020 15:40:59</t>
  </si>
  <si>
    <t>01/21/2020 15:41:03</t>
  </si>
  <si>
    <t>01/21/2020 15:41:08</t>
  </si>
  <si>
    <t>01/21/2020 15:41:12</t>
  </si>
  <si>
    <t>01/21/2020 15:41:16</t>
  </si>
  <si>
    <t>01/21/2020 15:41:21</t>
  </si>
  <si>
    <t>01/21/2020 15:41:25</t>
  </si>
  <si>
    <t>01/21/2020 15:41:29</t>
  </si>
  <si>
    <t>01/21/2020 15:38:19</t>
  </si>
  <si>
    <t>67bc4721-ebb4-4bb8-a1fc-347bf01ecac9.tmp</t>
  </si>
  <si>
    <t>\\acsfs\profiles$\welidicdj\Downloads\67bc4721-ebb4-4bb8-a1fc-347bf01ecac9.tmp</t>
  </si>
  <si>
    <t>01/21/2020 15:38:24</t>
  </si>
  <si>
    <t>01/21/2020 15:38:51</t>
  </si>
  <si>
    <t>01/21/2020 15:40:18</t>
  </si>
  <si>
    <t>0da60268-d782-4c23-9cf4-b77a33423e39.tmp</t>
  </si>
  <si>
    <t>\\acsfs\profiles$\welidicdj\Downloads\0da60268-d782-4c23-9cf4-b77a33423e39.tmp</t>
  </si>
  <si>
    <t>01/21/2020 15:41:35</t>
  </si>
  <si>
    <t>01/21/2020 15:43:30</t>
  </si>
  <si>
    <t>01/21/2020 15:43:01</t>
  </si>
  <si>
    <t>070c7c80-5da0-4ea1-8861-1966c0a9c408.tmp</t>
  </si>
  <si>
    <t>\\acsfs\profiles$\nycolleemdj\Downloads\070c7c80-5da0-4ea1-8861-1966c0a9c408.tmp</t>
  </si>
  <si>
    <t>01/21/2020 15:42:19</t>
  </si>
  <si>
    <t>01/21/2020 15:44:29</t>
  </si>
  <si>
    <t>01/21/2020 15:40:13</t>
  </si>
  <si>
    <t>\\acsfs\DEPTOS\Operacao\Banco_Votorantim\Qualidade\Anderson\Jose\Atualizado\Nova pasta\Thumbs.db</t>
  </si>
  <si>
    <t>01/21/2020 15:43:32</t>
  </si>
  <si>
    <t>Relatorio de Vendas - Auditoria BV Cartoes (Janeiro)...Cliente.xlsx</t>
  </si>
  <si>
    <t>\\acsfs\DEPTOS\Operacao\Banco_Votorantim\Qualidade\Anderson\Jose\Atualizado\Relatorio de Vendas - Auditoria BV Cartoes (Janeiro)...Cliente.xlsx</t>
  </si>
  <si>
    <t>01/21/2020 15:43:50</t>
  </si>
  <si>
    <t>01/21/2020 15:45:29</t>
  </si>
  <si>
    <t>01/21/2020 15:43:49</t>
  </si>
  <si>
    <t>83ff0b1f-ee72-44b3-96e6-6dcf60e0f5ae.tmp</t>
  </si>
  <si>
    <t>\\acsfs\profiles$\wedersonbadr\My Documents\My Music\83ff0b1f-ee72-44b3-96e6-6dcf60e0f5ae.tmp</t>
  </si>
  <si>
    <t>01/21/2020 15:43:11</t>
  </si>
  <si>
    <t>01/21/2020 15:46:29</t>
  </si>
  <si>
    <t>01/21/2020 15:44:11</t>
  </si>
  <si>
    <t>01/21/2020 15:44:00</t>
  </si>
  <si>
    <t>Erros operacionais - Dezembro.xlsx</t>
  </si>
  <si>
    <t>\\acsfs\ACS\Gabriel da Silva\Contemporânea\Gen\Erros operacionais - Dezembro.xlsx</t>
  </si>
  <si>
    <t>01/21/2020 15:44:35</t>
  </si>
  <si>
    <t>fd434110-023c-4c93-b5cd-bee67861b62b.tmp</t>
  </si>
  <si>
    <t>\\acsfs\profiles$\gabrielsma\Downloads\fd434110-023c-4c93-b5cd-bee67861b62b.tmp</t>
  </si>
  <si>
    <t>01/21/2020 15:44:40</t>
  </si>
  <si>
    <t>a20f1714-7b4b-4f7b-81e5-8347eb509730.tmp</t>
  </si>
  <si>
    <t>\\acsfs\profiles$\gabrielsma\Downloads\a20f1714-7b4b-4f7b-81e5-8347eb509730.tmp</t>
  </si>
  <si>
    <t>01/21/2020 15:44:46</t>
  </si>
  <si>
    <t>01/21/2020 15:45:54</t>
  </si>
  <si>
    <t>01/21/2020 15:41:39</t>
  </si>
  <si>
    <t>667f49eb-40a3-4c46-b868-27093bf9df80.tmp</t>
  </si>
  <si>
    <t>\\acsfs\profiles$\inarajst\Downloads\667f49eb-40a3-4c46-b868-27093bf9df80.tmp</t>
  </si>
  <si>
    <t>01/21/2020 15:47:29</t>
  </si>
  <si>
    <t>01/21/2020 15:41:38</t>
  </si>
  <si>
    <t>01/21/2020 15:41:42</t>
  </si>
  <si>
    <t>01/21/2020 15:41:47</t>
  </si>
  <si>
    <t>01/21/2020 15:41:51</t>
  </si>
  <si>
    <t>01/21/2020 15:41:55</t>
  </si>
  <si>
    <t>01/21/2020 15:41:59</t>
  </si>
  <si>
    <t>01/21/2020 15:42:04</t>
  </si>
  <si>
    <t>01/21/2020 15:42:09</t>
  </si>
  <si>
    <t>01/21/2020 15:42:15</t>
  </si>
  <si>
    <t>01/21/2020 15:42:23</t>
  </si>
  <si>
    <t>01/21/2020 15:42:28</t>
  </si>
  <si>
    <t>01/21/2020 15:42:32</t>
  </si>
  <si>
    <t>01/21/2020 15:42:37</t>
  </si>
  <si>
    <t>01/21/2020 15:42:41</t>
  </si>
  <si>
    <t>01/21/2020 15:42:45</t>
  </si>
  <si>
    <t>01/21/2020 15:42:50</t>
  </si>
  <si>
    <t>01/21/2020 15:42:54</t>
  </si>
  <si>
    <t>01/21/2020 15:42:59</t>
  </si>
  <si>
    <t>01/21/2020 15:43:04</t>
  </si>
  <si>
    <t>01/21/2020 15:43:09</t>
  </si>
  <si>
    <t>01/21/2020 15:43:13</t>
  </si>
  <si>
    <t>01/21/2020 15:43:17</t>
  </si>
  <si>
    <t>01/21/2020 15:43:21</t>
  </si>
  <si>
    <t>01/21/2020 15:43:26</t>
  </si>
  <si>
    <t>01/21/2020 15:43:31</t>
  </si>
  <si>
    <t>01/21/2020 15:43:35</t>
  </si>
  <si>
    <t>01/21/2020 15:43:39</t>
  </si>
  <si>
    <t>01/21/2020 15:43:43</t>
  </si>
  <si>
    <t>01/21/2020 15:43:47</t>
  </si>
  <si>
    <t>01/21/2020 15:43:51</t>
  </si>
  <si>
    <t>01/21/2020 15:43:53</t>
  </si>
  <si>
    <t>01/21/2020 15:43:55</t>
  </si>
  <si>
    <t>01/21/2020 15:44:04</t>
  </si>
  <si>
    <t>01/21/2020 15:44:08</t>
  </si>
  <si>
    <t>01/21/2020 15:44:12</t>
  </si>
  <si>
    <t>01/21/2020 15:44:16</t>
  </si>
  <si>
    <t>01/21/2020 15:44:20</t>
  </si>
  <si>
    <t>01/21/2020 15:44:24</t>
  </si>
  <si>
    <t>01/21/2020 15:44:28</t>
  </si>
  <si>
    <t>01/21/2020 15:44:33</t>
  </si>
  <si>
    <t>01/21/2020 15:44:37</t>
  </si>
  <si>
    <t>01/21/2020 15:44:41</t>
  </si>
  <si>
    <t>01/21/2020 15:44:45</t>
  </si>
  <si>
    <t>01/21/2020 15:44:49</t>
  </si>
  <si>
    <t>01/21/2020 15:44:53</t>
  </si>
  <si>
    <t>01/21/2020 15:44:58</t>
  </si>
  <si>
    <t>01/21/2020 15:45:02</t>
  </si>
  <si>
    <t>01/21/2020 15:45:06</t>
  </si>
  <si>
    <t>01/21/2020 15:45:10</t>
  </si>
  <si>
    <t>01/21/2020 15:45:15</t>
  </si>
  <si>
    <t>01/21/2020 15:45:19</t>
  </si>
  <si>
    <t>01/21/2020 15:45:23</t>
  </si>
  <si>
    <t>01/21/2020 15:45:27</t>
  </si>
  <si>
    <t>01/21/2020 15:45:32</t>
  </si>
  <si>
    <t>01/21/2020 15:45:36</t>
  </si>
  <si>
    <t>01/21/2020 15:45:40</t>
  </si>
  <si>
    <t>01/21/2020 15:45:44</t>
  </si>
  <si>
    <t>01/21/2020 15:45:48</t>
  </si>
  <si>
    <t>01/21/2020 15:45:53</t>
  </si>
  <si>
    <t>01/21/2020 15:45:57</t>
  </si>
  <si>
    <t>01/21/2020 15:46:01</t>
  </si>
  <si>
    <t>01/21/2020 15:46:05</t>
  </si>
  <si>
    <t>01/21/2020 15:46:09</t>
  </si>
  <si>
    <t>01/21/2020 15:46:13</t>
  </si>
  <si>
    <t>01/21/2020 15:46:17</t>
  </si>
  <si>
    <t>01/21/2020 15:46:22</t>
  </si>
  <si>
    <t>01/21/2020 15:46:26</t>
  </si>
  <si>
    <t>01/21/2020 15:46:30</t>
  </si>
  <si>
    <t>01/21/2020 15:46:34</t>
  </si>
  <si>
    <t>01/21/2020 15:46:38</t>
  </si>
  <si>
    <t>01/21/2020 15:45:55</t>
  </si>
  <si>
    <t>54d77c96-9f4d-48e3-b559-9e98cdcd054d.tmp</t>
  </si>
  <si>
    <t>\\acsfs\profiles$\LAISLG\Downloads\54d77c96-9f4d-48e3-b559-9e98cdcd054d.tmp</t>
  </si>
  <si>
    <t>dc8ed097-bf4d-4899-9502-03e2e37c9d3c.tmp</t>
  </si>
  <si>
    <t>\\acsfs\profiles$\myllenardl\Downloads\dc8ed097-bf4d-4899-9502-03e2e37c9d3c.tmp</t>
  </si>
  <si>
    <t>01/21/2020 15:45:39</t>
  </si>
  <si>
    <t>d78cf997-c405-44f5-8bd5-6469f8e20126.tmp</t>
  </si>
  <si>
    <t>\\acsfs\profiles$\myllenardl\Downloads\d78cf997-c405-44f5-8bd5-6469f8e20126.tmp</t>
  </si>
  <si>
    <t>01/21/2020 15:45:46</t>
  </si>
  <si>
    <t>cfa72927-60a0-48af-b620-95b62d2cd37d.tmp</t>
  </si>
  <si>
    <t>\\acsfs\profiles$\myllenardl\Downloads\cfa72927-60a0-48af-b620-95b62d2cd37d.tmp</t>
  </si>
  <si>
    <t>01/21/2020 15:46:51</t>
  </si>
  <si>
    <t>01/21/2020 15:48:30</t>
  </si>
  <si>
    <t>fernandaab@algartech.com;lilianls@algartech.com;mirianppb@algartech.com;</t>
  </si>
  <si>
    <t>fernandaab@algartech.com,lilianls@algartech.com,mirianppb@algartech.com</t>
  </si>
  <si>
    <t>01/21/2020 15:46:59</t>
  </si>
  <si>
    <t>01/21/2020 15:47:21</t>
  </si>
  <si>
    <t>01/21/2020 15:47:41</t>
  </si>
  <si>
    <t>01/21/2020 15:48:01</t>
  </si>
  <si>
    <t>01/21/2020 15:44:09</t>
  </si>
  <si>
    <t>a551ad9d-8581-4941-a1cb-b7ee3edc105c.tmp</t>
  </si>
  <si>
    <t>\\acsfs\profiles$\nycolleemdj\Downloads\a551ad9d-8581-4941-a1cb-b7ee3edc105c.tmp</t>
  </si>
  <si>
    <t>01/21/2020 15:45:18</t>
  </si>
  <si>
    <t>70512703-79b6-463a-961b-62d75ae23ef1.tmp</t>
  </si>
  <si>
    <t>\\acsfs\profiles$\erichds\Downloads\70512703-79b6-463a-961b-62d75ae23ef1.tmp</t>
  </si>
  <si>
    <t>01/21/2020 15:43:45</t>
  </si>
  <si>
    <t>01/21/2020 15:49:29</t>
  </si>
  <si>
    <t>01/21/2020 15:49:04</t>
  </si>
  <si>
    <t>01/21/2020 15:50:30</t>
  </si>
  <si>
    <t>159f2958-1030-44dd-b12c-ff7a1c4e3c12.tmp</t>
  </si>
  <si>
    <t>\\acsfs\profiles$\andreapdsg\Downloads\159f2958-1030-44dd-b12c-ff7a1c4e3c12.tmp</t>
  </si>
  <si>
    <t>01/21/2020 15:48:03</t>
  </si>
  <si>
    <t>2fc646fc-44da-497a-814a-0b2f8bacdc4c.tmp</t>
  </si>
  <si>
    <t>\\acsfs\profiles$\LUISPLS\Downloads\2fc646fc-44da-497a-814a-0b2f8bacdc4c.tmp</t>
  </si>
  <si>
    <t>01/21/2020 15:48:23</t>
  </si>
  <si>
    <t>879bc53d-5a83-4e1c-b510-2ac1bd044a9a.tmp</t>
  </si>
  <si>
    <t>\\acsfs\profiles$\wedersonbadr\My Documents\My Music\879bc53d-5a83-4e1c-b510-2ac1bd044a9a.tmp</t>
  </si>
  <si>
    <t>01/21/2020 15:49:07</t>
  </si>
  <si>
    <t>.~lock.Relatorio de Vendas - Auditoria BV Financeira - Janeiro_ - Cópia (1).xlsm#</t>
  </si>
  <si>
    <t>\\acsfs\profiles$\wedersonbadr\Downloads\.~lock.Relatorio de Vendas - Auditoria BV Financeira - Janeiro_ - Cópia (1).xlsm#</t>
  </si>
  <si>
    <t>01/21/2020 15:49:12</t>
  </si>
  <si>
    <t>01/21/2020 15:51:29</t>
  </si>
  <si>
    <t>01/21/2020 15:50:11</t>
  </si>
  <si>
    <t>01/21/2020 15:48:20</t>
  </si>
  <si>
    <t>6de73d76-9b1b-4256-9128-2700f461239c.tmp</t>
  </si>
  <si>
    <t>\\acsfs\profiles$\victoriaksr\Downloads\6de73d76-9b1b-4256-9128-2700f461239c.tmp</t>
  </si>
  <si>
    <t>01/21/2020 15:48:26</t>
  </si>
  <si>
    <t>.~lock.1721 1724 ate 21012020 (1).xlsx#</t>
  </si>
  <si>
    <t>\\acsfs\profiles$\victoriaksr\Downloads\.~lock.1721 1724 ate 21012020 (1).xlsx#</t>
  </si>
  <si>
    <t>01/21/2020 15:48:55</t>
  </si>
  <si>
    <t>01/21/2020 15:46:21</t>
  </si>
  <si>
    <t>01/21/2020 15:48:08</t>
  </si>
  <si>
    <t>01/21/2020 15:50:26</t>
  </si>
  <si>
    <t>ee765800-7c95-41f7-8d6e-774130917d36.tmp</t>
  </si>
  <si>
    <t>\\acsfs\profiles$\danielac\Downloads\ee765800-7c95-41f7-8d6e-774130917d36.tmp</t>
  </si>
  <si>
    <t>01/21/2020 15:48:57</t>
  </si>
  <si>
    <t>01/21/2020 15:49:02</t>
  </si>
  <si>
    <t>01/21/2020 15:49:11</t>
  </si>
  <si>
    <t>01/21/2020 15:49:22</t>
  </si>
  <si>
    <t>01/21/2020 15:49:33</t>
  </si>
  <si>
    <t>01/21/2020 15:49:40</t>
  </si>
  <si>
    <t>01/21/2020 15:49:51</t>
  </si>
  <si>
    <t>01/21/2020 15:49:59</t>
  </si>
  <si>
    <t>01/21/2020 15:50:15</t>
  </si>
  <si>
    <t>01/21/2020 15:50:16</t>
  </si>
  <si>
    <t>01/21/2020 15:46:42</t>
  </si>
  <si>
    <t>01/21/2020 15:52:30</t>
  </si>
  <si>
    <t>01/21/2020 15:46:46</t>
  </si>
  <si>
    <t>01/21/2020 15:46:55</t>
  </si>
  <si>
    <t>01/21/2020 15:47:03</t>
  </si>
  <si>
    <t>01/21/2020 15:47:08</t>
  </si>
  <si>
    <t>01/21/2020 15:47:12</t>
  </si>
  <si>
    <t>01/21/2020 15:47:16</t>
  </si>
  <si>
    <t>01/21/2020 15:47:26</t>
  </si>
  <si>
    <t>01/21/2020 15:47:30</t>
  </si>
  <si>
    <t>01/21/2020 15:47:35</t>
  </si>
  <si>
    <t>01/21/2020 15:47:39</t>
  </si>
  <si>
    <t>01/21/2020 15:47:43</t>
  </si>
  <si>
    <t>01/21/2020 15:47:48</t>
  </si>
  <si>
    <t>01/21/2020 15:47:52</t>
  </si>
  <si>
    <t>01/21/2020 15:47:56</t>
  </si>
  <si>
    <t>01/21/2020 15:48:00</t>
  </si>
  <si>
    <t>01/21/2020 15:48:04</t>
  </si>
  <si>
    <t>01/21/2020 15:48:09</t>
  </si>
  <si>
    <t>01/21/2020 15:48:14</t>
  </si>
  <si>
    <t>01/21/2020 15:48:18</t>
  </si>
  <si>
    <t>01/21/2020 15:48:22</t>
  </si>
  <si>
    <t>01/21/2020 15:48:27</t>
  </si>
  <si>
    <t>01/21/2020 15:48:31</t>
  </si>
  <si>
    <t>01/21/2020 15:48:35</t>
  </si>
  <si>
    <t>01/21/2020 15:48:39</t>
  </si>
  <si>
    <t>01/21/2020 15:48:43</t>
  </si>
  <si>
    <t>01/21/2020 15:48:48</t>
  </si>
  <si>
    <t>01/21/2020 15:48:52</t>
  </si>
  <si>
    <t>01/21/2020 15:48:56</t>
  </si>
  <si>
    <t>01/21/2020 15:49:00</t>
  </si>
  <si>
    <t>01/21/2020 15:49:08</t>
  </si>
  <si>
    <t>01/21/2020 15:49:13</t>
  </si>
  <si>
    <t>01/21/2020 15:49:17</t>
  </si>
  <si>
    <t>01/21/2020 15:49:18</t>
  </si>
  <si>
    <t>Natalia Cristina dos Santos Lima_1_6780680447571593720_1_32.wav</t>
  </si>
  <si>
    <t>\\acsfs\Deptos\EDUCACAO EMPRESARIAL\FERNANDA MONIT\Fernanda\MONITORIA JANEIRO\Ligaçoes para MUTANT terceiro ciclo janeiro\Natalia Cristina dos Santos Lima_1_6780680447571593720_1_32.wav</t>
  </si>
  <si>
    <t>01/21/2020 15:49:21</t>
  </si>
  <si>
    <t>01/21/2020 15:49:25</t>
  </si>
  <si>
    <t>01/21/2020 15:49:30</t>
  </si>
  <si>
    <t>01/21/2020 15:49:34</t>
  </si>
  <si>
    <t>01/21/2020 15:49:38</t>
  </si>
  <si>
    <t>01/21/2020 15:49:42</t>
  </si>
  <si>
    <t>01/21/2020 15:49:47</t>
  </si>
  <si>
    <t>01/21/2020 15:49:53</t>
  </si>
  <si>
    <t>01/21/2020 15:49:55</t>
  </si>
  <si>
    <t>01/21/2020 15:50:00</t>
  </si>
  <si>
    <t>01/21/2020 15:50:04</t>
  </si>
  <si>
    <t>01/21/2020 15:50:08</t>
  </si>
  <si>
    <t>01/21/2020 15:50:13</t>
  </si>
  <si>
    <t>01/21/2020 15:50:17</t>
  </si>
  <si>
    <t>01/21/2020 15:50:21</t>
  </si>
  <si>
    <t>01/21/2020 15:50:25</t>
  </si>
  <si>
    <t>01/21/2020 15:50:34</t>
  </si>
  <si>
    <t>01/21/2020 15:50:38</t>
  </si>
  <si>
    <t>01/21/2020 15:50:42</t>
  </si>
  <si>
    <t>01/21/2020 15:50:46</t>
  </si>
  <si>
    <t>01/21/2020 15:50:51</t>
  </si>
  <si>
    <t>01/21/2020 15:50:56</t>
  </si>
  <si>
    <t>01/21/2020 15:50:59</t>
  </si>
  <si>
    <t>01/21/2020 15:51:04</t>
  </si>
  <si>
    <t>01/21/2020 15:51:08</t>
  </si>
  <si>
    <t>01/21/2020 15:51:09</t>
  </si>
  <si>
    <t>01/21/2020 15:51:13</t>
  </si>
  <si>
    <t>01/21/2020 15:51:16</t>
  </si>
  <si>
    <t>01/21/2020 15:51:17</t>
  </si>
  <si>
    <t>01/21/2020 15:51:22</t>
  </si>
  <si>
    <t>01/21/2020 15:51:26</t>
  </si>
  <si>
    <t>01/21/2020 15:51:30</t>
  </si>
  <si>
    <t>01/21/2020 15:51:34</t>
  </si>
  <si>
    <t>01/21/2020 15:51:38</t>
  </si>
  <si>
    <t>01/21/2020 15:51:42</t>
  </si>
  <si>
    <t>01/21/2020 15:51:55</t>
  </si>
  <si>
    <t>01/21/2020 15:53:29</t>
  </si>
  <si>
    <t>01/21/2020 15:48:46</t>
  </si>
  <si>
    <t>01/21/2020 15:49:10</t>
  </si>
  <si>
    <t>01/21/2020 15:49:44</t>
  </si>
  <si>
    <t>01/21/2020 15:50:03</t>
  </si>
  <si>
    <t>01/21/2020 15:50:27</t>
  </si>
  <si>
    <t>01/21/2020 15:50:33</t>
  </si>
  <si>
    <t>01/21/2020 15:50:48</t>
  </si>
  <si>
    <t>01/21/2020 15:51:02</t>
  </si>
  <si>
    <t>01/21/2020 15:51:43</t>
  </si>
  <si>
    <t>01/21/2020 15:52:07</t>
  </si>
  <si>
    <t>01/21/2020 15:52:10</t>
  </si>
  <si>
    <t>01/21/2020 15:52:57</t>
  </si>
  <si>
    <t>01/21/2020 15:53:01</t>
  </si>
  <si>
    <t>01/21/2020 15:53:04</t>
  </si>
  <si>
    <t>01/21/2020 15:53:08</t>
  </si>
  <si>
    <t>01/21/2020 15:53:11</t>
  </si>
  <si>
    <t>01/21/2020 15:53:15</t>
  </si>
  <si>
    <t>01/21/2020 15:52:52</t>
  </si>
  <si>
    <t>01/21/2020 15:54:30</t>
  </si>
  <si>
    <t>01/21/2020 15:50:01</t>
  </si>
  <si>
    <t>87474419-2336-4422-8e5f-fdd7f887d7cc.tmp</t>
  </si>
  <si>
    <t>\\acsfs\profiles$\mariajaf\Downloads\87474419-2336-4422-8e5f-fdd7f887d7cc.tmp</t>
  </si>
  <si>
    <t>01/21/2020 15:55:12</t>
  </si>
  <si>
    <t>01/21/2020 15:56:29</t>
  </si>
  <si>
    <t>01/21/2020 15:51:54</t>
  </si>
  <si>
    <t>01/21/2020 15:54:06</t>
  </si>
  <si>
    <t>01/21/2020 15:54:10</t>
  </si>
  <si>
    <t>01/21/2020 15:57:30</t>
  </si>
  <si>
    <t>01/21/2020 15:53:43</t>
  </si>
  <si>
    <t>f887aa90-3c70-44a4-826d-bc6447e0d855.tmp</t>
  </si>
  <si>
    <t>\\acsfs\profiles$\lorrainerdl\Downloads\f887aa90-3c70-44a4-826d-bc6447e0d855.tmp</t>
  </si>
  <si>
    <t>01/21/2020 15:51:46</t>
  </si>
  <si>
    <t>01/21/2020 15:51:51</t>
  </si>
  <si>
    <t>01/21/2020 15:51:59</t>
  </si>
  <si>
    <t>01/21/2020 15:52:03</t>
  </si>
  <si>
    <t>01/21/2020 15:52:12</t>
  </si>
  <si>
    <t>01/21/2020 15:52:16</t>
  </si>
  <si>
    <t>01/21/2020 15:52:20</t>
  </si>
  <si>
    <t>01/21/2020 15:52:25</t>
  </si>
  <si>
    <t>01/21/2020 15:52:29</t>
  </si>
  <si>
    <t>01/21/2020 15:52:33</t>
  </si>
  <si>
    <t>01/21/2020 15:52:37</t>
  </si>
  <si>
    <t>01/21/2020 15:52:42</t>
  </si>
  <si>
    <t>01/21/2020 15:52:46</t>
  </si>
  <si>
    <t>01/21/2020 15:52:50</t>
  </si>
  <si>
    <t>01/21/2020 15:52:54</t>
  </si>
  <si>
    <t>01/21/2020 15:52:58</t>
  </si>
  <si>
    <t>01/21/2020 15:53:03</t>
  </si>
  <si>
    <t>01/21/2020 15:53:07</t>
  </si>
  <si>
    <t>01/21/2020 15:53:12</t>
  </si>
  <si>
    <t>01/21/2020 15:53:16</t>
  </si>
  <si>
    <t>01/21/2020 15:53:21</t>
  </si>
  <si>
    <t>01/21/2020 15:53:25</t>
  </si>
  <si>
    <t>01/21/2020 15:53:33</t>
  </si>
  <si>
    <t>01/21/2020 15:53:37</t>
  </si>
  <si>
    <t>01/21/2020 15:53:42</t>
  </si>
  <si>
    <t>01/21/2020 15:53:46</t>
  </si>
  <si>
    <t>01/21/2020 15:53:50</t>
  </si>
  <si>
    <t>01/21/2020 15:53:55</t>
  </si>
  <si>
    <t>01/21/2020 15:53:59</t>
  </si>
  <si>
    <t>01/21/2020 15:54:03</t>
  </si>
  <si>
    <t>01/21/2020 15:54:07</t>
  </si>
  <si>
    <t>01/21/2020 15:54:11</t>
  </si>
  <si>
    <t>01/21/2020 15:54:12</t>
  </si>
  <si>
    <t>01/21/2020 15:54:13</t>
  </si>
  <si>
    <t>01/21/2020 15:54:16</t>
  </si>
  <si>
    <t>01/21/2020 15:54:20</t>
  </si>
  <si>
    <t>01/21/2020 15:54:24</t>
  </si>
  <si>
    <t>01/21/2020 15:54:25</t>
  </si>
  <si>
    <t>01/21/2020 15:54:28</t>
  </si>
  <si>
    <t>01/21/2020 15:54:31</t>
  </si>
  <si>
    <t>01/21/2020 15:54:33</t>
  </si>
  <si>
    <t>01/21/2020 15:54:37</t>
  </si>
  <si>
    <t>01/21/2020 15:54:41</t>
  </si>
  <si>
    <t>01/21/2020 15:54:42</t>
  </si>
  <si>
    <t>01/21/2020 15:54:46</t>
  </si>
  <si>
    <t>01/21/2020 15:54:50</t>
  </si>
  <si>
    <t>01/21/2020 15:54:55</t>
  </si>
  <si>
    <t>01/21/2020 15:54:59</t>
  </si>
  <si>
    <t>01/21/2020 15:55:01</t>
  </si>
  <si>
    <t>01/21/2020 15:55:04</t>
  </si>
  <si>
    <t>01/21/2020 15:55:07</t>
  </si>
  <si>
    <t>01/21/2020 15:55:08</t>
  </si>
  <si>
    <t>01/21/2020 15:55:16</t>
  </si>
  <si>
    <t>01/21/2020 15:55:18</t>
  </si>
  <si>
    <t>01/21/2020 15:55:19</t>
  </si>
  <si>
    <t>01/21/2020 15:55:21</t>
  </si>
  <si>
    <t>01/21/2020 15:55:25</t>
  </si>
  <si>
    <t>01/21/2020 15:55:29</t>
  </si>
  <si>
    <t>01/21/2020 15:55:34</t>
  </si>
  <si>
    <t>01/21/2020 15:55:38</t>
  </si>
  <si>
    <t>01/21/2020 15:55:42</t>
  </si>
  <si>
    <t>01/21/2020 15:55:46</t>
  </si>
  <si>
    <t>01/21/2020 15:55:50</t>
  </si>
  <si>
    <t>01/21/2020 15:55:53</t>
  </si>
  <si>
    <t>01/21/2020 15:55:55</t>
  </si>
  <si>
    <t>01/21/2020 15:56:01</t>
  </si>
  <si>
    <t>01/21/2020 15:56:04</t>
  </si>
  <si>
    <t>01/21/2020 15:56:09</t>
  </si>
  <si>
    <t>01/21/2020 15:56:14</t>
  </si>
  <si>
    <t>01/21/2020 15:56:18</t>
  </si>
  <si>
    <t>01/21/2020 15:56:22</t>
  </si>
  <si>
    <t>01/21/2020 15:56:26</t>
  </si>
  <si>
    <t>01/21/2020 15:56:30</t>
  </si>
  <si>
    <t>01/21/2020 15:56:35</t>
  </si>
  <si>
    <t>01/21/2020 15:56:39</t>
  </si>
  <si>
    <t>01/21/2020 15:56:43</t>
  </si>
  <si>
    <t>01/21/2020 15:56:47</t>
  </si>
  <si>
    <t>01/21/2020 15:56:51</t>
  </si>
  <si>
    <t>01/21/2020 15:56:56</t>
  </si>
  <si>
    <t>01/21/2020 15:58:29</t>
  </si>
  <si>
    <t>01/21/2020 15:53:56</t>
  </si>
  <si>
    <t>01/21/2020 15:54:15</t>
  </si>
  <si>
    <t>01/21/2020 15:54:51</t>
  </si>
  <si>
    <t>01/21/2020 15:54:56</t>
  </si>
  <si>
    <t>01/21/2020 15:56:42</t>
  </si>
  <si>
    <t>01/21/2020 15:58:15</t>
  </si>
  <si>
    <t>fernandaab@algartech.com;larisacc@algartech.com;lilianls@algartech.com;marianerdo@algartech.com;mirianppb@algartech.com;talmaiardo@algartech.com;thiagordu@algartech.com;vitorgmp@algartech.com;</t>
  </si>
  <si>
    <t>fernandaab@algartech.com,larisacc@algartech.com,lilianls@algartech.com,marianerdo@algartech.com,mirianppb@algartech.com,talmaiardo@algartech.com,thiagordu@algartech.com,vitorgmp@algartech.com</t>
  </si>
  <si>
    <t>01/21/2020 15:57:20</t>
  </si>
  <si>
    <t>01/21/2020 15:59:30</t>
  </si>
  <si>
    <t>priscilla2.docx</t>
  </si>
  <si>
    <t>01/21/2020 15:57:24</t>
  </si>
  <si>
    <t>01/21/2020 15:57:42</t>
  </si>
  <si>
    <t>01/21/2020 15:57:46</t>
  </si>
  <si>
    <t>01/21/2020 15:57:33</t>
  </si>
  <si>
    <t>351f38a2-b160-4509-9cb6-46078a5596e9.tmp</t>
  </si>
  <si>
    <t>\\acsfs\profiles$\gabrielamdp\Downloads\351f38a2-b160-4509-9cb6-46078a5596e9.tmp</t>
  </si>
  <si>
    <t>01/21/2020 15:56:54</t>
  </si>
  <si>
    <t>7dde95d1-3320-40a1-a6de-8482c2c30a4c.tmp</t>
  </si>
  <si>
    <t>\\acsfs\profiles$\KARENDSR\Downloads\7dde95d1-3320-40a1-a6de-8482c2c30a4c.tmp</t>
  </si>
  <si>
    <t>01/21/2020 15:56:00</t>
  </si>
  <si>
    <t>01/21/2020 16:00:29</t>
  </si>
  <si>
    <t>1c609f4a-5b9c-420d-a5bc-276060d97c4b.tmp</t>
  </si>
  <si>
    <t>\\acsfs\profiles$\andreapdsg\Downloads\1c609f4a-5b9c-420d-a5bc-276060d97c4b.tmp</t>
  </si>
  <si>
    <t>01/21/2020 15:56:15</t>
  </si>
  <si>
    <t>ce9e028d-b152-4190-9b74-74fc7f59cadd.tmp</t>
  </si>
  <si>
    <t>\\acsfs\profiles$\andreapdsg\Downloads\ce9e028d-b152-4190-9b74-74fc7f59cadd.tmp</t>
  </si>
  <si>
    <t>01/21/2020 15:59:02</t>
  </si>
  <si>
    <t>01/21/2020 15:59:03</t>
  </si>
  <si>
    <t>01/21/2020 15:56:12</t>
  </si>
  <si>
    <t>01/21/2020 16:01:29</t>
  </si>
  <si>
    <t>01/21/2020 15:59:27</t>
  </si>
  <si>
    <t>8b2ff08d-f5fb-44de-80a5-548aa3bb9b56.tmp</t>
  </si>
  <si>
    <t>\\acsfs\profiles$\andressamf\Downloads\8b2ff08d-f5fb-44de-80a5-548aa3bb9b56.tmp</t>
  </si>
  <si>
    <t>01/21/2020 15:56:36</t>
  </si>
  <si>
    <t>01/21/2020 15:57:54</t>
  </si>
  <si>
    <t>01/21/2020 16:02:30</t>
  </si>
  <si>
    <t>01/21/2020 16:01:43</t>
  </si>
  <si>
    <t>f9771048-e77f-4388-bc28-8cd3412b9453.tmp</t>
  </si>
  <si>
    <t>\\acsfs\profiles$\laurandos\Downloads\f9771048-e77f-4388-bc28-8cd3412b9453.tmp</t>
  </si>
  <si>
    <t>01/21/2020 15:57:10</t>
  </si>
  <si>
    <t>2ff8057c-81e1-4708-9d08-bdf1aebfd1b6.tmp</t>
  </si>
  <si>
    <t>\\acsfs\profiles$\lorrainerdl\Downloads\2ff8057c-81e1-4708-9d08-bdf1aebfd1b6.tmp</t>
  </si>
  <si>
    <t>01/21/2020 15:57:00</t>
  </si>
  <si>
    <t>01/21/2020 16:03:30</t>
  </si>
  <si>
    <t>01/21/2020 15:57:04</t>
  </si>
  <si>
    <t>01/21/2020 15:57:09</t>
  </si>
  <si>
    <t>01/21/2020 15:57:12</t>
  </si>
  <si>
    <t>01/21/2020 15:57:18</t>
  </si>
  <si>
    <t>01/21/2020 15:57:22</t>
  </si>
  <si>
    <t>01/21/2020 15:57:26</t>
  </si>
  <si>
    <t>01/21/2020 15:57:34</t>
  </si>
  <si>
    <t>01/21/2020 15:57:38</t>
  </si>
  <si>
    <t>01/21/2020 15:57:43</t>
  </si>
  <si>
    <t>01/21/2020 15:57:47</t>
  </si>
  <si>
    <t>01/21/2020 15:57:51</t>
  </si>
  <si>
    <t>01/21/2020 15:57:55</t>
  </si>
  <si>
    <t>01/21/2020 15:58:00</t>
  </si>
  <si>
    <t>01/21/2020 15:58:04</t>
  </si>
  <si>
    <t>01/21/2020 15:58:08</t>
  </si>
  <si>
    <t>01/21/2020 15:58:12</t>
  </si>
  <si>
    <t>01/21/2020 15:58:16</t>
  </si>
  <si>
    <t>01/21/2020 15:58:21</t>
  </si>
  <si>
    <t>01/21/2020 15:58:25</t>
  </si>
  <si>
    <t>01/21/2020 15:58:33</t>
  </si>
  <si>
    <t>01/21/2020 15:58:37</t>
  </si>
  <si>
    <t>01/21/2020 15:58:41</t>
  </si>
  <si>
    <t>01/21/2020 15:58:46</t>
  </si>
  <si>
    <t>01/21/2020 15:58:51</t>
  </si>
  <si>
    <t>01/21/2020 15:58:55</t>
  </si>
  <si>
    <t>01/21/2020 15:58:59</t>
  </si>
  <si>
    <t>01/21/2020 15:59:07</t>
  </si>
  <si>
    <t>01/21/2020 15:59:12</t>
  </si>
  <si>
    <t>01/21/2020 15:59:16</t>
  </si>
  <si>
    <t>01/21/2020 15:59:20</t>
  </si>
  <si>
    <t>01/21/2020 15:59:24</t>
  </si>
  <si>
    <t>01/21/2020 15:59:28</t>
  </si>
  <si>
    <t>01/21/2020 15:59:29</t>
  </si>
  <si>
    <t>01/21/2020 15:59:31</t>
  </si>
  <si>
    <t>01/21/2020 15:59:32</t>
  </si>
  <si>
    <t>01/21/2020 15:59:33</t>
  </si>
  <si>
    <t>01/21/2020 15:59:37</t>
  </si>
  <si>
    <t>01/21/2020 15:59:41</t>
  </si>
  <si>
    <t>01/21/2020 15:59:46</t>
  </si>
  <si>
    <t>01/21/2020 15:59:50</t>
  </si>
  <si>
    <t>01/21/2020 15:59:54</t>
  </si>
  <si>
    <t>01/21/2020 15:59:58</t>
  </si>
  <si>
    <t>01/21/2020 16:00:03</t>
  </si>
  <si>
    <t>01/21/2020 16:00:07</t>
  </si>
  <si>
    <t>01/21/2020 16:00:11</t>
  </si>
  <si>
    <t>01/21/2020 16:00:16</t>
  </si>
  <si>
    <t>01/21/2020 16:00:20</t>
  </si>
  <si>
    <t>01/21/2020 16:00:24</t>
  </si>
  <si>
    <t>01/21/2020 16:00:28</t>
  </si>
  <si>
    <t>01/21/2020 16:00:33</t>
  </si>
  <si>
    <t>01/21/2020 16:00:38</t>
  </si>
  <si>
    <t>01/21/2020 16:00:42</t>
  </si>
  <si>
    <t>01/21/2020 16:00:46</t>
  </si>
  <si>
    <t>01/21/2020 16:00:50</t>
  </si>
  <si>
    <t>01/21/2020 16:00:54</t>
  </si>
  <si>
    <t>01/21/2020 16:00:59</t>
  </si>
  <si>
    <t>01/21/2020 16:01:03</t>
  </si>
  <si>
    <t>01/21/2020 16:01:07</t>
  </si>
  <si>
    <t>01/21/2020 16:01:11</t>
  </si>
  <si>
    <t>01/21/2020 16:01:15</t>
  </si>
  <si>
    <t>01/21/2020 16:01:20</t>
  </si>
  <si>
    <t>01/21/2020 16:01:25</t>
  </si>
  <si>
    <t>01/21/2020 16:01:31</t>
  </si>
  <si>
    <t>01/21/2020 16:01:34</t>
  </si>
  <si>
    <t>01/21/2020 16:01:38</t>
  </si>
  <si>
    <t>01/21/2020 16:01:42</t>
  </si>
  <si>
    <t>01/21/2020 16:01:46</t>
  </si>
  <si>
    <t>01/21/2020 16:01:49</t>
  </si>
  <si>
    <t>01/21/2020 16:01:51</t>
  </si>
  <si>
    <t>01/21/2020 16:01:53</t>
  </si>
  <si>
    <t>01/21/2020 16:01:55</t>
  </si>
  <si>
    <t>01/21/2020 16:01:59</t>
  </si>
  <si>
    <t>01/21/2020 16:02:00</t>
  </si>
  <si>
    <t>01/21/2020 16:02:04</t>
  </si>
  <si>
    <t>01/21/2020 16:02:09</t>
  </si>
  <si>
    <t>01/21/2020 16:02:13</t>
  </si>
  <si>
    <t>01/21/2020 16:02:14</t>
  </si>
  <si>
    <t>01/21/2020 16:02:17</t>
  </si>
  <si>
    <t>01/21/2020 16:02:21</t>
  </si>
  <si>
    <t>01/21/2020 16:02:27</t>
  </si>
  <si>
    <t>01/21/2020 16:03:12</t>
  </si>
  <si>
    <t>JONATHAN WILLIAM ALVES PEREIRA_1_6781013002594359938_1_32.wav</t>
  </si>
  <si>
    <t>\\acsfs\Deptos\EDUCACAO EMPRESARIAL\KÉSIA\Ligações 3º ciclo - Janeiro 2020\JONATHAN WILLIAM ALVES PEREIRA_1_6781013002594359938_1_32.wav</t>
  </si>
  <si>
    <t>01/21/2020 16:03:14</t>
  </si>
  <si>
    <t>01/21/2020 16:04:31</t>
  </si>
  <si>
    <t>01/21/2020 16:01:12</t>
  </si>
  <si>
    <t>01/21/2020 16:06:31</t>
  </si>
  <si>
    <t>01/21/2020 16:02:12</t>
  </si>
  <si>
    <t>01/21/2020 16:02:42</t>
  </si>
  <si>
    <t>https://udpmailboxap01.acs.com.br:8443/h/search?si=0&amp;so=0&amp;sc=80804&amp;sfi=2&amp;st=conversation&amp;action=compose</t>
  </si>
  <si>
    <t>01/21/2020 16:01:37</t>
  </si>
  <si>
    <t>01/21/2020 16:02:33</t>
  </si>
  <si>
    <t>01/21/2020 16:03:55</t>
  </si>
  <si>
    <t>01/21/2020 16:05:49</t>
  </si>
  <si>
    <t>01/21/2020 16:06:03</t>
  </si>
  <si>
    <t>01/21/2020 16:06:08</t>
  </si>
  <si>
    <t>01/21/2020 16:06:09</t>
  </si>
  <si>
    <t>01/21/2020 16:06:17</t>
  </si>
  <si>
    <t>01/21/2020 16:07:30</t>
  </si>
  <si>
    <t>01/21/2020 16:06:32</t>
  </si>
  <si>
    <t>5db5eeb4-48f2-4cfb-b15d-92fa9faae37f.tmp</t>
  </si>
  <si>
    <t>\\acsfs\profiles$\laurandos\Downloads\5db5eeb4-48f2-4cfb-b15d-92fa9faae37f.tmp</t>
  </si>
  <si>
    <t>01/21/2020 16:02:47</t>
  </si>
  <si>
    <t>8d080c08-cb63-4633-b7e2-78530ce53995.tmp</t>
  </si>
  <si>
    <t>\\acsfs\profiles$\laurandos\Downloads\8d080c08-cb63-4633-b7e2-78530ce53995.tmp</t>
  </si>
  <si>
    <t>01/21/2020 16:02:31</t>
  </si>
  <si>
    <t>01/21/2020 16:08:30</t>
  </si>
  <si>
    <t>01/21/2020 16:02:35</t>
  </si>
  <si>
    <t>01/21/2020 16:02:41</t>
  </si>
  <si>
    <t>01/21/2020 16:02:46</t>
  </si>
  <si>
    <t>01/21/2020 16:02:51</t>
  </si>
  <si>
    <t>01/21/2020 16:02:55</t>
  </si>
  <si>
    <t>01/21/2020 16:03:00</t>
  </si>
  <si>
    <t>01/21/2020 16:03:05</t>
  </si>
  <si>
    <t>01/21/2020 16:03:11</t>
  </si>
  <si>
    <t>01/21/2020 16:03:18</t>
  </si>
  <si>
    <t>01/21/2020 16:03:22</t>
  </si>
  <si>
    <t>01/21/2020 16:03:26</t>
  </si>
  <si>
    <t>01/21/2020 16:03:32</t>
  </si>
  <si>
    <t>01/21/2020 16:03:36</t>
  </si>
  <si>
    <t>01/21/2020 16:03:40</t>
  </si>
  <si>
    <t>01/21/2020 16:03:45</t>
  </si>
  <si>
    <t>01/21/2020 16:03:49</t>
  </si>
  <si>
    <t>01/21/2020 16:03:54</t>
  </si>
  <si>
    <t>01/21/2020 16:03:58</t>
  </si>
  <si>
    <t>01/21/2020 16:04:02</t>
  </si>
  <si>
    <t>01/21/2020 16:04:06</t>
  </si>
  <si>
    <t>01/21/2020 16:04:11</t>
  </si>
  <si>
    <t>01/21/2020 16:04:16</t>
  </si>
  <si>
    <t>01/21/2020 16:04:20</t>
  </si>
  <si>
    <t>01/21/2020 16:04:24</t>
  </si>
  <si>
    <t>01/21/2020 16:04:28</t>
  </si>
  <si>
    <t>01/21/2020 16:04:34</t>
  </si>
  <si>
    <t>01/21/2020 16:04:39</t>
  </si>
  <si>
    <t>01/21/2020 16:04:43</t>
  </si>
  <si>
    <t>01/21/2020 16:04:47</t>
  </si>
  <si>
    <t>01/21/2020 16:04:51</t>
  </si>
  <si>
    <t>01/21/2020 16:04:55</t>
  </si>
  <si>
    <t>01/21/2020 16:04:59</t>
  </si>
  <si>
    <t>01/21/2020 16:05:04</t>
  </si>
  <si>
    <t>01/21/2020 16:05:08</t>
  </si>
  <si>
    <t>01/21/2020 16:05:12</t>
  </si>
  <si>
    <t>01/21/2020 16:05:17</t>
  </si>
  <si>
    <t>01/21/2020 16:05:21</t>
  </si>
  <si>
    <t>01/21/2020 16:05:25</t>
  </si>
  <si>
    <t>01/21/2020 16:05:29</t>
  </si>
  <si>
    <t>01/21/2020 16:05:34</t>
  </si>
  <si>
    <t>01/21/2020 16:05:38</t>
  </si>
  <si>
    <t>01/21/2020 16:05:42</t>
  </si>
  <si>
    <t>01/21/2020 16:05:46</t>
  </si>
  <si>
    <t>01/21/2020 16:05:50</t>
  </si>
  <si>
    <t>01/21/2020 16:05:55</t>
  </si>
  <si>
    <t>01/21/2020 16:05:59</t>
  </si>
  <si>
    <t>01/21/2020 16:06:07</t>
  </si>
  <si>
    <t>01/21/2020 16:06:12</t>
  </si>
  <si>
    <t>01/21/2020 16:06:19</t>
  </si>
  <si>
    <t>01/21/2020 16:06:22</t>
  </si>
  <si>
    <t>01/21/2020 16:06:24</t>
  </si>
  <si>
    <t>01/21/2020 16:06:28</t>
  </si>
  <si>
    <t>01/21/2020 16:06:36</t>
  </si>
  <si>
    <t>01/21/2020 16:06:41</t>
  </si>
  <si>
    <t>01/21/2020 16:06:45</t>
  </si>
  <si>
    <t>01/21/2020 16:06:50</t>
  </si>
  <si>
    <t>01/21/2020 16:06:54</t>
  </si>
  <si>
    <t>01/21/2020 16:06:59</t>
  </si>
  <si>
    <t>01/21/2020 16:07:03</t>
  </si>
  <si>
    <t>01/21/2020 16:07:04</t>
  </si>
  <si>
    <t>01/21/2020 16:07:07</t>
  </si>
  <si>
    <t>01/21/2020 16:07:08</t>
  </si>
  <si>
    <t>01/21/2020 16:07:11</t>
  </si>
  <si>
    <t>01/21/2020 16:07:16</t>
  </si>
  <si>
    <t>01/21/2020 16:07:21</t>
  </si>
  <si>
    <t>01/21/2020 16:07:26</t>
  </si>
  <si>
    <t>01/21/2020 16:07:31</t>
  </si>
  <si>
    <t>01/21/2020 16:07:40</t>
  </si>
  <si>
    <t>01/21/2020 16:07:38</t>
  </si>
  <si>
    <t>78f790ba-5864-4f7e-8ec2-cf0067263038.tmp</t>
  </si>
  <si>
    <t>\\acsfs\profiles$\paulohaf\Downloads\78f790ba-5864-4f7e-8ec2-cf0067263038.tmp</t>
  </si>
  <si>
    <t>01/21/2020 16:04:40</t>
  </si>
  <si>
    <t>1eb4b05a-de9c-4f06-b14f-62525d221c82.tmp</t>
  </si>
  <si>
    <t>\\acsfs\profiles$\philipegsf\Downloads\1eb4b05a-de9c-4f06-b14f-62525d221c82.tmp</t>
  </si>
  <si>
    <t>01/21/2020 16:08:00</t>
  </si>
  <si>
    <t>01/21/2020 16:09:31</t>
  </si>
  <si>
    <t>100014122394468;100014193183075;senildapdo@algartech.com;viniciussg@algartech.com;</t>
  </si>
  <si>
    <t>https://100014122394468,100014193183075,senildapdo@algartech.com,viniciussg@algartech.com</t>
  </si>
  <si>
    <t>01/21/2020 16:04:44</t>
  </si>
  <si>
    <t>lu2733221pk5d.tmp</t>
  </si>
  <si>
    <t>\\acsfs\profiles$\RAFAELRF\meu\lu2733221pk5d.tmp</t>
  </si>
  <si>
    <t>01/21/2020 16:04:52</t>
  </si>
  <si>
    <t>01/21/2020 16:04:53</t>
  </si>
  <si>
    <t>lu2733221pk5l.tmp</t>
  </si>
  <si>
    <t>\\acsfs\profiles$\RAFAELRF\meu\lu2733221pk5l.tmp</t>
  </si>
  <si>
    <t>\\acsfs\profiles$\RAFAELRF\meu\lu2733221pk5l.tmp\</t>
  </si>
  <si>
    <t>\\acsfs\profiles$\RAFAELRF\meu\lu2733221pk5l.tmp\META-INF\</t>
  </si>
  <si>
    <t>\\acsfs\profiles$\RAFAELRF\meu\lu2733221pk5l.tmp\Thumbnails\</t>
  </si>
  <si>
    <t>01/21/2020 16:08:19</t>
  </si>
  <si>
    <t>01/21/2020 16:10:30</t>
  </si>
  <si>
    <t>01/21/2020 16:07:50</t>
  </si>
  <si>
    <t>01/21/2020 16:08:11</t>
  </si>
  <si>
    <t>01/21/2020 16:08:13</t>
  </si>
  <si>
    <t>lu289644mj3.tmp</t>
  </si>
  <si>
    <t>\\acsfs\profiles$\jonathanwap\lu289644mj3.tmp</t>
  </si>
  <si>
    <t>\\acsfs\profiles$\jonathanwap\lu289644mj3.tmp\</t>
  </si>
  <si>
    <t>\\acsfs\profiles$\jonathanwap\lu289644mj3.tmp\META-INF\</t>
  </si>
  <si>
    <t>\\acsfs\profiles$\jonathanwap\lu289644mj3.tmp\Thumbnails\</t>
  </si>
  <si>
    <t>01/21/2020 16:07:12</t>
  </si>
  <si>
    <t>01/21/2020 16:11:31</t>
  </si>
  <si>
    <t>01/21/2020 16:08:12</t>
  </si>
  <si>
    <t>01/21/2020 16:08:28</t>
  </si>
  <si>
    <t>https://udpmailboxap01.acs.com.br:8443/h/search?si=1&amp;so=0&amp;sc=80830&amp;sfi=2&amp;st=conversation&amp;action=compose&amp;id=2820&amp;paction=view&amp;rf=html&amp;op=forward</t>
  </si>
  <si>
    <t>01/21/2020 16:09:14</t>
  </si>
  <si>
    <t>01/21/2020 16:09:55</t>
  </si>
  <si>
    <t>01/21/2020 16:10:22</t>
  </si>
  <si>
    <t>01/21/2020 16:09:19</t>
  </si>
  <si>
    <t>01/21/2020 16:12:30</t>
  </si>
  <si>
    <t>01/21/2020 16:11:33</t>
  </si>
  <si>
    <t>01/21/2020 16:11:34</t>
  </si>
  <si>
    <t>lu367564u1u0t.tmp</t>
  </si>
  <si>
    <t>\\acsfs\profiles$\rafaelacdoc\lu367564u1u0t.tmp</t>
  </si>
  <si>
    <t>\\acsfs\profiles$\rafaelacdoc\lu367564u1u0t.tmp\</t>
  </si>
  <si>
    <t>\\acsfs\profiles$\rafaelacdoc\lu367564u1u0t.tmp\META-INF\</t>
  </si>
  <si>
    <t>\\acsfs\profiles$\rafaelacdoc\lu367564u1u0t.tmp\Thumbnails\</t>
  </si>
  <si>
    <t>01/21/2020 16:11:37</t>
  </si>
  <si>
    <t>lu367564u1u0w.tmp</t>
  </si>
  <si>
    <t>\\acsfs\profiles$\rafaelacdoc\lu367564u1u0w.tmp</t>
  </si>
  <si>
    <t>\\acsfs\profiles$\rafaelacdoc\lu367564u1u0w.tmp\</t>
  </si>
  <si>
    <t>\\acsfs\profiles$\rafaelacdoc\lu367564u1u0w.tmp\META-INF\</t>
  </si>
  <si>
    <t>\\acsfs\profiles$\rafaelacdoc\lu367564u1u0w.tmp\Thumbnails\</t>
  </si>
  <si>
    <t>01/21/2020 16:11:41</t>
  </si>
  <si>
    <t>01/21/2020 16:09:24</t>
  </si>
  <si>
    <t>01/21/2020 16:13:30</t>
  </si>
  <si>
    <t>01/21/2020 16:11:46</t>
  </si>
  <si>
    <t>XLOG_vanessacgs_21012020_084900.log</t>
  </si>
  <si>
    <t>\\acsfs\profiles$\vanessacgs\My Documents\xworkcenter\logs\XLOG_vanessacgs_21012020_084900.log</t>
  </si>
  <si>
    <t>01/21/2020 16:07:49</t>
  </si>
  <si>
    <t>01/21/2020 16:07:54</t>
  </si>
  <si>
    <t>01/21/2020 16:07:55</t>
  </si>
  <si>
    <t>01/21/2020 16:08:05</t>
  </si>
  <si>
    <t>01/21/2020 16:08:10</t>
  </si>
  <si>
    <t>01/21/2020 16:08:16</t>
  </si>
  <si>
    <t>01/21/2020 16:08:22</t>
  </si>
  <si>
    <t>01/21/2020 16:08:27</t>
  </si>
  <si>
    <t>01/21/2020 16:08:31</t>
  </si>
  <si>
    <t>01/21/2020 16:08:35</t>
  </si>
  <si>
    <t>01/21/2020 16:08:40</t>
  </si>
  <si>
    <t>01/21/2020 16:08:44</t>
  </si>
  <si>
    <t>01/21/2020 16:08:49</t>
  </si>
  <si>
    <t>01/21/2020 16:08:53</t>
  </si>
  <si>
    <t>01/21/2020 16:08:57</t>
  </si>
  <si>
    <t>01/21/2020 16:09:01</t>
  </si>
  <si>
    <t>01/21/2020 16:09:05</t>
  </si>
  <si>
    <t>01/21/2020 16:09:10</t>
  </si>
  <si>
    <t>01/21/2020 16:09:26</t>
  </si>
  <si>
    <t>01/21/2020 16:09:30</t>
  </si>
  <si>
    <t>01/21/2020 16:09:35</t>
  </si>
  <si>
    <t>01/21/2020 16:09:39</t>
  </si>
  <si>
    <t>01/21/2020 16:09:43</t>
  </si>
  <si>
    <t>01/21/2020 16:09:48</t>
  </si>
  <si>
    <t>01/21/2020 16:09:52</t>
  </si>
  <si>
    <t>01/21/2020 16:09:56</t>
  </si>
  <si>
    <t>01/21/2020 16:10:01</t>
  </si>
  <si>
    <t>01/21/2020 16:10:05</t>
  </si>
  <si>
    <t>01/21/2020 16:10:09</t>
  </si>
  <si>
    <t>01/21/2020 16:10:13</t>
  </si>
  <si>
    <t>01/21/2020 16:10:17</t>
  </si>
  <si>
    <t>01/21/2020 16:10:26</t>
  </si>
  <si>
    <t>01/21/2020 16:10:34</t>
  </si>
  <si>
    <t>f6a506a2-dc10-4f04-8b5a-5699a81cccff.tmp</t>
  </si>
  <si>
    <t>\\acsfs\profiles$\paulohaf\Downloads\f6a506a2-dc10-4f04-8b5a-5699a81cccff.tmp</t>
  </si>
  <si>
    <t>01/21/2020 16:10:38</t>
  </si>
  <si>
    <t>01/21/2020 16:10:43</t>
  </si>
  <si>
    <t>01/21/2020 16:10:48</t>
  </si>
  <si>
    <t>01/21/2020 16:10:52</t>
  </si>
  <si>
    <t>01/21/2020 16:10:56</t>
  </si>
  <si>
    <t>01/21/2020 16:11:00</t>
  </si>
  <si>
    <t>01/21/2020 16:11:04</t>
  </si>
  <si>
    <t>01/21/2020 16:11:08</t>
  </si>
  <si>
    <t>01/21/2020 16:11:13</t>
  </si>
  <si>
    <t>01/21/2020 16:11:18</t>
  </si>
  <si>
    <t>01/21/2020 16:11:23</t>
  </si>
  <si>
    <t>01/21/2020 16:11:28</t>
  </si>
  <si>
    <t>01/21/2020 16:11:32</t>
  </si>
  <si>
    <t>01/21/2020 16:11:38</t>
  </si>
  <si>
    <t>01/21/2020 16:11:43</t>
  </si>
  <si>
    <t>01/21/2020 16:11:50</t>
  </si>
  <si>
    <t>01/21/2020 16:11:55</t>
  </si>
  <si>
    <t>01/21/2020 16:11:59</t>
  </si>
  <si>
    <t>01/21/2020 16:12:03</t>
  </si>
  <si>
    <t>01/21/2020 16:12:07</t>
  </si>
  <si>
    <t>01/21/2020 16:12:11</t>
  </si>
  <si>
    <t>01/21/2020 16:12:16</t>
  </si>
  <si>
    <t>01/21/2020 16:12:20</t>
  </si>
  <si>
    <t>01/21/2020 16:12:24</t>
  </si>
  <si>
    <t>01/21/2020 16:12:28</t>
  </si>
  <si>
    <t>01/21/2020 16:12:32</t>
  </si>
  <si>
    <t>01/21/2020 16:12:36</t>
  </si>
  <si>
    <t>01/21/2020 16:12:37</t>
  </si>
  <si>
    <t>01/21/2020 16:12:41</t>
  </si>
  <si>
    <t>01/21/2020 16:12:45</t>
  </si>
  <si>
    <t>01/21/2020 16:12:49</t>
  </si>
  <si>
    <t>01/21/2020 16:09:28</t>
  </si>
  <si>
    <t>01/21/2020 16:14:30</t>
  </si>
  <si>
    <t>d4b8116b-49c0-4111-a414-50a29b3c39e0.tmp</t>
  </si>
  <si>
    <t>\\acsfs\profiles$\gabrielamdp\Downloads\d4b8116b-49c0-4111-a414-50a29b3c39e0.tmp</t>
  </si>
  <si>
    <t>01/21/2020 16:09:32</t>
  </si>
  <si>
    <t>01/21/2020 16:13:12</t>
  </si>
  <si>
    <t>01/21/2020 16:16:31</t>
  </si>
  <si>
    <t>01/21/2020 16:14:12</t>
  </si>
  <si>
    <t>01/21/2020 16:13:54</t>
  </si>
  <si>
    <t>01/21/2020 16:15:04</t>
  </si>
  <si>
    <t>01/21/2020 16:15:55</t>
  </si>
  <si>
    <t>01/21/2020 16:14:06</t>
  </si>
  <si>
    <t>01/21/2020 16:12:54</t>
  </si>
  <si>
    <t>01/21/2020 16:18:31</t>
  </si>
  <si>
    <t>01/21/2020 16:12:58</t>
  </si>
  <si>
    <t>01/21/2020 16:13:02</t>
  </si>
  <si>
    <t>01/21/2020 16:13:06</t>
  </si>
  <si>
    <t>01/21/2020 16:13:11</t>
  </si>
  <si>
    <t>01/21/2020 16:13:15</t>
  </si>
  <si>
    <t>01/21/2020 16:13:20</t>
  </si>
  <si>
    <t>01/21/2020 16:13:24</t>
  </si>
  <si>
    <t>01/21/2020 16:13:28</t>
  </si>
  <si>
    <t>01/21/2020 16:13:32</t>
  </si>
  <si>
    <t>01/21/2020 16:13:36</t>
  </si>
  <si>
    <t>01/21/2020 16:13:41</t>
  </si>
  <si>
    <t>01/21/2020 16:13:45</t>
  </si>
  <si>
    <t>01/21/2020 16:13:49</t>
  </si>
  <si>
    <t>01/21/2020 16:13:53</t>
  </si>
  <si>
    <t>01/21/2020 16:13:57</t>
  </si>
  <si>
    <t>01/21/2020 16:14:01</t>
  </si>
  <si>
    <t>01/21/2020 16:14:10</t>
  </si>
  <si>
    <t>01/21/2020 16:14:14</t>
  </si>
  <si>
    <t>01/21/2020 16:14:18</t>
  </si>
  <si>
    <t>01/21/2020 16:14:22</t>
  </si>
  <si>
    <t>01/21/2020 16:14:27</t>
  </si>
  <si>
    <t>01/21/2020 16:14:32</t>
  </si>
  <si>
    <t>01/21/2020 16:14:36</t>
  </si>
  <si>
    <t>01/21/2020 16:14:40</t>
  </si>
  <si>
    <t>01/21/2020 16:14:44</t>
  </si>
  <si>
    <t>01/21/2020 16:14:49</t>
  </si>
  <si>
    <t>01/21/2020 16:14:53</t>
  </si>
  <si>
    <t>01/21/2020 16:14:57</t>
  </si>
  <si>
    <t>01/21/2020 16:15:02</t>
  </si>
  <si>
    <t>01/21/2020 16:15:06</t>
  </si>
  <si>
    <t>01/21/2020 16:15:10</t>
  </si>
  <si>
    <t>01/21/2020 16:15:14</t>
  </si>
  <si>
    <t>01/21/2020 16:15:20</t>
  </si>
  <si>
    <t>01/21/2020 16:15:24</t>
  </si>
  <si>
    <t>01/21/2020 16:15:28</t>
  </si>
  <si>
    <t>01/21/2020 16:15:33</t>
  </si>
  <si>
    <t>01/21/2020 16:15:37</t>
  </si>
  <si>
    <t>01/21/2020 16:15:41</t>
  </si>
  <si>
    <t>01/21/2020 16:15:46</t>
  </si>
  <si>
    <t>01/21/2020 16:15:50</t>
  </si>
  <si>
    <t>01/21/2020 16:15:54</t>
  </si>
  <si>
    <t>01/21/2020 16:15:58</t>
  </si>
  <si>
    <t>01/21/2020 16:16:02</t>
  </si>
  <si>
    <t>01/21/2020 16:16:07</t>
  </si>
  <si>
    <t>01/21/2020 16:16:12</t>
  </si>
  <si>
    <t>01/21/2020 16:16:17</t>
  </si>
  <si>
    <t>01/21/2020 16:16:21</t>
  </si>
  <si>
    <t>01/21/2020 16:16:25</t>
  </si>
  <si>
    <t>01/21/2020 16:16:29</t>
  </si>
  <si>
    <t>01/21/2020 16:16:34</t>
  </si>
  <si>
    <t>01/21/2020 16:16:38</t>
  </si>
  <si>
    <t>01/21/2020 16:16:44</t>
  </si>
  <si>
    <t>01/21/2020 16:16:48</t>
  </si>
  <si>
    <t>01/21/2020 16:16:54</t>
  </si>
  <si>
    <t>01/21/2020 16:16:58</t>
  </si>
  <si>
    <t>01/21/2020 16:17:03</t>
  </si>
  <si>
    <t>01/21/2020 16:17:07</t>
  </si>
  <si>
    <t>01/21/2020 16:17:11</t>
  </si>
  <si>
    <t>01/21/2020 16:17:17</t>
  </si>
  <si>
    <t>01/21/2020 16:17:18</t>
  </si>
  <si>
    <t>01/21/2020 16:17:23</t>
  </si>
  <si>
    <t>01/21/2020 16:17:28</t>
  </si>
  <si>
    <t>01/21/2020 16:17:33</t>
  </si>
  <si>
    <t>01/21/2020 16:17:37</t>
  </si>
  <si>
    <t>01/21/2020 16:17:41</t>
  </si>
  <si>
    <t>01/21/2020 16:17:45</t>
  </si>
  <si>
    <t>01/21/2020 16:17:50</t>
  </si>
  <si>
    <t>01/21/2020 16:17:54</t>
  </si>
  <si>
    <t>LAIS RIBEIRO_1_6780378498485791582_1_32.wav</t>
  </si>
  <si>
    <t>\\acsfs\Deptos\EDUCACAO EMPRESARIAL\KÉSIA\Ligações 3º ciclo - Janeiro 2020\LAIS RIBEIRO_1_6780378498485791582_1_32.wav</t>
  </si>
  <si>
    <t>01/21/2020 16:19:30</t>
  </si>
  <si>
    <t>.~lock.isabelle 21.01.20.ods#</t>
  </si>
  <si>
    <t>\\acsfs\profiles$\ISABELLEGTDS\Nova pasta\.~lock.isabelle 21.01.20.ods#</t>
  </si>
  <si>
    <t>01/21/2020 16:13:42</t>
  </si>
  <si>
    <t>lu4192453ku1e.tmp</t>
  </si>
  <si>
    <t>\\acsfs\profiles$\ISABELLEGTDS\Nova pasta\lu4192453ku1e.tmp</t>
  </si>
  <si>
    <t>\\acsfs\profiles$\ISABELLEGTDS\Nova pasta\lu4192453ku1e.tmp\</t>
  </si>
  <si>
    <t>\\acsfs\profiles$\ISABELLEGTDS\Nova pasta\lu4192453ku1e.tmp\META-INF\</t>
  </si>
  <si>
    <t>\\acsfs\profiles$\ISABELLEGTDS\Nova pasta\lu4192453ku1e.tmp\Thumbnails\</t>
  </si>
  <si>
    <t>01/21/2020 16:19:12</t>
  </si>
  <si>
    <t>01/21/2020 16:21:31</t>
  </si>
  <si>
    <t>01/21/2020 16:20:12</t>
  </si>
  <si>
    <t>01/21/2020 16:17:15</t>
  </si>
  <si>
    <t>01/21/2020 16:18:43</t>
  </si>
  <si>
    <t>01/21/2020 16:19:37</t>
  </si>
  <si>
    <t>01/21/2020 16:22:30</t>
  </si>
  <si>
    <t>01/21/2020 16:23:30</t>
  </si>
  <si>
    <t>01/21/2020 16:17:59</t>
  </si>
  <si>
    <t>01/21/2020 16:18:04</t>
  </si>
  <si>
    <t>01/21/2020 16:18:08</t>
  </si>
  <si>
    <t>01/21/2020 16:18:13</t>
  </si>
  <si>
    <t>01/21/2020 16:18:16</t>
  </si>
  <si>
    <t>01/21/2020 16:18:20</t>
  </si>
  <si>
    <t>01/21/2020 16:18:26</t>
  </si>
  <si>
    <t>01/21/2020 16:18:30</t>
  </si>
  <si>
    <t>01/21/2020 16:18:34</t>
  </si>
  <si>
    <t>01/21/2020 16:18:38</t>
  </si>
  <si>
    <t>01/21/2020 16:18:42</t>
  </si>
  <si>
    <t>01/21/2020 16:18:47</t>
  </si>
  <si>
    <t>01/21/2020 16:18:51</t>
  </si>
  <si>
    <t>01/21/2020 16:18:55</t>
  </si>
  <si>
    <t>01/21/2020 16:18:59</t>
  </si>
  <si>
    <t>01/21/2020 16:19:03</t>
  </si>
  <si>
    <t>01/21/2020 16:19:08</t>
  </si>
  <si>
    <t>01/21/2020 16:19:16</t>
  </si>
  <si>
    <t>01/21/2020 16:19:20</t>
  </si>
  <si>
    <t>01/21/2020 16:19:24</t>
  </si>
  <si>
    <t>01/21/2020 16:19:29</t>
  </si>
  <si>
    <t>01/21/2020 16:19:33</t>
  </si>
  <si>
    <t>01/21/2020 16:19:42</t>
  </si>
  <si>
    <t>01/21/2020 16:19:46</t>
  </si>
  <si>
    <t>01/21/2020 16:19:51</t>
  </si>
  <si>
    <t>01/21/2020 16:19:53</t>
  </si>
  <si>
    <t>01/21/2020 16:19:55</t>
  </si>
  <si>
    <t>01/21/2020 16:19:59</t>
  </si>
  <si>
    <t>01/21/2020 16:20:03</t>
  </si>
  <si>
    <t>01/21/2020 16:20:07</t>
  </si>
  <si>
    <t>01/21/2020 16:20:16</t>
  </si>
  <si>
    <t>01/21/2020 16:20:20</t>
  </si>
  <si>
    <t>01/21/2020 16:20:25</t>
  </si>
  <si>
    <t>01/21/2020 16:20:29</t>
  </si>
  <si>
    <t>01/21/2020 16:20:33</t>
  </si>
  <si>
    <t>01/21/2020 16:20:37</t>
  </si>
  <si>
    <t>01/21/2020 16:20:42</t>
  </si>
  <si>
    <t>01/21/2020 16:20:46</t>
  </si>
  <si>
    <t>01/21/2020 16:20:50</t>
  </si>
  <si>
    <t>01/21/2020 16:20:55</t>
  </si>
  <si>
    <t>01/21/2020 16:20:59</t>
  </si>
  <si>
    <t>01/21/2020 16:21:03</t>
  </si>
  <si>
    <t>01/21/2020 16:21:08</t>
  </si>
  <si>
    <t>01/21/2020 16:21:12</t>
  </si>
  <si>
    <t>01/21/2020 16:21:18</t>
  </si>
  <si>
    <t>01/21/2020 16:21:23</t>
  </si>
  <si>
    <t>01/21/2020 16:21:27</t>
  </si>
  <si>
    <t>01/21/2020 16:21:35</t>
  </si>
  <si>
    <t>01/21/2020 16:21:36</t>
  </si>
  <si>
    <t>Paulo Victor Alcantara De Castro_1_6780301111765054262_1_32.wav</t>
  </si>
  <si>
    <t>\\acsfs\Deptos\EDUCACAO EMPRESARIAL\FERNANDA MONIT\Fernanda\MONITORIA JANEIRO\Ligaçoes para MUTANT terceiro ciclo janeiro\Paulo Victor Alcantara De Castro_1_6780301111765054262_1_32.wav</t>
  </si>
  <si>
    <t>01/21/2020 16:21:40</t>
  </si>
  <si>
    <t>01/21/2020 16:21:44</t>
  </si>
  <si>
    <t>01/21/2020 16:21:48</t>
  </si>
  <si>
    <t>01/21/2020 16:21:52</t>
  </si>
  <si>
    <t>01/21/2020 16:21:56</t>
  </si>
  <si>
    <t>01/21/2020 16:22:00</t>
  </si>
  <si>
    <t>01/21/2020 16:22:05</t>
  </si>
  <si>
    <t>01/21/2020 16:22:09</t>
  </si>
  <si>
    <t>01/21/2020 16:22:13</t>
  </si>
  <si>
    <t>01/21/2020 16:22:17</t>
  </si>
  <si>
    <t>01/21/2020 16:22:22</t>
  </si>
  <si>
    <t>01/21/2020 16:22:26</t>
  </si>
  <si>
    <t>01/21/2020 16:22:34</t>
  </si>
  <si>
    <t>01/21/2020 16:22:38</t>
  </si>
  <si>
    <t>01/21/2020 16:22:43</t>
  </si>
  <si>
    <t>01/21/2020 16:22:47</t>
  </si>
  <si>
    <t>01/21/2020 16:22:51</t>
  </si>
  <si>
    <t>01/21/2020 16:22:56</t>
  </si>
  <si>
    <t>01/21/2020 16:23:02</t>
  </si>
  <si>
    <t>01/21/2020 16:24:30</t>
  </si>
  <si>
    <t>01/21/2020 16:22:08</t>
  </si>
  <si>
    <t>01/21/2020 16:25:30</t>
  </si>
  <si>
    <t>01/21/2020 16:21:47</t>
  </si>
  <si>
    <t>c955398d-cc9c-4aed-bd52-5479b3876be9.tmp</t>
  </si>
  <si>
    <t>\\acsfs\profiles$\wedersonbadr\My Documents\My Music\c955398d-cc9c-4aed-bd52-5479b3876be9.tmp</t>
  </si>
  <si>
    <t>01/21/2020 16:22:20</t>
  </si>
  <si>
    <t>c978afff-a7e6-4e14-9c68-7148f39b1ef2.tmp</t>
  </si>
  <si>
    <t>\\acsfs\profiles$\wedersonbadr\My Documents\My Music\c978afff-a7e6-4e14-9c68-7148f39b1ef2.tmp</t>
  </si>
  <si>
    <t>01/21/2020 16:23:00</t>
  </si>
  <si>
    <t>bb1db87e-0788-4b3c-aa4c-e8c05805de2c.tmp</t>
  </si>
  <si>
    <t>\\acsfs\profiles$\wedersonbadr\My Documents\My Music\bb1db87e-0788-4b3c-aa4c-e8c05805de2c.tmp</t>
  </si>
  <si>
    <t>01/21/2020 16:25:12</t>
  </si>
  <si>
    <t>01/21/2020 16:26:31</t>
  </si>
  <si>
    <t>01/21/2020 16:24:34</t>
  </si>
  <si>
    <t>\\acsfs\profiles$\LUCASBS\</t>
  </si>
  <si>
    <t>\\acsfs\profiles$\LUCASBS\Novo Documento RTF.rtf</t>
  </si>
  <si>
    <t>01/21/2020 16:24:41</t>
  </si>
  <si>
    <t>.~lock.Novo Documento RTF.rtf#</t>
  </si>
  <si>
    <t>\\acsfs\profiles$\LUCASBS\.~lock.Novo Documento RTF.rtf#</t>
  </si>
  <si>
    <t>01/21/2020 16:25:16</t>
  </si>
  <si>
    <t>01/21/2020 16:23:27</t>
  </si>
  <si>
    <t>https://udpwfmniceap02/pt_br/web/guest/home?p_auth=dyh1t6sc&amp;p_p_id=58&amp;p_p_lifecycle=1&amp;p_p_state=maximized&amp;p_p_mode=view&amp;savelastpath=0&amp;_58_struts_action=/login/forgot_password</t>
  </si>
  <si>
    <t>01/21/2020 16:21:55</t>
  </si>
  <si>
    <t>01/21/2020 16:24:45</t>
  </si>
  <si>
    <t>01/21/2020 16:28:30</t>
  </si>
  <si>
    <t>01/21/2020 16:23:08</t>
  </si>
  <si>
    <t>01/21/2020 16:23:12</t>
  </si>
  <si>
    <t>01/21/2020 16:23:18</t>
  </si>
  <si>
    <t>01/21/2020 16:23:23</t>
  </si>
  <si>
    <t>01/21/2020 16:23:31</t>
  </si>
  <si>
    <t>01/21/2020 16:23:40</t>
  </si>
  <si>
    <t>01/21/2020 16:23:44</t>
  </si>
  <si>
    <t>01/21/2020 16:23:45</t>
  </si>
  <si>
    <t>01/21/2020 16:23:50</t>
  </si>
  <si>
    <t>01/21/2020 16:23:54</t>
  </si>
  <si>
    <t>01/21/2020 16:23:57</t>
  </si>
  <si>
    <t>01/21/2020 16:24:00</t>
  </si>
  <si>
    <t>01/21/2020 16:24:04</t>
  </si>
  <si>
    <t>01/21/2020 16:24:08</t>
  </si>
  <si>
    <t>01/21/2020 16:24:12</t>
  </si>
  <si>
    <t>01/21/2020 16:24:14</t>
  </si>
  <si>
    <t>01/21/2020 16:24:15</t>
  </si>
  <si>
    <t>01/21/2020 16:24:17</t>
  </si>
  <si>
    <t>01/21/2020 16:24:21</t>
  </si>
  <si>
    <t>01/21/2020 16:24:24</t>
  </si>
  <si>
    <t>01/21/2020 16:24:27</t>
  </si>
  <si>
    <t>01/21/2020 16:24:28</t>
  </si>
  <si>
    <t>01/21/2020 16:24:32</t>
  </si>
  <si>
    <t>01/21/2020 16:24:36</t>
  </si>
  <si>
    <t>01/21/2020 16:24:38</t>
  </si>
  <si>
    <t>01/21/2020 16:24:42</t>
  </si>
  <si>
    <t>01/21/2020 16:24:44</t>
  </si>
  <si>
    <t>01/21/2020 16:24:49</t>
  </si>
  <si>
    <t>01/21/2020 16:24:56</t>
  </si>
  <si>
    <t>01/21/2020 16:25:00</t>
  </si>
  <si>
    <t>01/21/2020 16:25:04</t>
  </si>
  <si>
    <t>01/21/2020 16:25:09</t>
  </si>
  <si>
    <t>01/21/2020 16:25:13</t>
  </si>
  <si>
    <t>01/21/2020 16:25:17</t>
  </si>
  <si>
    <t>01/21/2020 16:25:22</t>
  </si>
  <si>
    <t>01/21/2020 16:25:27</t>
  </si>
  <si>
    <t>01/21/2020 16:25:31</t>
  </si>
  <si>
    <t>01/21/2020 16:25:35</t>
  </si>
  <si>
    <t>01/21/2020 16:25:40</t>
  </si>
  <si>
    <t>01/21/2020 16:25:44</t>
  </si>
  <si>
    <t>01/21/2020 16:25:48</t>
  </si>
  <si>
    <t>01/21/2020 16:25:53</t>
  </si>
  <si>
    <t>01/21/2020 16:25:57</t>
  </si>
  <si>
    <t>01/21/2020 16:26:01</t>
  </si>
  <si>
    <t>01/21/2020 16:26:05</t>
  </si>
  <si>
    <t>01/21/2020 16:26:10</t>
  </si>
  <si>
    <t>01/21/2020 16:26:14</t>
  </si>
  <si>
    <t>01/21/2020 16:26:18</t>
  </si>
  <si>
    <t>01/21/2020 16:26:22</t>
  </si>
  <si>
    <t>01/21/2020 16:26:27</t>
  </si>
  <si>
    <t>01/21/2020 16:26:36</t>
  </si>
  <si>
    <t>01/21/2020 16:26:41</t>
  </si>
  <si>
    <t>01/21/2020 16:26:46</t>
  </si>
  <si>
    <t>01/21/2020 16:26:53</t>
  </si>
  <si>
    <t>01/21/2020 16:26:57</t>
  </si>
  <si>
    <t>01/21/2020 16:27:02</t>
  </si>
  <si>
    <t>01/21/2020 16:27:06</t>
  </si>
  <si>
    <t>01/21/2020 16:27:11</t>
  </si>
  <si>
    <t>01/21/2020 16:27:15</t>
  </si>
  <si>
    <t>01/21/2020 16:27:20</t>
  </si>
  <si>
    <t>01/21/2020 16:27:24</t>
  </si>
  <si>
    <t>01/21/2020 16:27:28</t>
  </si>
  <si>
    <t>01/21/2020 16:27:32</t>
  </si>
  <si>
    <t>01/21/2020 16:27:37</t>
  </si>
  <si>
    <t>01/21/2020 16:27:42</t>
  </si>
  <si>
    <t>01/21/2020 16:27:46</t>
  </si>
  <si>
    <t>01/21/2020 16:27:51</t>
  </si>
  <si>
    <t>01/21/2020 16:27:56</t>
  </si>
  <si>
    <t>01/21/2020 16:27:59</t>
  </si>
  <si>
    <t>01/21/2020 16:28:04</t>
  </si>
  <si>
    <t>01/21/2020 16:28:07</t>
  </si>
  <si>
    <t>01/21/2020 16:28:08</t>
  </si>
  <si>
    <t>01/21/2020 16:29:30</t>
  </si>
  <si>
    <t>01/21/2020 16:26:12</t>
  </si>
  <si>
    <t>01/21/2020 16:31:31</t>
  </si>
  <si>
    <t>01/21/2020 16:26:35</t>
  </si>
  <si>
    <t>lu90282th1gm.tmp</t>
  </si>
  <si>
    <t>\\acsfs\profiles$\victoriaksr\My Documents\lu90282th1gm.tmp</t>
  </si>
  <si>
    <t>01/21/2020 16:26:51</t>
  </si>
  <si>
    <t>lu90282th1gx.tmp</t>
  </si>
  <si>
    <t>\\acsfs\profiles$\victoriaksr\My Documents\lu90282th1gx.tmp</t>
  </si>
  <si>
    <t>01/21/2020 16:29:10</t>
  </si>
  <si>
    <t>Erros operacionais - Dezembro.R1.xlsx</t>
  </si>
  <si>
    <t>\\acsfs\ACS\Gabriel da Silva\Contemporânea\Gen\Erros operacionais - Dezembro.R1.xlsx</t>
  </si>
  <si>
    <t>01/21/2020 16:29:45</t>
  </si>
  <si>
    <t>01/21/2020 16:29:54</t>
  </si>
  <si>
    <t>01/21/2020 16:29:58</t>
  </si>
  <si>
    <t>01/21/2020 16:30:03</t>
  </si>
  <si>
    <t>01/21/2020 16:30:07</t>
  </si>
  <si>
    <t>01/21/2020 16:30:11</t>
  </si>
  <si>
    <t>01/21/2020 16:30:25</t>
  </si>
  <si>
    <t>01/21/2020 16:30:35</t>
  </si>
  <si>
    <t>01/21/2020 16:30:54</t>
  </si>
  <si>
    <t>01/21/2020 16:27:55</t>
  </si>
  <si>
    <t>01/21/2020 16:31:03</t>
  </si>
  <si>
    <t>01/21/2020 16:33:31</t>
  </si>
  <si>
    <t>01/21/2020 16:28:55</t>
  </si>
  <si>
    <t>435ba3bb-98a9-4344-8f9c-795957490eaf.tmp</t>
  </si>
  <si>
    <t>\\acsfs\profiles$\philipegsf\Downloads\435ba3bb-98a9-4344-8f9c-795957490eaf.tmp</t>
  </si>
  <si>
    <t>01/21/2020 16:28:13</t>
  </si>
  <si>
    <t>01/21/2020 16:28:18</t>
  </si>
  <si>
    <t>01/21/2020 16:28:22</t>
  </si>
  <si>
    <t>01/21/2020 16:28:26</t>
  </si>
  <si>
    <t>01/21/2020 16:28:34</t>
  </si>
  <si>
    <t>01/21/2020 16:28:38</t>
  </si>
  <si>
    <t>01/21/2020 16:28:42</t>
  </si>
  <si>
    <t>01/21/2020 16:28:46</t>
  </si>
  <si>
    <t>01/21/2020 16:28:48</t>
  </si>
  <si>
    <t>01/21/2020 16:28:50</t>
  </si>
  <si>
    <t>01/21/2020 16:28:59</t>
  </si>
  <si>
    <t>01/21/2020 16:29:03</t>
  </si>
  <si>
    <t>01/21/2020 16:29:07</t>
  </si>
  <si>
    <t>01/21/2020 16:29:36</t>
  </si>
  <si>
    <t>01/21/2020 16:29:11</t>
  </si>
  <si>
    <t>01/21/2020 16:29:12</t>
  </si>
  <si>
    <t>01/21/2020 16:29:15</t>
  </si>
  <si>
    <t>01/21/2020 16:29:16</t>
  </si>
  <si>
    <t>01/21/2020 16:29:20</t>
  </si>
  <si>
    <t>01/21/2020 16:29:24</t>
  </si>
  <si>
    <t>01/21/2020 16:29:28</t>
  </si>
  <si>
    <t>01/21/2020 16:29:32</t>
  </si>
  <si>
    <t>01/21/2020 16:29:37</t>
  </si>
  <si>
    <t>01/21/2020 16:29:41</t>
  </si>
  <si>
    <t>01/21/2020 16:29:49</t>
  </si>
  <si>
    <t>01/21/2020 16:29:53</t>
  </si>
  <si>
    <t>01/21/2020 16:29:57</t>
  </si>
  <si>
    <t>01/21/2020 16:30:01</t>
  </si>
  <si>
    <t>01/21/2020 16:30:05</t>
  </si>
  <si>
    <t>01/21/2020 16:30:09</t>
  </si>
  <si>
    <t>01/21/2020 16:30:15</t>
  </si>
  <si>
    <t>01/21/2020 16:30:19</t>
  </si>
  <si>
    <t>01/21/2020 16:30:23</t>
  </si>
  <si>
    <t>01/21/2020 16:30:27</t>
  </si>
  <si>
    <t>01/21/2020 16:30:31</t>
  </si>
  <si>
    <t>01/21/2020 16:30:39</t>
  </si>
  <si>
    <t>01/21/2020 16:30:43</t>
  </si>
  <si>
    <t>01/21/2020 16:30:48</t>
  </si>
  <si>
    <t>01/21/2020 16:30:52</t>
  </si>
  <si>
    <t>01/21/2020 16:30:56</t>
  </si>
  <si>
    <t>01/21/2020 16:31:02</t>
  </si>
  <si>
    <t>01/21/2020 16:31:06</t>
  </si>
  <si>
    <t>01/21/2020 16:31:10</t>
  </si>
  <si>
    <t>01/21/2020 16:31:14</t>
  </si>
  <si>
    <t>01/21/2020 16:31:19</t>
  </si>
  <si>
    <t>01/21/2020 16:31:24</t>
  </si>
  <si>
    <t>01/21/2020 16:31:28</t>
  </si>
  <si>
    <t>01/21/2020 16:31:32</t>
  </si>
  <si>
    <t>01/21/2020 16:31:36</t>
  </si>
  <si>
    <t>01/21/2020 16:31:41</t>
  </si>
  <si>
    <t>01/21/2020 16:31:45</t>
  </si>
  <si>
    <t>01/21/2020 16:31:49</t>
  </si>
  <si>
    <t>01/21/2020 16:31:53</t>
  </si>
  <si>
    <t>01/21/2020 16:31:54</t>
  </si>
  <si>
    <t>01/21/2020 16:31:57</t>
  </si>
  <si>
    <t>01/21/2020 16:32:02</t>
  </si>
  <si>
    <t>01/21/2020 16:32:06</t>
  </si>
  <si>
    <t>01/21/2020 16:32:10</t>
  </si>
  <si>
    <t>01/21/2020 16:32:14</t>
  </si>
  <si>
    <t>01/21/2020 16:32:18</t>
  </si>
  <si>
    <t>01/21/2020 16:32:20</t>
  </si>
  <si>
    <t>01/21/2020 16:32:23</t>
  </si>
  <si>
    <t>01/21/2020 16:32:26</t>
  </si>
  <si>
    <t>01/21/2020 16:32:31</t>
  </si>
  <si>
    <t>01/21/2020 16:32:36</t>
  </si>
  <si>
    <t>01/21/2020 16:32:40</t>
  </si>
  <si>
    <t>01/21/2020 16:32:44</t>
  </si>
  <si>
    <t>01/21/2020 16:32:48</t>
  </si>
  <si>
    <t>01/21/2020 16:32:52</t>
  </si>
  <si>
    <t>01/21/2020 16:32:57</t>
  </si>
  <si>
    <t>01/21/2020 16:33:01</t>
  </si>
  <si>
    <t>01/21/2020 16:33:05</t>
  </si>
  <si>
    <t>01/21/2020 16:33:09</t>
  </si>
  <si>
    <t>01/21/2020 16:33:13</t>
  </si>
  <si>
    <t>01/21/2020 16:33:17</t>
  </si>
  <si>
    <t>01/21/2020 16:34:30</t>
  </si>
  <si>
    <t>01/21/2020 16:32:50</t>
  </si>
  <si>
    <t>01/21/2020 16:35:31</t>
  </si>
  <si>
    <t>01/21/2020 16:34:49</t>
  </si>
  <si>
    <t>01/21/2020 16:36:30</t>
  </si>
  <si>
    <t>01/21/2020 16:31:12</t>
  </si>
  <si>
    <t>01/21/2020 16:32:12</t>
  </si>
  <si>
    <t>01/21/2020 16:31:04</t>
  </si>
  <si>
    <t>01/21/2020 16:31:23</t>
  </si>
  <si>
    <t>01/21/2020 16:32:54</t>
  </si>
  <si>
    <t>01/21/2020 16:33:27</t>
  </si>
  <si>
    <t>01/21/2020 16:33:55</t>
  </si>
  <si>
    <t>01/21/2020 16:37:31</t>
  </si>
  <si>
    <t>80bb7609-8f15-49af-bd20-45fad9bfe21a.tmp</t>
  </si>
  <si>
    <t>\\acsfs\profiles$\laurandos\Downloads\80bb7609-8f15-49af-bd20-45fad9bfe21a.tmp</t>
  </si>
  <si>
    <t>01/21/2020 16:33:21</t>
  </si>
  <si>
    <t>01/21/2020 16:38:30</t>
  </si>
  <si>
    <t>01/21/2020 16:33:26</t>
  </si>
  <si>
    <t>01/21/2020 16:33:30</t>
  </si>
  <si>
    <t>01/21/2020 16:33:34</t>
  </si>
  <si>
    <t>01/21/2020 16:33:39</t>
  </si>
  <si>
    <t>01/21/2020 16:33:43</t>
  </si>
  <si>
    <t>01/21/2020 16:33:47</t>
  </si>
  <si>
    <t>01/21/2020 16:33:51</t>
  </si>
  <si>
    <t>01/21/2020 16:33:56</t>
  </si>
  <si>
    <t>01/21/2020 16:34:00</t>
  </si>
  <si>
    <t>01/21/2020 16:34:04</t>
  </si>
  <si>
    <t>01/21/2020 16:34:09</t>
  </si>
  <si>
    <t>01/21/2020 16:34:12</t>
  </si>
  <si>
    <t>01/21/2020 16:34:16</t>
  </si>
  <si>
    <t>01/21/2020 16:34:21</t>
  </si>
  <si>
    <t>01/21/2020 16:34:25</t>
  </si>
  <si>
    <t>01/21/2020 16:34:29</t>
  </si>
  <si>
    <t>01/21/2020 16:34:33</t>
  </si>
  <si>
    <t>01/21/2020 16:34:37</t>
  </si>
  <si>
    <t>01/21/2020 16:34:41</t>
  </si>
  <si>
    <t>01/21/2020 16:34:46</t>
  </si>
  <si>
    <t>01/21/2020 16:34:54</t>
  </si>
  <si>
    <t>01/21/2020 16:34:58</t>
  </si>
  <si>
    <t>01/21/2020 16:35:02</t>
  </si>
  <si>
    <t>01/21/2020 16:35:06</t>
  </si>
  <si>
    <t>01/21/2020 16:35:10</t>
  </si>
  <si>
    <t>01/21/2020 16:35:14</t>
  </si>
  <si>
    <t>01/21/2020 16:35:18</t>
  </si>
  <si>
    <t>01/21/2020 16:35:23</t>
  </si>
  <si>
    <t>01/21/2020 16:35:27</t>
  </si>
  <si>
    <t>01/21/2020 16:35:32</t>
  </si>
  <si>
    <t>01/21/2020 16:35:36</t>
  </si>
  <si>
    <t>01/21/2020 16:35:40</t>
  </si>
  <si>
    <t>01/21/2020 16:35:44</t>
  </si>
  <si>
    <t>01/21/2020 16:35:49</t>
  </si>
  <si>
    <t>01/21/2020 16:35:53</t>
  </si>
  <si>
    <t>01/21/2020 16:35:57</t>
  </si>
  <si>
    <t>01/21/2020 16:36:01</t>
  </si>
  <si>
    <t>01/21/2020 16:36:05</t>
  </si>
  <si>
    <t>01/21/2020 16:36:09</t>
  </si>
  <si>
    <t>01/21/2020 16:36:14</t>
  </si>
  <si>
    <t>01/21/2020 16:36:18</t>
  </si>
  <si>
    <t>01/21/2020 16:36:23</t>
  </si>
  <si>
    <t>01/21/2020 16:36:27</t>
  </si>
  <si>
    <t>01/21/2020 16:36:31</t>
  </si>
  <si>
    <t>01/21/2020 16:36:35</t>
  </si>
  <si>
    <t>01/21/2020 16:39:31</t>
  </si>
  <si>
    <t>01/21/2020 16:36:39</t>
  </si>
  <si>
    <t>01/21/2020 16:36:43</t>
  </si>
  <si>
    <t>01/21/2020 16:36:48</t>
  </si>
  <si>
    <t>01/21/2020 16:36:52</t>
  </si>
  <si>
    <t>01/21/2020 16:36:56</t>
  </si>
  <si>
    <t>01/21/2020 16:37:00</t>
  </si>
  <si>
    <t>01/21/2020 16:37:04</t>
  </si>
  <si>
    <t>01/21/2020 16:37:08</t>
  </si>
  <si>
    <t>01/21/2020 16:37:13</t>
  </si>
  <si>
    <t>01/21/2020 16:37:17</t>
  </si>
  <si>
    <t>01/21/2020 16:37:21</t>
  </si>
  <si>
    <t>01/21/2020 16:37:25</t>
  </si>
  <si>
    <t>01/21/2020 16:37:29</t>
  </si>
  <si>
    <t>01/21/2020 16:37:33</t>
  </si>
  <si>
    <t>01/21/2020 16:37:38</t>
  </si>
  <si>
    <t>01/21/2020 16:37:42</t>
  </si>
  <si>
    <t>01/21/2020 16:37:47</t>
  </si>
  <si>
    <t>01/21/2020 16:37:51</t>
  </si>
  <si>
    <t>01/21/2020 16:37:54</t>
  </si>
  <si>
    <t>01/21/2020 16:37:55</t>
  </si>
  <si>
    <t>01/21/2020 16:37:59</t>
  </si>
  <si>
    <t>01/21/2020 16:38:03</t>
  </si>
  <si>
    <t>01/21/2020 16:38:08</t>
  </si>
  <si>
    <t>01/21/2020 16:38:12</t>
  </si>
  <si>
    <t>01/21/2020 16:38:16</t>
  </si>
  <si>
    <t>01/21/2020 16:38:20</t>
  </si>
  <si>
    <t>01/21/2020 16:38:24</t>
  </si>
  <si>
    <t>01/21/2020 16:37:45</t>
  </si>
  <si>
    <t>688aaf54-92ab-4b97-af69-01650c48e0d5.tmp</t>
  </si>
  <si>
    <t>\\acsfs\profiles$\layonmof\Downloads\688aaf54-92ab-4b97-af69-01650c48e0d5.tmp</t>
  </si>
  <si>
    <t>42cd7d51-bf3f-4ade-a55d-1d000daad911.tmp</t>
  </si>
  <si>
    <t>\\acsfs\profiles$\layonmof\Downloads\42cd7d51-bf3f-4ade-a55d-1d000daad911.tmp</t>
  </si>
  <si>
    <t>01/21/2020 16:37:28</t>
  </si>
  <si>
    <t>01/21/2020 16:40:30</t>
  </si>
  <si>
    <t>8bb2dd54-22cc-4f32-9629-e5ba39c0c907.tmp</t>
  </si>
  <si>
    <t>\\acsfs\profiles$\andressamf\Downloads\8bb2dd54-22cc-4f32-9629-e5ba39c0c907.tmp</t>
  </si>
  <si>
    <t>01/21/2020 16:41:30</t>
  </si>
  <si>
    <t>01/21/2020 16:35:52</t>
  </si>
  <si>
    <t>01/21/2020 16:36:15</t>
  </si>
  <si>
    <t>outlook.office.com/owa/service.svc?action=CreateItem&amp;app=Mail&amp;n=383</t>
  </si>
  <si>
    <t>andrelpsa@algartech.com;flaviacno@algartech.com;gustavodsil@algartech.com;raicdf@algartech.com;talmaiardo@algartech.com;</t>
  </si>
  <si>
    <t>andrelpsa@algartech.com,flaviacno@algartech.com,gustavodsil@algartech.com,raicdf@algartech.com,talmaiardo@algartech.com</t>
  </si>
  <si>
    <t>01/21/2020 16:36:40</t>
  </si>
  <si>
    <t>01/21/2020 16:37:12</t>
  </si>
  <si>
    <t>01/21/2020 16:39:55</t>
  </si>
  <si>
    <t>01/21/2020 16:40:02</t>
  </si>
  <si>
    <t>01/21/2020 16:42:30</t>
  </si>
  <si>
    <t>a2c24682-843a-4a37-90af-b4bdc933d8c3.tmp</t>
  </si>
  <si>
    <t>\\acsfs\profiles$\Angelicacldr\Downloads\a2c24682-843a-4a37-90af-b4bdc933d8c3.tmp</t>
  </si>
  <si>
    <t>01/21/2020 16:38:28</t>
  </si>
  <si>
    <t>01/21/2020 16:44:30</t>
  </si>
  <si>
    <t>01/21/2020 16:38:33</t>
  </si>
  <si>
    <t>01/21/2020 16:38:37</t>
  </si>
  <si>
    <t>01/21/2020 16:38:41</t>
  </si>
  <si>
    <t>01/21/2020 16:38:45</t>
  </si>
  <si>
    <t>01/21/2020 16:38:49</t>
  </si>
  <si>
    <t>01/21/2020 16:38:53</t>
  </si>
  <si>
    <t>01/21/2020 16:38:57</t>
  </si>
  <si>
    <t>01/21/2020 16:39:02</t>
  </si>
  <si>
    <t>01/21/2020 16:39:06</t>
  </si>
  <si>
    <t>01/21/2020 16:39:10</t>
  </si>
  <si>
    <t>01/21/2020 16:39:14</t>
  </si>
  <si>
    <t>01/21/2020 16:39:18</t>
  </si>
  <si>
    <t>01/21/2020 16:39:22</t>
  </si>
  <si>
    <t>01/21/2020 16:39:27</t>
  </si>
  <si>
    <t>01/21/2020 16:39:35</t>
  </si>
  <si>
    <t>01/21/2020 16:39:39</t>
  </si>
  <si>
    <t>01/21/2020 16:39:43</t>
  </si>
  <si>
    <t>01/21/2020 16:39:47</t>
  </si>
  <si>
    <t>01/21/2020 16:39:51</t>
  </si>
  <si>
    <t>01/21/2020 16:39:52</t>
  </si>
  <si>
    <t>01/21/2020 16:39:56</t>
  </si>
  <si>
    <t>01/21/2020 16:40:00</t>
  </si>
  <si>
    <t>01/21/2020 16:40:04</t>
  </si>
  <si>
    <t>01/21/2020 16:40:08</t>
  </si>
  <si>
    <t>01/21/2020 16:40:13</t>
  </si>
  <si>
    <t>01/21/2020 16:40:17</t>
  </si>
  <si>
    <t>01/21/2020 16:40:22</t>
  </si>
  <si>
    <t>01/21/2020 16:40:26</t>
  </si>
  <si>
    <t>01/21/2020 16:40:34</t>
  </si>
  <si>
    <t>01/21/2020 16:40:38</t>
  </si>
  <si>
    <t>01/21/2020 16:40:42</t>
  </si>
  <si>
    <t>01/21/2020 16:40:47</t>
  </si>
  <si>
    <t>01/21/2020 16:40:51</t>
  </si>
  <si>
    <t>01/21/2020 16:40:56</t>
  </si>
  <si>
    <t>01/21/2020 16:41:00</t>
  </si>
  <si>
    <t>01/21/2020 16:41:04</t>
  </si>
  <si>
    <t>01/21/2020 16:41:08</t>
  </si>
  <si>
    <t>01/21/2020 16:41:12</t>
  </si>
  <si>
    <t>01/21/2020 16:41:17</t>
  </si>
  <si>
    <t>01/21/2020 16:41:21</t>
  </si>
  <si>
    <t>01/21/2020 16:41:26</t>
  </si>
  <si>
    <t>01/21/2020 16:41:31</t>
  </si>
  <si>
    <t>01/21/2020 16:41:35</t>
  </si>
  <si>
    <t>01/21/2020 16:41:39</t>
  </si>
  <si>
    <t>01/21/2020 16:41:43</t>
  </si>
  <si>
    <t>01/21/2020 16:41:49</t>
  </si>
  <si>
    <t>01/21/2020 16:41:53</t>
  </si>
  <si>
    <t>01/21/2020 16:41:57</t>
  </si>
  <si>
    <t>01/21/2020 16:42:02</t>
  </si>
  <si>
    <t>01/21/2020 16:42:06</t>
  </si>
  <si>
    <t>01/21/2020 16:42:11</t>
  </si>
  <si>
    <t>01/21/2020 16:42:16</t>
  </si>
  <si>
    <t>01/21/2020 16:42:20</t>
  </si>
  <si>
    <t>01/21/2020 16:42:25</t>
  </si>
  <si>
    <t>01/21/2020 16:42:29</t>
  </si>
  <si>
    <t>01/21/2020 16:42:34</t>
  </si>
  <si>
    <t>01/21/2020 16:42:38</t>
  </si>
  <si>
    <t>01/21/2020 16:42:42</t>
  </si>
  <si>
    <t>01/21/2020 16:42:46</t>
  </si>
  <si>
    <t>01/21/2020 16:42:50</t>
  </si>
  <si>
    <t>01/21/2020 16:42:54</t>
  </si>
  <si>
    <t>01/21/2020 16:42:59</t>
  </si>
  <si>
    <t>01/21/2020 16:43:03</t>
  </si>
  <si>
    <t>01/21/2020 16:43:08</t>
  </si>
  <si>
    <t>01/21/2020 16:43:12</t>
  </si>
  <si>
    <t>01/21/2020 16:43:17</t>
  </si>
  <si>
    <t>01/21/2020 16:43:25</t>
  </si>
  <si>
    <t>01/21/2020 16:43:29</t>
  </si>
  <si>
    <t>01/21/2020 16:39:11</t>
  </si>
  <si>
    <t>75ae70b4-7b44-4af8-a9d3-f9fef13ca527.tmp</t>
  </si>
  <si>
    <t>\\acsfs\profiles$\layonmof\Downloads\75ae70b4-7b44-4af8-a9d3-f9fef13ca527.tmp</t>
  </si>
  <si>
    <t>a6c60ac3-9ef1-429c-89c3-e92ba681bf9d.tmp</t>
  </si>
  <si>
    <t>\\acsfs\profiles$\layonmof\Downloads\a6c60ac3-9ef1-429c-89c3-e92ba681bf9d.tmp</t>
  </si>
  <si>
    <t>4e5edf90-6b9c-4096-8690-45bc6cf3067f.tmp</t>
  </si>
  <si>
    <t>\\acsfs\profiles$\layonmof\Downloads\4e5edf90-6b9c-4096-8690-45bc6cf3067f.tmp</t>
  </si>
  <si>
    <t>01/21/2020 16:45:31</t>
  </si>
  <si>
    <t>01/21/2020 16:46:30</t>
  </si>
  <si>
    <t>lu90282th1hd.tmp</t>
  </si>
  <si>
    <t>\\acsfs\profiles$\victoriaksr\My Documents\lu90282th1hd.tmp</t>
  </si>
  <si>
    <t>01/21/2020 16:43:19</t>
  </si>
  <si>
    <t>01/21/2020 16:44:12</t>
  </si>
  <si>
    <t>01/21/2020 16:41:48</t>
  </si>
  <si>
    <t>01/21/2020 16:45:55</t>
  </si>
  <si>
    <t>01/21/2020 16:41:54</t>
  </si>
  <si>
    <t>01/21/2020 16:47:31</t>
  </si>
  <si>
    <t>dd698a87-35e5-4189-85f5-b07e08061315.tmp</t>
  </si>
  <si>
    <t>\\acsfs\profiles$\larissaad\Downloads\dd698a87-35e5-4189-85f5-b07e08061315.tmp</t>
  </si>
  <si>
    <t>01/21/2020 16:45:52</t>
  </si>
  <si>
    <t>c1fad083-bfd2-4abb-948a-dd3e41c5de1d.tmp</t>
  </si>
  <si>
    <t>\\acsfs\profiles$\larissaad\Downloads\c1fad083-bfd2-4abb-948a-dd3e41c5de1d.tmp</t>
  </si>
  <si>
    <t>01/21/2020 16:46:26</t>
  </si>
  <si>
    <t>01/21/2020 16:45:40</t>
  </si>
  <si>
    <t>01/21/2020 16:43:33</t>
  </si>
  <si>
    <t>01/21/2020 16:49:31</t>
  </si>
  <si>
    <t>01/21/2020 16:43:37</t>
  </si>
  <si>
    <t>01/21/2020 16:43:41</t>
  </si>
  <si>
    <t>01/21/2020 16:43:45</t>
  </si>
  <si>
    <t>01/21/2020 16:43:50</t>
  </si>
  <si>
    <t>01/21/2020 16:43:54</t>
  </si>
  <si>
    <t>01/21/2020 16:43:58</t>
  </si>
  <si>
    <t>01/21/2020 16:44:02</t>
  </si>
  <si>
    <t>01/21/2020 16:44:06</t>
  </si>
  <si>
    <t>01/21/2020 16:44:10</t>
  </si>
  <si>
    <t>01/21/2020 16:44:14</t>
  </si>
  <si>
    <t>01/21/2020 16:44:19</t>
  </si>
  <si>
    <t>01/21/2020 16:44:23</t>
  </si>
  <si>
    <t>01/21/2020 16:44:27</t>
  </si>
  <si>
    <t>01/21/2020 16:44:31</t>
  </si>
  <si>
    <t>01/21/2020 16:44:35</t>
  </si>
  <si>
    <t>01/21/2020 16:44:39</t>
  </si>
  <si>
    <t>01/21/2020 16:44:44</t>
  </si>
  <si>
    <t>01/21/2020 16:44:49</t>
  </si>
  <si>
    <t>01/21/2020 16:44:53</t>
  </si>
  <si>
    <t>01/21/2020 16:44:57</t>
  </si>
  <si>
    <t>01/21/2020 16:45:02</t>
  </si>
  <si>
    <t>01/21/2020 16:45:08</t>
  </si>
  <si>
    <t>01/21/2020 16:45:12</t>
  </si>
  <si>
    <t>01/21/2020 16:45:19</t>
  </si>
  <si>
    <t>01/21/2020 16:45:22</t>
  </si>
  <si>
    <t>01/21/2020 16:45:27</t>
  </si>
  <si>
    <t>01/21/2020 16:45:35</t>
  </si>
  <si>
    <t>01/21/2020 16:45:44</t>
  </si>
  <si>
    <t>01/21/2020 16:45:48</t>
  </si>
  <si>
    <t>01/21/2020 16:45:53</t>
  </si>
  <si>
    <t>01/21/2020 16:45:57</t>
  </si>
  <si>
    <t>01/21/2020 16:46:01</t>
  </si>
  <si>
    <t>01/21/2020 16:46:05</t>
  </si>
  <si>
    <t>01/21/2020 16:46:09</t>
  </si>
  <si>
    <t>01/21/2020 16:46:14</t>
  </si>
  <si>
    <t>01/21/2020 16:46:18</t>
  </si>
  <si>
    <t>01/21/2020 16:46:22</t>
  </si>
  <si>
    <t>01/21/2020 16:46:34</t>
  </si>
  <si>
    <t>01/21/2020 16:46:38</t>
  </si>
  <si>
    <t>01/21/2020 16:46:43</t>
  </si>
  <si>
    <t>01/21/2020 16:46:47</t>
  </si>
  <si>
    <t>01/21/2020 16:46:51</t>
  </si>
  <si>
    <t>01/21/2020 16:46:55</t>
  </si>
  <si>
    <t>01/21/2020 16:46:59</t>
  </si>
  <si>
    <t>01/21/2020 16:47:03</t>
  </si>
  <si>
    <t>01/21/2020 16:47:08</t>
  </si>
  <si>
    <t>01/21/2020 16:47:12</t>
  </si>
  <si>
    <t>01/21/2020 16:47:16</t>
  </si>
  <si>
    <t>01/21/2020 16:47:20</t>
  </si>
  <si>
    <t>01/21/2020 16:47:24</t>
  </si>
  <si>
    <t>01/21/2020 16:47:28</t>
  </si>
  <si>
    <t>01/21/2020 16:47:32</t>
  </si>
  <si>
    <t>01/21/2020 16:47:37</t>
  </si>
  <si>
    <t>01/21/2020 16:47:41</t>
  </si>
  <si>
    <t>01/21/2020 16:47:45</t>
  </si>
  <si>
    <t>01/21/2020 16:47:51</t>
  </si>
  <si>
    <t>01/21/2020 16:44:33</t>
  </si>
  <si>
    <t>01/21/2020 16:47:55</t>
  </si>
  <si>
    <t>01/21/2020 16:47:59</t>
  </si>
  <si>
    <t>01/21/2020 16:44:50</t>
  </si>
  <si>
    <t>20-01 RELATORIO DE LOGIN AVON - Cópia.xlsm</t>
  </si>
  <si>
    <t>\\acsfs\deptos\Operacao\PCP\5 - Comum\CONTROL DESK\2 - DAC2\Control Desk AVON\Relatorios\Status de login\2020\20-01 RELATORIO DE LOGIN AVON - Cópia.xlsm</t>
  </si>
  <si>
    <t>01/21/2020 16:48:03</t>
  </si>
  <si>
    <t>01/21/2020 16:48:08</t>
  </si>
  <si>
    <t>01/21/2020 16:48:12</t>
  </si>
  <si>
    <t>01/21/2020 16:48:16</t>
  </si>
  <si>
    <t>01/21/2020 16:48:20</t>
  </si>
  <si>
    <t>01/21/2020 16:48:24</t>
  </si>
  <si>
    <t>01/21/2020 16:48:28</t>
  </si>
  <si>
    <t>01/21/2020 16:48:33</t>
  </si>
  <si>
    <t>5d4ac37e-5980-4013-a5cb-8455cd53c696.tmp</t>
  </si>
  <si>
    <t>\\acsfs\profiles$\fernandofs\Downloads\5d4ac37e-5980-4013-a5cb-8455cd53c696.tmp</t>
  </si>
  <si>
    <t>01/21/2020 16:50:31</t>
  </si>
  <si>
    <t>01/21/2020 16:51:31</t>
  </si>
  <si>
    <t>01/21/2020 16:45:58</t>
  </si>
  <si>
    <t>01/21/2020 16:49:12</t>
  </si>
  <si>
    <t>01/21/2020 16:50:12</t>
  </si>
  <si>
    <t>01/21/2020 16:48:07</t>
  </si>
  <si>
    <t>01/21/2020 16:49:46</t>
  </si>
  <si>
    <t>01/21/2020 16:52:31</t>
  </si>
  <si>
    <t>01/21/2020 16:48:04</t>
  </si>
  <si>
    <t>01/21/2020 16:53:31</t>
  </si>
  <si>
    <t>38e8e780-8822-4e52-9b7e-7e5dcf654202.tmp</t>
  </si>
  <si>
    <t>\\acsfs\profiles$\fabianobmf\Downloads\38e8e780-8822-4e52-9b7e-7e5dcf654202.tmp</t>
  </si>
  <si>
    <t>01/21/2020 16:51:50</t>
  </si>
  <si>
    <t>15638d65-9d76-4e00-95d6-d334584740d6.tmp</t>
  </si>
  <si>
    <t>\\acsfs\profiles$\gabrielamdp\Downloads\15638d65-9d76-4e00-95d6-d334584740d6.tmp</t>
  </si>
  <si>
    <t>2e093648-6ccc-4e78-aeea-01e073666481.tmp</t>
  </si>
  <si>
    <t>\\acsfs\profiles$\gabrielamdp\Downloads\2e093648-6ccc-4e78-aeea-01e073666481.tmp</t>
  </si>
  <si>
    <t>b662a584-0aec-4b4b-84d8-afcf3f1037f1.tmp</t>
  </si>
  <si>
    <t>\\acsfs\profiles$\gabrielamdp\Downloads\b662a584-0aec-4b4b-84d8-afcf3f1037f1.tmp</t>
  </si>
  <si>
    <t>01/21/2020 16:51:51</t>
  </si>
  <si>
    <t>6a41d725-4066-412c-833e-cdf74e4ab9f1.tmp</t>
  </si>
  <si>
    <t>\\acsfs\profiles$\gabrielamdp\Downloads\6a41d725-4066-412c-833e-cdf74e4ab9f1.tmp</t>
  </si>
  <si>
    <t>faed2f2b-dbdc-4d2d-be55-6abd8394257d.tmp</t>
  </si>
  <si>
    <t>\\acsfs\profiles$\gabrielamdp\Downloads\faed2f2b-dbdc-4d2d-be55-6abd8394257d.tmp</t>
  </si>
  <si>
    <t>01/21/2020 16:54:31</t>
  </si>
  <si>
    <t>01/21/2020 16:48:37</t>
  </si>
  <si>
    <t>01/21/2020 16:48:42</t>
  </si>
  <si>
    <t>01/21/2020 16:48:46</t>
  </si>
  <si>
    <t>01/21/2020 16:48:51</t>
  </si>
  <si>
    <t>01/21/2020 16:48:55</t>
  </si>
  <si>
    <t>01/21/2020 16:49:00</t>
  </si>
  <si>
    <t>01/21/2020 16:49:04</t>
  </si>
  <si>
    <t>01/21/2020 16:49:09</t>
  </si>
  <si>
    <t>01/21/2020 16:49:15</t>
  </si>
  <si>
    <t>01/21/2020 16:49:20</t>
  </si>
  <si>
    <t>01/21/2020 16:49:26</t>
  </si>
  <si>
    <t>01/21/2020 16:49:30</t>
  </si>
  <si>
    <t>01/21/2020 16:49:35</t>
  </si>
  <si>
    <t>01/21/2020 16:49:40</t>
  </si>
  <si>
    <t>01/21/2020 16:49:44</t>
  </si>
  <si>
    <t>01/21/2020 16:49:48</t>
  </si>
  <si>
    <t>01/21/2020 16:49:52</t>
  </si>
  <si>
    <t>01/21/2020 16:49:54</t>
  </si>
  <si>
    <t>01/21/2020 16:49:57</t>
  </si>
  <si>
    <t>01/21/2020 16:50:01</t>
  </si>
  <si>
    <t>01/21/2020 16:50:05</t>
  </si>
  <si>
    <t>01/21/2020 16:50:09</t>
  </si>
  <si>
    <t>01/21/2020 16:50:13</t>
  </si>
  <si>
    <t>01/21/2020 16:50:18</t>
  </si>
  <si>
    <t>01/21/2020 16:50:22</t>
  </si>
  <si>
    <t>01/21/2020 16:50:26</t>
  </si>
  <si>
    <t>01/21/2020 16:50:35</t>
  </si>
  <si>
    <t>01/21/2020 16:50:39</t>
  </si>
  <si>
    <t>01/21/2020 16:50:43</t>
  </si>
  <si>
    <t>01/21/2020 16:50:46</t>
  </si>
  <si>
    <t>01/21/2020 16:50:47</t>
  </si>
  <si>
    <t>01/21/2020 16:50:52</t>
  </si>
  <si>
    <t>01/21/2020 16:50:56</t>
  </si>
  <si>
    <t>01/21/2020 16:51:01</t>
  </si>
  <si>
    <t>01/21/2020 16:51:05</t>
  </si>
  <si>
    <t>01/21/2020 16:51:07</t>
  </si>
  <si>
    <t>01/21/2020 16:51:09</t>
  </si>
  <si>
    <t>01/21/2020 16:51:13</t>
  </si>
  <si>
    <t>01/21/2020 16:51:17</t>
  </si>
  <si>
    <t>01/21/2020 16:51:23</t>
  </si>
  <si>
    <t>01/21/2020 16:51:27</t>
  </si>
  <si>
    <t>01/21/2020 16:51:32</t>
  </si>
  <si>
    <t>01/21/2020 16:51:36</t>
  </si>
  <si>
    <t>01/21/2020 16:51:40</t>
  </si>
  <si>
    <t>01/21/2020 16:51:44</t>
  </si>
  <si>
    <t>01/21/2020 16:51:48</t>
  </si>
  <si>
    <t>01/21/2020 16:51:52</t>
  </si>
  <si>
    <t>01/21/2020 16:51:57</t>
  </si>
  <si>
    <t>01/21/2020 16:52:01</t>
  </si>
  <si>
    <t>01/21/2020 16:52:05</t>
  </si>
  <si>
    <t>01/21/2020 16:52:09</t>
  </si>
  <si>
    <t>01/21/2020 16:52:13</t>
  </si>
  <si>
    <t>01/21/2020 16:52:17</t>
  </si>
  <si>
    <t>01/21/2020 16:52:22</t>
  </si>
  <si>
    <t>01/21/2020 16:52:26</t>
  </si>
  <si>
    <t>01/21/2020 16:52:30</t>
  </si>
  <si>
    <t>01/21/2020 16:52:35</t>
  </si>
  <si>
    <t>01/21/2020 16:52:39</t>
  </si>
  <si>
    <t>01/21/2020 16:52:43</t>
  </si>
  <si>
    <t>01/21/2020 16:52:47</t>
  </si>
  <si>
    <t>01/21/2020 16:52:51</t>
  </si>
  <si>
    <t>01/21/2020 16:52:55</t>
  </si>
  <si>
    <t>01/21/2020 16:53:00</t>
  </si>
  <si>
    <t>01/21/2020 16:53:04</t>
  </si>
  <si>
    <t>01/21/2020 16:53:08</t>
  </si>
  <si>
    <t>01/21/2020 16:53:13</t>
  </si>
  <si>
    <t>01/21/2020 16:53:17</t>
  </si>
  <si>
    <t>01/21/2020 16:53:22</t>
  </si>
  <si>
    <t>01/21/2020 16:53:26</t>
  </si>
  <si>
    <t>01/21/2020 16:53:30</t>
  </si>
  <si>
    <t>01/21/2020 16:53:35</t>
  </si>
  <si>
    <t>01/21/2020 16:53:39</t>
  </si>
  <si>
    <t>01/21/2020 16:51:43</t>
  </si>
  <si>
    <t>2b9b713a-cdcb-4bfc-be6b-6063f9ebc30e.tmp</t>
  </si>
  <si>
    <t>\\acsfs\profiles$\fernandofs\Downloads\2b9b713a-cdcb-4bfc-be6b-6063f9ebc30e.tmp</t>
  </si>
  <si>
    <t>01/21/2020 16:55:31</t>
  </si>
  <si>
    <t>01/21/2020 16:53:43</t>
  </si>
  <si>
    <t>01/21/2020 16:53:44</t>
  </si>
  <si>
    <t>01/21/2020 16:54:10</t>
  </si>
  <si>
    <t>01/21/2020 16:54:11</t>
  </si>
  <si>
    <t>01/21/2020 16:51:28</t>
  </si>
  <si>
    <t>01/21/2020 16:56:31</t>
  </si>
  <si>
    <t>01/21/2020 16:54:22</t>
  </si>
  <si>
    <t>6643cdd4-e41b-437f-b524-679ffbb7fbee.tmp</t>
  </si>
  <si>
    <t>\\acsfs\profiles$\gabrielsma\Downloads\6643cdd4-e41b-437f-b524-679ffbb7fbee.tmp</t>
  </si>
  <si>
    <t>01/21/2020 16:54:28</t>
  </si>
  <si>
    <t>Não confirmado 352513.crdownload</t>
  </si>
  <si>
    <t>\\acsfs\ACS\Gabriel da Silva\Contemporânea\Gen\Não confirmado 352513.crdownload</t>
  </si>
  <si>
    <t>01/21/2020 16:55:43</t>
  </si>
  <si>
    <t>01/21/2020 16:55:12</t>
  </si>
  <si>
    <t>627f6556-d438-44f6-83ae-e389524a1633.tmp</t>
  </si>
  <si>
    <t>\\acsfs\profiles$\joycemmdl\Downloads\627f6556-d438-44f6-83ae-e389524a1633.tmp</t>
  </si>
  <si>
    <t>01/21/2020 16:51:55</t>
  </si>
  <si>
    <t>01/21/2020 16:55:56</t>
  </si>
  <si>
    <t>01/21/2020 16:55:53</t>
  </si>
  <si>
    <t>01/21/2020 16:58:31</t>
  </si>
  <si>
    <t>cdc09855-e631-4c9b-8209-17ff1881155c.tmp</t>
  </si>
  <si>
    <t>\\acsfs\profiles$\fabianobmf\Downloads\cdc09855-e631-4c9b-8209-17ff1881155c.tmp</t>
  </si>
  <si>
    <t>01/21/2020 16:59:31</t>
  </si>
  <si>
    <t>01/21/2020 16:53:48</t>
  </si>
  <si>
    <t>01/21/2020 16:53:52</t>
  </si>
  <si>
    <t>01/21/2020 16:53:56</t>
  </si>
  <si>
    <t>01/21/2020 16:54:00</t>
  </si>
  <si>
    <t>Pedro Henrique Almeida Batista_1_6780351891163391167_1_32.wav</t>
  </si>
  <si>
    <t>\\acsfs\Deptos\EDUCACAO EMPRESARIAL\FERNANDA MONIT\Fernanda\MONITORIA JANEIRO\Ligaçoes para MUTANT terceiro ciclo janeiro\Pedro Henrique Almeida Batista_1_6780351891163391167_1_32.wav</t>
  </si>
  <si>
    <t>01/21/2020 16:54:02</t>
  </si>
  <si>
    <t>01/21/2020 16:54:06</t>
  </si>
  <si>
    <t>01/21/2020 16:54:15</t>
  </si>
  <si>
    <t>01/21/2020 16:54:19</t>
  </si>
  <si>
    <t>01/21/2020 16:54:24</t>
  </si>
  <si>
    <t>01/21/2020 16:54:32</t>
  </si>
  <si>
    <t>01/21/2020 16:54:37</t>
  </si>
  <si>
    <t>01/21/2020 16:54:41</t>
  </si>
  <si>
    <t>01/21/2020 16:54:46</t>
  </si>
  <si>
    <t>01/21/2020 16:54:51</t>
  </si>
  <si>
    <t>01/21/2020 16:54:55</t>
  </si>
  <si>
    <t>01/21/2020 16:54:59</t>
  </si>
  <si>
    <t>01/21/2020 16:55:03</t>
  </si>
  <si>
    <t>01/21/2020 16:55:07</t>
  </si>
  <si>
    <t>01/21/2020 16:55:11</t>
  </si>
  <si>
    <t>01/21/2020 16:55:16</t>
  </si>
  <si>
    <t>01/21/2020 16:55:20</t>
  </si>
  <si>
    <t>01/21/2020 16:55:24</t>
  </si>
  <si>
    <t>01/21/2020 16:55:28</t>
  </si>
  <si>
    <t>01/21/2020 16:55:33</t>
  </si>
  <si>
    <t>01/21/2020 16:55:38</t>
  </si>
  <si>
    <t>01/21/2020 16:55:42</t>
  </si>
  <si>
    <t>01/21/2020 16:55:46</t>
  </si>
  <si>
    <t>01/21/2020 16:59:32</t>
  </si>
  <si>
    <t>01/21/2020 16:55:50</t>
  </si>
  <si>
    <t>01/21/2020 16:55:54</t>
  </si>
  <si>
    <t>01/21/2020 16:55:59</t>
  </si>
  <si>
    <t>01/21/2020 16:56:03</t>
  </si>
  <si>
    <t>01/21/2020 16:56:07</t>
  </si>
  <si>
    <t>01/21/2020 16:56:08</t>
  </si>
  <si>
    <t>01/21/2020 16:56:12</t>
  </si>
  <si>
    <t>01/21/2020 16:56:17</t>
  </si>
  <si>
    <t>01/21/2020 16:56:23</t>
  </si>
  <si>
    <t>01/21/2020 16:56:27</t>
  </si>
  <si>
    <t>01/21/2020 16:56:38</t>
  </si>
  <si>
    <t>01/21/2020 16:56:46</t>
  </si>
  <si>
    <t>01/21/2020 16:56:50</t>
  </si>
  <si>
    <t>01/21/2020 16:56:54</t>
  </si>
  <si>
    <t>01/21/2020 16:56:58</t>
  </si>
  <si>
    <t>01/21/2020 16:57:01</t>
  </si>
  <si>
    <t>01/21/2020 16:57:02</t>
  </si>
  <si>
    <t>01/21/2020 16:57:03</t>
  </si>
  <si>
    <t>01/21/2020 16:57:07</t>
  </si>
  <si>
    <t>01/21/2020 16:57:12</t>
  </si>
  <si>
    <t>01/21/2020 16:57:16</t>
  </si>
  <si>
    <t>01/21/2020 16:57:20</t>
  </si>
  <si>
    <t>01/21/2020 16:57:24</t>
  </si>
  <si>
    <t>01/21/2020 16:57:29</t>
  </si>
  <si>
    <t>01/21/2020 16:57:33</t>
  </si>
  <si>
    <t>01/21/2020 16:57:37</t>
  </si>
  <si>
    <t>01/21/2020 16:57:42</t>
  </si>
  <si>
    <t>01/21/2020 16:57:46</t>
  </si>
  <si>
    <t>01/21/2020 16:57:50</t>
  </si>
  <si>
    <t>01/21/2020 16:57:54</t>
  </si>
  <si>
    <t>01/21/2020 16:57:58</t>
  </si>
  <si>
    <t>01/21/2020 16:58:03</t>
  </si>
  <si>
    <t>01/21/2020 16:58:07</t>
  </si>
  <si>
    <t>01/21/2020 16:58:10</t>
  </si>
  <si>
    <t>01/21/2020 16:58:11</t>
  </si>
  <si>
    <t>01/21/2020 16:58:13</t>
  </si>
  <si>
    <t>01/21/2020 16:58:16</t>
  </si>
  <si>
    <t>01/21/2020 16:58:21</t>
  </si>
  <si>
    <t>01/21/2020 16:58:25</t>
  </si>
  <si>
    <t>01/21/2020 16:58:28</t>
  </si>
  <si>
    <t>01/21/2020 16:58:29</t>
  </si>
  <si>
    <t>01/21/2020 16:58:33</t>
  </si>
  <si>
    <t>01/21/2020 16:58:38</t>
  </si>
  <si>
    <t>01/21/2020 16:58:40</t>
  </si>
  <si>
    <t>01/21/2020 16:58:42</t>
  </si>
  <si>
    <t>01/21/2020 16:58:43</t>
  </si>
  <si>
    <t>01/21/2020 16:58:46</t>
  </si>
  <si>
    <t>01/21/2020 16:58:49</t>
  </si>
  <si>
    <t>01/21/2020 17:01:31</t>
  </si>
  <si>
    <t>lu5123671lboy.tmp</t>
  </si>
  <si>
    <t>\\acsfs\profiles$\LUCASBS\RENEG BV\Consolidado\lu5123671lboy.tmp</t>
  </si>
  <si>
    <t>\\acsfs\profiles$\LUCASBS\RENEG BV\Consolidado\lu5123671lboy.tmp\</t>
  </si>
  <si>
    <t>\\acsfs\profiles$\LUCASBS\RENEG BV\Consolidado\lu5123671lboy.tmp\META-INF\</t>
  </si>
  <si>
    <t>\\acsfs\profiles$\LUCASBS\RENEG BV\Consolidado\lu5123671lboy.tmp\Thumbnails\</t>
  </si>
  <si>
    <t>01/21/2020 16:57:55</t>
  </si>
  <si>
    <t>01/21/2020 17:03:31</t>
  </si>
  <si>
    <t>01/21/2020 17:00:12</t>
  </si>
  <si>
    <t>01/21/2020 17:04:32</t>
  </si>
  <si>
    <t>21-01 RELATORIO DE LOGIN AVON.xlsm</t>
  </si>
  <si>
    <t>\\acsfs\deptos\Operacao\PCP\5 - Comum\CONTROL DESK\2 - DAC2\Control Desk AVON\Relatorios\Status de login\2020\21-01 RELATORIO DE LOGIN AVON.xlsm</t>
  </si>
  <si>
    <t>01/21/2020 16:58:51</t>
  </si>
  <si>
    <t>01/21/2020 16:58:53</t>
  </si>
  <si>
    <t>01/21/2020 16:58:56</t>
  </si>
  <si>
    <t>01/21/2020 16:59:02</t>
  </si>
  <si>
    <t>01/21/2020 16:59:08</t>
  </si>
  <si>
    <t>01/21/2020 16:59:14</t>
  </si>
  <si>
    <t>01/21/2020 16:59:18</t>
  </si>
  <si>
    <t>01/21/2020 16:59:21</t>
  </si>
  <si>
    <t>01/21/2020 16:59:27</t>
  </si>
  <si>
    <t>01/21/2020 16:59:30</t>
  </si>
  <si>
    <t>01/21/2020 16:59:37</t>
  </si>
  <si>
    <t>01/21/2020 16:59:42</t>
  </si>
  <si>
    <t>01/21/2020 16:59:46</t>
  </si>
  <si>
    <t>01/21/2020 16:59:51</t>
  </si>
  <si>
    <t>01/21/2020 16:59:55</t>
  </si>
  <si>
    <t>01/21/2020 17:00:00</t>
  </si>
  <si>
    <t>01/21/2020 17:00:06</t>
  </si>
  <si>
    <t>01/21/2020 17:00:13</t>
  </si>
  <si>
    <t>01/21/2020 17:00:18</t>
  </si>
  <si>
    <t>01/21/2020 17:00:22</t>
  </si>
  <si>
    <t>01/21/2020 17:00:26</t>
  </si>
  <si>
    <t>01/21/2020 17:00:32</t>
  </si>
  <si>
    <t>01/21/2020 17:00:38</t>
  </si>
  <si>
    <t>01/21/2020 17:00:42</t>
  </si>
  <si>
    <t>01/21/2020 17:00:47</t>
  </si>
  <si>
    <t>01/21/2020 17:00:48</t>
  </si>
  <si>
    <t>01/21/2020 17:00:52</t>
  </si>
  <si>
    <t>01/21/2020 17:03:17</t>
  </si>
  <si>
    <t>fe378f19-418b-40ba-80d5-ead6fb2ce594.tmp</t>
  </si>
  <si>
    <t>\\acsfs\profiles$\fernandofs\Downloads\fe378f19-418b-40ba-80d5-ead6fb2ce594.tmp</t>
  </si>
  <si>
    <t>01/21/2020 17:03:28</t>
  </si>
  <si>
    <t>40eb29e1-d42d-4de1-bc77-51a4d16a8c29.tmp</t>
  </si>
  <si>
    <t>\\acsfs\profiles$\fernandofs\Downloads\40eb29e1-d42d-4de1-bc77-51a4d16a8c29.tmp</t>
  </si>
  <si>
    <t>01/21/2020 17:00:55</t>
  </si>
  <si>
    <t>01/21/2020 17:04:04</t>
  </si>
  <si>
    <t>d3b1fce2-9d10-47cb-ad9d-195e02934eae.tmp</t>
  </si>
  <si>
    <t>\\acsfs\profiles$\fernandofs\Downloads\d3b1fce2-9d10-47cb-ad9d-195e02934eae.tmp</t>
  </si>
  <si>
    <t>01/21/2020 17:00:58</t>
  </si>
  <si>
    <t>01/21/2020 17:01:02</t>
  </si>
  <si>
    <t>01/21/2020 17:01:06</t>
  </si>
  <si>
    <t>01/21/2020 17:01:07</t>
  </si>
  <si>
    <t>01/21/2020 17:01:11</t>
  </si>
  <si>
    <t>01/21/2020 17:01:12</t>
  </si>
  <si>
    <t>01/21/2020 17:01:16</t>
  </si>
  <si>
    <t>01/21/2020 17:01:19</t>
  </si>
  <si>
    <t>01/21/2020 17:01:20</t>
  </si>
  <si>
    <t>01/21/2020 17:01:24</t>
  </si>
  <si>
    <t>01/21/2020 17:01:29</t>
  </si>
  <si>
    <t>01/21/2020 17:01:34</t>
  </si>
  <si>
    <t>01/21/2020 17:01:39</t>
  </si>
  <si>
    <t>01/21/2020 17:01:43</t>
  </si>
  <si>
    <t>01/21/2020 17:01:47</t>
  </si>
  <si>
    <t>01/21/2020 17:01:52</t>
  </si>
  <si>
    <t>01/21/2020 17:01:54</t>
  </si>
  <si>
    <t>01/21/2020 17:01:56</t>
  </si>
  <si>
    <t>01/21/2020 17:02:00</t>
  </si>
  <si>
    <t>01/21/2020 17:02:05</t>
  </si>
  <si>
    <t>01/21/2020 17:02:09</t>
  </si>
  <si>
    <t>01/21/2020 17:02:13</t>
  </si>
  <si>
    <t>01/21/2020 17:02:19</t>
  </si>
  <si>
    <t>01/21/2020 17:02:23</t>
  </si>
  <si>
    <t>01/21/2020 17:02:27</t>
  </si>
  <si>
    <t>01/21/2020 17:02:31</t>
  </si>
  <si>
    <t>01/21/2020 17:02:34</t>
  </si>
  <si>
    <t>01/21/2020 17:02:36</t>
  </si>
  <si>
    <t>01/21/2020 17:02:40</t>
  </si>
  <si>
    <t>01/21/2020 17:02:44</t>
  </si>
  <si>
    <t>01/21/2020 17:02:49</t>
  </si>
  <si>
    <t>01/21/2020 17:02:53</t>
  </si>
  <si>
    <t>01/21/2020 17:02:57</t>
  </si>
  <si>
    <t>01/21/2020 17:03:01</t>
  </si>
  <si>
    <t>01/21/2020 17:03:05</t>
  </si>
  <si>
    <t>01/21/2020 17:03:08</t>
  </si>
  <si>
    <t>01/21/2020 17:03:09</t>
  </si>
  <si>
    <t>01/21/2020 17:03:14</t>
  </si>
  <si>
    <t>01/21/2020 17:03:18</t>
  </si>
  <si>
    <t>01/21/2020 17:03:22</t>
  </si>
  <si>
    <t>01/21/2020 17:05:31</t>
  </si>
  <si>
    <t>01/21/2020 17:03:26</t>
  </si>
  <si>
    <t>01/21/2020 17:03:32</t>
  </si>
  <si>
    <t>01/21/2020 17:03:35</t>
  </si>
  <si>
    <t>01/21/2020 17:03:39</t>
  </si>
  <si>
    <t>01/21/2020 17:03:43</t>
  </si>
  <si>
    <t>01/21/2020 17:03:44</t>
  </si>
  <si>
    <t>01/21/2020 17:03:48</t>
  </si>
  <si>
    <t>01/21/2020 17:03:52</t>
  </si>
  <si>
    <t>01/21/2020 17:03:56</t>
  </si>
  <si>
    <t>01/21/2020 17:06:31</t>
  </si>
  <si>
    <t>01/21/2020 17:02:12</t>
  </si>
  <si>
    <t>01/21/2020 17:03:55</t>
  </si>
  <si>
    <t>01/21/2020 17:05:29</t>
  </si>
  <si>
    <t>01/21/2020 17:07:32</t>
  </si>
  <si>
    <t>abd55639-1756-42c0-8fee-35dd603544f5.tmp</t>
  </si>
  <si>
    <t>\\acsfs\profiles$\welidicdj\Downloads\abd55639-1756-42c0-8fee-35dd603544f5.tmp</t>
  </si>
  <si>
    <t>01/21/2020 17:06:23</t>
  </si>
  <si>
    <t>01/21/2020 17:08:31</t>
  </si>
  <si>
    <t>3ade2a88-e754-4402-a6e3-40c02bc1b44c.tmp</t>
  </si>
  <si>
    <t>\\acsfs\profiles$\paulohaf\Downloads\3ade2a88-e754-4402-a6e3-40c02bc1b44c.tmp</t>
  </si>
  <si>
    <t>01/21/2020 17:07:42</t>
  </si>
  <si>
    <t>01/21/2020 17:09:32</t>
  </si>
  <si>
    <t>01/21/2020 17:10:31</t>
  </si>
  <si>
    <t>01/21/2020 17:07:54</t>
  </si>
  <si>
    <t>01/21/2020 17:07:55</t>
  </si>
  <si>
    <t>01/21/2020 17:04:02</t>
  </si>
  <si>
    <t>01/21/2020 17:04:05</t>
  </si>
  <si>
    <t>01/21/2020 17:04:06</t>
  </si>
  <si>
    <t>01/21/2020 17:04:10</t>
  </si>
  <si>
    <t>01/21/2020 17:04:15</t>
  </si>
  <si>
    <t>01/21/2020 17:04:20</t>
  </si>
  <si>
    <t>01/21/2020 17:04:25</t>
  </si>
  <si>
    <t>01/21/2020 17:04:29</t>
  </si>
  <si>
    <t>01/21/2020 17:04:33</t>
  </si>
  <si>
    <t>01/21/2020 17:04:37</t>
  </si>
  <si>
    <t>01/21/2020 17:04:41</t>
  </si>
  <si>
    <t>01/21/2020 17:04:46</t>
  </si>
  <si>
    <t>01/21/2020 17:04:50</t>
  </si>
  <si>
    <t>01/21/2020 17:04:54</t>
  </si>
  <si>
    <t>01/21/2020 17:04:58</t>
  </si>
  <si>
    <t>01/21/2020 17:05:02</t>
  </si>
  <si>
    <t>01/21/2020 17:05:06</t>
  </si>
  <si>
    <t>01/21/2020 17:05:11</t>
  </si>
  <si>
    <t>01/21/2020 17:05:15</t>
  </si>
  <si>
    <t>01/21/2020 17:05:16</t>
  </si>
  <si>
    <t>01/21/2020 17:05:19</t>
  </si>
  <si>
    <t>01/21/2020 17:05:20</t>
  </si>
  <si>
    <t>01/21/2020 17:05:21</t>
  </si>
  <si>
    <t>01/21/2020 17:05:24</t>
  </si>
  <si>
    <t>01/21/2020 17:05:28</t>
  </si>
  <si>
    <t>01/21/2020 17:05:32</t>
  </si>
  <si>
    <t>01/21/2020 17:05:36</t>
  </si>
  <si>
    <t>01/21/2020 17:05:41</t>
  </si>
  <si>
    <t>01/21/2020 17:05:45</t>
  </si>
  <si>
    <t>01/21/2020 17:05:49</t>
  </si>
  <si>
    <t>01/21/2020 17:05:53</t>
  </si>
  <si>
    <t>01/21/2020 17:05:57</t>
  </si>
  <si>
    <t>01/21/2020 17:06:01</t>
  </si>
  <si>
    <t>01/21/2020 17:06:06</t>
  </si>
  <si>
    <t>01/21/2020 17:06:11</t>
  </si>
  <si>
    <t>01/21/2020 17:06:13</t>
  </si>
  <si>
    <t>01/21/2020 17:06:14</t>
  </si>
  <si>
    <t>01/21/2020 17:06:18</t>
  </si>
  <si>
    <t>01/21/2020 17:06:27</t>
  </si>
  <si>
    <t>01/21/2020 17:06:35</t>
  </si>
  <si>
    <t>01/21/2020 17:06:37</t>
  </si>
  <si>
    <t>01/21/2020 17:06:39</t>
  </si>
  <si>
    <t>01/21/2020 17:06:42</t>
  </si>
  <si>
    <t>01/21/2020 17:06:43</t>
  </si>
  <si>
    <t>01/21/2020 17:06:48</t>
  </si>
  <si>
    <t>01/21/2020 17:06:52</t>
  </si>
  <si>
    <t>01/21/2020 17:06:56</t>
  </si>
  <si>
    <t>01/21/2020 17:07:00</t>
  </si>
  <si>
    <t>01/21/2020 17:07:04</t>
  </si>
  <si>
    <t>01/21/2020 17:07:05</t>
  </si>
  <si>
    <t>01/21/2020 17:07:09</t>
  </si>
  <si>
    <t>01/21/2020 17:07:13</t>
  </si>
  <si>
    <t>01/21/2020 17:07:17</t>
  </si>
  <si>
    <t>01/21/2020 17:07:21</t>
  </si>
  <si>
    <t>01/21/2020 17:07:26</t>
  </si>
  <si>
    <t>01/21/2020 17:07:30</t>
  </si>
  <si>
    <t>01/21/2020 17:07:34</t>
  </si>
  <si>
    <t>01/21/2020 17:07:38</t>
  </si>
  <si>
    <t>01/21/2020 17:07:47</t>
  </si>
  <si>
    <t>01/21/2020 17:07:51</t>
  </si>
  <si>
    <t>01/21/2020 17:07:59</t>
  </si>
  <si>
    <t>01/21/2020 17:08:03</t>
  </si>
  <si>
    <t>01/21/2020 17:08:08</t>
  </si>
  <si>
    <t>01/21/2020 17:08:09</t>
  </si>
  <si>
    <t>01/21/2020 17:08:12</t>
  </si>
  <si>
    <t>01/21/2020 17:08:16</t>
  </si>
  <si>
    <t>01/21/2020 17:08:19</t>
  </si>
  <si>
    <t>01/21/2020 17:08:20</t>
  </si>
  <si>
    <t>01/21/2020 17:08:24</t>
  </si>
  <si>
    <t>01/21/2020 17:08:25</t>
  </si>
  <si>
    <t>01/21/2020 17:08:29</t>
  </si>
  <si>
    <t>01/21/2020 17:08:33</t>
  </si>
  <si>
    <t>01/21/2020 17:08:35</t>
  </si>
  <si>
    <t>01/21/2020 17:08:37</t>
  </si>
  <si>
    <t>01/21/2020 17:08:38</t>
  </si>
  <si>
    <t>01/21/2020 17:08:41</t>
  </si>
  <si>
    <t>01/21/2020 17:08:42</t>
  </si>
  <si>
    <t>01/21/2020 17:08:46</t>
  </si>
  <si>
    <t>01/21/2020 17:08:50</t>
  </si>
  <si>
    <t>01/21/2020 17:08:54</t>
  </si>
  <si>
    <t>01/21/2020 17:08:55</t>
  </si>
  <si>
    <t>01/21/2020 17:08:59</t>
  </si>
  <si>
    <t>01/21/2020 17:09:00</t>
  </si>
  <si>
    <t>01/21/2020 17:09:03</t>
  </si>
  <si>
    <t>01/21/2020 17:09:04</t>
  </si>
  <si>
    <t>01/21/2020 17:09:07</t>
  </si>
  <si>
    <t>01/21/2020 17:09:08</t>
  </si>
  <si>
    <t>01/21/2020 17:09:11</t>
  </si>
  <si>
    <t>01/21/2020 17:09:16</t>
  </si>
  <si>
    <t>01/21/2020 17:09:19</t>
  </si>
  <si>
    <t>01/21/2020 17:09:21</t>
  </si>
  <si>
    <t>01/21/2020 17:09:24</t>
  </si>
  <si>
    <t>01/21/2020 17:09:29</t>
  </si>
  <si>
    <t>01/21/2020 17:09:31</t>
  </si>
  <si>
    <t>01/21/2020 17:09:33</t>
  </si>
  <si>
    <t>01/21/2020 17:07:12</t>
  </si>
  <si>
    <t>01/21/2020 17:11:31</t>
  </si>
  <si>
    <t>01/21/2020 17:09:56</t>
  </si>
  <si>
    <t>01/21/2020 17:11:15</t>
  </si>
  <si>
    <t>01/21/2020 17:09:43</t>
  </si>
  <si>
    <t>01/21/2020 17:13:31</t>
  </si>
  <si>
    <t>01/21/2020 17:11:44</t>
  </si>
  <si>
    <t>01/21/2020 17:14:31</t>
  </si>
  <si>
    <t>01/21/2020 17:11:57</t>
  </si>
  <si>
    <t>01/21/2020 17:12:15</t>
  </si>
  <si>
    <t>01/21/2020 17:12:21</t>
  </si>
  <si>
    <t>01/21/2020 17:12:56</t>
  </si>
  <si>
    <t>01/21/2020 17:13:10</t>
  </si>
  <si>
    <t>01/21/2020 17:13:28</t>
  </si>
  <si>
    <t>01/21/2020 17:10:54</t>
  </si>
  <si>
    <t>01/21/2020 17:12:48</t>
  </si>
  <si>
    <t>01/21/2020 17:09:36</t>
  </si>
  <si>
    <t>01/21/2020 17:15:31</t>
  </si>
  <si>
    <t>01/21/2020 17:09:38</t>
  </si>
  <si>
    <t>01/21/2020 17:09:41</t>
  </si>
  <si>
    <t>01/21/2020 17:09:46</t>
  </si>
  <si>
    <t>01/21/2020 17:09:50</t>
  </si>
  <si>
    <t>01/21/2020 17:10:01</t>
  </si>
  <si>
    <t>01/21/2020 17:10:05</t>
  </si>
  <si>
    <t>01/21/2020 17:10:06</t>
  </si>
  <si>
    <t>01/21/2020 17:10:09</t>
  </si>
  <si>
    <t>01/21/2020 17:10:14</t>
  </si>
  <si>
    <t>01/21/2020 17:10:20</t>
  </si>
  <si>
    <t>01/21/2020 17:10:24</t>
  </si>
  <si>
    <t>01/21/2020 17:10:29</t>
  </si>
  <si>
    <t>01/21/2020 17:10:34</t>
  </si>
  <si>
    <t>01/21/2020 17:10:38</t>
  </si>
  <si>
    <t>01/21/2020 17:10:42</t>
  </si>
  <si>
    <t>01/21/2020 17:10:47</t>
  </si>
  <si>
    <t>01/21/2020 17:10:51</t>
  </si>
  <si>
    <t>01/21/2020 17:10:55</t>
  </si>
  <si>
    <t>01/21/2020 17:10:59</t>
  </si>
  <si>
    <t>01/21/2020 17:11:03</t>
  </si>
  <si>
    <t>01/21/2020 17:11:08</t>
  </si>
  <si>
    <t>01/21/2020 17:11:12</t>
  </si>
  <si>
    <t>01/21/2020 17:11:17</t>
  </si>
  <si>
    <t>01/21/2020 17:11:21</t>
  </si>
  <si>
    <t>01/21/2020 17:11:25</t>
  </si>
  <si>
    <t>01/21/2020 17:11:29</t>
  </si>
  <si>
    <t>01/21/2020 17:11:33</t>
  </si>
  <si>
    <t>01/21/2020 17:11:38</t>
  </si>
  <si>
    <t>01/21/2020 17:11:42</t>
  </si>
  <si>
    <t>01/21/2020 17:11:47</t>
  </si>
  <si>
    <t>01/21/2020 17:11:51</t>
  </si>
  <si>
    <t>01/21/2020 17:11:56</t>
  </si>
  <si>
    <t>01/21/2020 17:12:01</t>
  </si>
  <si>
    <t>01/21/2020 17:12:07</t>
  </si>
  <si>
    <t>01/21/2020 17:12:12</t>
  </si>
  <si>
    <t>01/21/2020 17:12:17</t>
  </si>
  <si>
    <t>01/21/2020 17:12:22</t>
  </si>
  <si>
    <t>01/21/2020 17:12:26</t>
  </si>
  <si>
    <t>01/21/2020 17:12:30</t>
  </si>
  <si>
    <t>01/21/2020 17:12:35</t>
  </si>
  <si>
    <t>01/21/2020 17:12:39</t>
  </si>
  <si>
    <t>01/21/2020 17:12:43</t>
  </si>
  <si>
    <t>01/21/2020 17:12:52</t>
  </si>
  <si>
    <t>01/21/2020 17:12:57</t>
  </si>
  <si>
    <t>01/21/2020 17:13:01</t>
  </si>
  <si>
    <t>01/21/2020 17:13:05</t>
  </si>
  <si>
    <t>01/21/2020 17:13:09</t>
  </si>
  <si>
    <t>01/21/2020 17:13:13</t>
  </si>
  <si>
    <t>01/21/2020 17:13:18</t>
  </si>
  <si>
    <t>01/21/2020 17:13:22</t>
  </si>
  <si>
    <t>01/21/2020 17:13:27</t>
  </si>
  <si>
    <t>01/21/2020 17:13:36</t>
  </si>
  <si>
    <t>01/21/2020 17:13:38</t>
  </si>
  <si>
    <t>01/21/2020 17:13:40</t>
  </si>
  <si>
    <t>01/21/2020 17:13:44</t>
  </si>
  <si>
    <t>01/21/2020 17:13:49</t>
  </si>
  <si>
    <t>01/21/2020 17:13:51</t>
  </si>
  <si>
    <t>01/21/2020 17:13:53</t>
  </si>
  <si>
    <t>01/21/2020 17:13:54</t>
  </si>
  <si>
    <t>01/21/2020 17:14:00</t>
  </si>
  <si>
    <t>01/21/2020 17:14:03</t>
  </si>
  <si>
    <t>01/21/2020 17:14:05</t>
  </si>
  <si>
    <t>01/21/2020 17:14:09</t>
  </si>
  <si>
    <t>01/21/2020 17:14:13</t>
  </si>
  <si>
    <t>01/21/2020 17:14:18</t>
  </si>
  <si>
    <t>01/21/2020 17:14:22</t>
  </si>
  <si>
    <t>01/21/2020 17:14:26</t>
  </si>
  <si>
    <t>01/21/2020 17:14:30</t>
  </si>
  <si>
    <t>01/21/2020 17:14:34</t>
  </si>
  <si>
    <t>01/21/2020 17:14:39</t>
  </si>
  <si>
    <t>01/21/2020 17:14:44</t>
  </si>
  <si>
    <t>01/21/2020 17:14:46</t>
  </si>
  <si>
    <t>01/21/2020 17:15:02</t>
  </si>
  <si>
    <t>01/21/2020 17:16:31</t>
  </si>
  <si>
    <t>721e0e93-4ce6-4531-a2f2-e65b50086009.tmp</t>
  </si>
  <si>
    <t>\\acsfs\profiles$\cassianogc\Downloads\721e0e93-4ce6-4531-a2f2-e65b50086009.tmp</t>
  </si>
  <si>
    <t>01/21/2020 17:13:12</t>
  </si>
  <si>
    <t>01/21/2020 17:14:14</t>
  </si>
  <si>
    <t>01/21/2020 17:15:54</t>
  </si>
  <si>
    <t>01/21/2020 17:14:35</t>
  </si>
  <si>
    <t>01/21/2020 17:17:32</t>
  </si>
  <si>
    <t>10.200.66.132</t>
  </si>
  <si>
    <t>78-2B-CB-C1-06-92</t>
  </si>
  <si>
    <t>VOTORANT-YB006</t>
  </si>
  <si>
    <t>michellegdl</t>
  </si>
  <si>
    <t>01/21/2020 17:14:37</t>
  </si>
  <si>
    <t>01/21/2020 17:14:06</t>
  </si>
  <si>
    <t>dda1062c-d04f-4efb-a791-44fa6e3a58cf.tmp</t>
  </si>
  <si>
    <t>\\acsfs\profiles$\taylaedoa\Downloads\dda1062c-d04f-4efb-a791-44fa6e3a58cf.tmp</t>
  </si>
  <si>
    <t>01/21/2020 17:15:17</t>
  </si>
  <si>
    <t>725dc21c-39b2-4a52-a77b-a781bfe9d2d7.tmp</t>
  </si>
  <si>
    <t>\\acsfs\profiles$\taylaedoa\Downloads\725dc21c-39b2-4a52-a77b-a781bfe9d2d7.tmp</t>
  </si>
  <si>
    <t>01/21/2020 17:13:46</t>
  </si>
  <si>
    <t>01/21/2020 17:19:32</t>
  </si>
  <si>
    <t>01/21/2020 17:13:57</t>
  </si>
  <si>
    <t>01/21/2020 17:13:59</t>
  </si>
  <si>
    <t>01/21/2020 17:14:54</t>
  </si>
  <si>
    <t>01/21/2020 17:14:55</t>
  </si>
  <si>
    <t>01/21/2020 17:15:15</t>
  </si>
  <si>
    <t>01/21/2020 17:15:21</t>
  </si>
  <si>
    <t>01/21/2020 17:15:36</t>
  </si>
  <si>
    <t>01/21/2020 17:15:06</t>
  </si>
  <si>
    <t>e8c2d324-996f-4d52-9e92-10521ecd893f.tmp</t>
  </si>
  <si>
    <t>\\acsfs\profiles$\layonmof\Downloads\e8c2d324-996f-4d52-9e92-10521ecd893f.tmp</t>
  </si>
  <si>
    <t>01/21/2020 17:19:12</t>
  </si>
  <si>
    <t>a86b59a2-924e-498e-b89c-c44676e6ab89.tmp</t>
  </si>
  <si>
    <t>\\acsfs\profiles$\fernandofs\Downloads\a86b59a2-924e-498e-b89c-c44676e6ab89.tmp</t>
  </si>
  <si>
    <t>01/21/2020 17:17:51</t>
  </si>
  <si>
    <t>ab51f092-cf3d-42d0-ac57-e2f15889f682.tmp</t>
  </si>
  <si>
    <t>\\acsfs\profiles$\mariajaf\Downloads\ab51f092-cf3d-42d0-ac57-e2f15889f682.tmp</t>
  </si>
  <si>
    <t>01/21/2020 17:14:48</t>
  </si>
  <si>
    <t>01/21/2020 17:20:31</t>
  </si>
  <si>
    <t>01/21/2020 17:14:52</t>
  </si>
  <si>
    <t>01/21/2020 17:14:56</t>
  </si>
  <si>
    <t>01/21/2020 17:15:00</t>
  </si>
  <si>
    <t>01/21/2020 17:15:05</t>
  </si>
  <si>
    <t>01/21/2020 17:15:09</t>
  </si>
  <si>
    <t>01/21/2020 17:15:13</t>
  </si>
  <si>
    <t>01/21/2020 17:15:26</t>
  </si>
  <si>
    <t>01/21/2020 17:15:35</t>
  </si>
  <si>
    <t>01/21/2020 17:15:39</t>
  </si>
  <si>
    <t>01/21/2020 17:15:43</t>
  </si>
  <si>
    <t>01/21/2020 17:15:47</t>
  </si>
  <si>
    <t>01/21/2020 17:15:52</t>
  </si>
  <si>
    <t>01/21/2020 17:15:56</t>
  </si>
  <si>
    <t>01/21/2020 17:16:00</t>
  </si>
  <si>
    <t>01/21/2020 17:16:04</t>
  </si>
  <si>
    <t>01/21/2020 17:16:08</t>
  </si>
  <si>
    <t>01/21/2020 17:16:13</t>
  </si>
  <si>
    <t>01/21/2020 17:16:17</t>
  </si>
  <si>
    <t>01/21/2020 17:16:21</t>
  </si>
  <si>
    <t>01/21/2020 17:16:26</t>
  </si>
  <si>
    <t>01/21/2020 17:16:30</t>
  </si>
  <si>
    <t>01/21/2020 17:16:35</t>
  </si>
  <si>
    <t>QUINDAIZA APARECIDA GUEDES DA SILVA_1_6780350113046928701_1_32.wav</t>
  </si>
  <si>
    <t>\\acsfs\Deptos\EDUCACAO EMPRESARIAL\FERNANDA MONIT\Fernanda\MONITORIA JANEIRO\Ligaçoes para MUTANT terceiro ciclo janeiro\QUINDAIZA APARECIDA GUEDES DA SILVA_1_6780350113046928701_1_32.wav</t>
  </si>
  <si>
    <t>01/21/2020 17:16:38</t>
  </si>
  <si>
    <t>01/21/2020 17:16:43</t>
  </si>
  <si>
    <t>01/21/2020 17:16:47</t>
  </si>
  <si>
    <t>01/21/2020 17:16:51</t>
  </si>
  <si>
    <t>01/21/2020 17:16:55</t>
  </si>
  <si>
    <t>01/21/2020 17:17:00</t>
  </si>
  <si>
    <t>01/21/2020 17:17:04</t>
  </si>
  <si>
    <t>01/21/2020 17:17:09</t>
  </si>
  <si>
    <t>01/21/2020 17:17:13</t>
  </si>
  <si>
    <t>01/21/2020 17:17:18</t>
  </si>
  <si>
    <t>01/21/2020 17:17:22</t>
  </si>
  <si>
    <t>01/21/2020 17:17:27</t>
  </si>
  <si>
    <t>01/21/2020 17:17:31</t>
  </si>
  <si>
    <t>01/21/2020 17:17:35</t>
  </si>
  <si>
    <t>01/21/2020 17:17:39</t>
  </si>
  <si>
    <t>01/21/2020 17:17:43</t>
  </si>
  <si>
    <t>01/21/2020 17:17:44</t>
  </si>
  <si>
    <t>01/21/2020 17:17:48</t>
  </si>
  <si>
    <t>01/21/2020 17:17:53</t>
  </si>
  <si>
    <t>01/21/2020 17:17:57</t>
  </si>
  <si>
    <t>01/21/2020 17:18:02</t>
  </si>
  <si>
    <t>01/21/2020 17:18:06</t>
  </si>
  <si>
    <t>01/21/2020 17:18:11</t>
  </si>
  <si>
    <t>01/21/2020 17:18:15</t>
  </si>
  <si>
    <t>01/21/2020 17:18:19</t>
  </si>
  <si>
    <t>01/21/2020 17:18:23</t>
  </si>
  <si>
    <t>01/21/2020 17:18:28</t>
  </si>
  <si>
    <t>01/21/2020 17:18:32</t>
  </si>
  <si>
    <t>01/21/2020 17:18:37</t>
  </si>
  <si>
    <t>01/21/2020 17:18:41</t>
  </si>
  <si>
    <t>01/21/2020 17:18:45</t>
  </si>
  <si>
    <t>01/21/2020 17:18:49</t>
  </si>
  <si>
    <t>01/21/2020 17:18:54</t>
  </si>
  <si>
    <t>01/21/2020 17:18:58</t>
  </si>
  <si>
    <t>01/21/2020 17:19:03</t>
  </si>
  <si>
    <t>01/21/2020 17:19:07</t>
  </si>
  <si>
    <t>01/21/2020 17:19:11</t>
  </si>
  <si>
    <t>01/21/2020 17:19:16</t>
  </si>
  <si>
    <t>01/21/2020 17:19:20</t>
  </si>
  <si>
    <t>01/21/2020 17:19:24</t>
  </si>
  <si>
    <t>01/21/2020 17:19:29</t>
  </si>
  <si>
    <t>01/21/2020 17:19:33</t>
  </si>
  <si>
    <t>01/21/2020 17:19:38</t>
  </si>
  <si>
    <t>01/21/2020 17:19:42</t>
  </si>
  <si>
    <t>01/21/2020 17:19:46</t>
  </si>
  <si>
    <t>01/21/2020 17:19:51</t>
  </si>
  <si>
    <t>01/21/2020 17:19:54</t>
  </si>
  <si>
    <t>01/21/2020 17:19:55</t>
  </si>
  <si>
    <t>01/21/2020 17:21:31</t>
  </si>
  <si>
    <t>01/21/2020 17:20:12</t>
  </si>
  <si>
    <t>01/21/2020 17:19:01</t>
  </si>
  <si>
    <t>01/21/2020 17:23:31</t>
  </si>
  <si>
    <t>01/21/2020 17:20:58</t>
  </si>
  <si>
    <t>b2462276-e001-4204-af82-b80ede0eb04e.tmp</t>
  </si>
  <si>
    <t>\\acsfs\profiles$\myllenardl\Downloads\b2462276-e001-4204-af82-b80ede0eb04e.tmp</t>
  </si>
  <si>
    <t>01/21/2020 17:23:08</t>
  </si>
  <si>
    <t>01/21/2020 17:24:32</t>
  </si>
  <si>
    <t>01/21/2020 17:19:41</t>
  </si>
  <si>
    <t>01/21/2020 17:25:31</t>
  </si>
  <si>
    <t>01/21/2020 17:19:52</t>
  </si>
  <si>
    <t>01/21/2020 17:19:59</t>
  </si>
  <si>
    <t>01/21/2020 17:20:04</t>
  </si>
  <si>
    <t>01/21/2020 17:20:09</t>
  </si>
  <si>
    <t>01/21/2020 17:20:13</t>
  </si>
  <si>
    <t>01/21/2020 17:20:18</t>
  </si>
  <si>
    <t>01/21/2020 17:20:22</t>
  </si>
  <si>
    <t>01/21/2020 17:20:26</t>
  </si>
  <si>
    <t>01/21/2020 17:20:30</t>
  </si>
  <si>
    <t>01/21/2020 17:20:35</t>
  </si>
  <si>
    <t>01/21/2020 17:20:39</t>
  </si>
  <si>
    <t>01/21/2020 17:20:43</t>
  </si>
  <si>
    <t>01/21/2020 17:20:47</t>
  </si>
  <si>
    <t>01/21/2020 17:20:51</t>
  </si>
  <si>
    <t>01/21/2020 17:20:56</t>
  </si>
  <si>
    <t>01/21/2020 17:21:00</t>
  </si>
  <si>
    <t>01/21/2020 17:21:05</t>
  </si>
  <si>
    <t>01/21/2020 17:21:09</t>
  </si>
  <si>
    <t>01/21/2020 17:21:13</t>
  </si>
  <si>
    <t>01/21/2020 17:21:17</t>
  </si>
  <si>
    <t>01/21/2020 17:21:21</t>
  </si>
  <si>
    <t>01/21/2020 17:21:26</t>
  </si>
  <si>
    <t>01/21/2020 17:21:30</t>
  </si>
  <si>
    <t>01/21/2020 17:21:35</t>
  </si>
  <si>
    <t>01/21/2020 17:21:39</t>
  </si>
  <si>
    <t>01/21/2020 17:21:43</t>
  </si>
  <si>
    <t>01/21/2020 17:21:47</t>
  </si>
  <si>
    <t>01/21/2020 17:21:52</t>
  </si>
  <si>
    <t>01/21/2020 17:21:56</t>
  </si>
  <si>
    <t>01/21/2020 17:22:00</t>
  </si>
  <si>
    <t>01/21/2020 17:22:04</t>
  </si>
  <si>
    <t>01/21/2020 17:22:09</t>
  </si>
  <si>
    <t>01/21/2020 17:22:13</t>
  </si>
  <si>
    <t>01/21/2020 17:22:17</t>
  </si>
  <si>
    <t>01/21/2020 17:22:22</t>
  </si>
  <si>
    <t>01/21/2020 17:22:26</t>
  </si>
  <si>
    <t>01/21/2020 17:22:30</t>
  </si>
  <si>
    <t>01/21/2020 17:22:35</t>
  </si>
  <si>
    <t>01/21/2020 17:22:39</t>
  </si>
  <si>
    <t>01/21/2020 17:22:43</t>
  </si>
  <si>
    <t>01/21/2020 17:22:47</t>
  </si>
  <si>
    <t>01/21/2020 17:22:51</t>
  </si>
  <si>
    <t>01/21/2020 17:22:56</t>
  </si>
  <si>
    <t>01/21/2020 17:23:00</t>
  </si>
  <si>
    <t>01/21/2020 17:23:04</t>
  </si>
  <si>
    <t>01/21/2020 17:23:13</t>
  </si>
  <si>
    <t>01/21/2020 17:23:17</t>
  </si>
  <si>
    <t>01/21/2020 17:23:21</t>
  </si>
  <si>
    <t>01/21/2020 17:23:26</t>
  </si>
  <si>
    <t>01/21/2020 17:23:30</t>
  </si>
  <si>
    <t>01/21/2020 17:23:35</t>
  </si>
  <si>
    <t>01/21/2020 17:23:39</t>
  </si>
  <si>
    <t>01/21/2020 17:23:43</t>
  </si>
  <si>
    <t>01/21/2020 17:23:48</t>
  </si>
  <si>
    <t>01/21/2020 17:23:52</t>
  </si>
  <si>
    <t>01/21/2020 17:23:56</t>
  </si>
  <si>
    <t>01/21/2020 17:24:00</t>
  </si>
  <si>
    <t>01/21/2020 17:24:05</t>
  </si>
  <si>
    <t>01/21/2020 17:24:09</t>
  </si>
  <si>
    <t>01/21/2020 17:24:13</t>
  </si>
  <si>
    <t>01/21/2020 17:24:18</t>
  </si>
  <si>
    <t>01/21/2020 17:24:23</t>
  </si>
  <si>
    <t>01/21/2020 17:24:28</t>
  </si>
  <si>
    <t>01/21/2020 17:24:33</t>
  </si>
  <si>
    <t>01/21/2020 17:24:37</t>
  </si>
  <si>
    <t>01/21/2020 17:24:41</t>
  </si>
  <si>
    <t>01/21/2020 17:24:45</t>
  </si>
  <si>
    <t>01/21/2020 17:24:50</t>
  </si>
  <si>
    <t>01/21/2020 17:24:54</t>
  </si>
  <si>
    <t>01/21/2020 17:24:56</t>
  </si>
  <si>
    <t>01/21/2020 17:24:58</t>
  </si>
  <si>
    <t>01/21/2020 17:25:11</t>
  </si>
  <si>
    <t>01/21/2020 17:26:32</t>
  </si>
  <si>
    <t>01/21/2020 17:23:28</t>
  </si>
  <si>
    <t>e66e6dec-3d78-43db-90ad-ef9155e27cb9.tmp</t>
  </si>
  <si>
    <t>\\acsfs\profiles$\fernandofs\Downloads\e66e6dec-3d78-43db-90ad-ef9155e27cb9.tmp</t>
  </si>
  <si>
    <t>4f6672c6-31b8-4959-8606-f697461de216.tmp</t>
  </si>
  <si>
    <t>\\acsfs\profiles$\fernandofs\Downloads\4f6672c6-31b8-4959-8606-f697461de216.tmp</t>
  </si>
  <si>
    <t>01/21/2020 17:23:40</t>
  </si>
  <si>
    <t>f274b6e8-87ef-4971-9b5a-991626822b2e.tmp</t>
  </si>
  <si>
    <t>\\acsfs\profiles$\fernandofs\Downloads\f274b6e8-87ef-4971-9b5a-991626822b2e.tmp</t>
  </si>
  <si>
    <t>01/21/2020 17:21:54</t>
  </si>
  <si>
    <t>01/21/2020 17:24:22</t>
  </si>
  <si>
    <t>01/21/2020 17:27:32</t>
  </si>
  <si>
    <t>fb09af3d-1a67-4472-814b-08ba1eedf31e.tmp</t>
  </si>
  <si>
    <t>\\acsfs\profiles$\nathaliaos\Downloads\fb09af3d-1a67-4472-814b-08ba1eedf31e.tmp</t>
  </si>
  <si>
    <t>01/21/2020 17:25:49</t>
  </si>
  <si>
    <t>e2ab8699-9148-468b-8c24-b5168892c960.tmp</t>
  </si>
  <si>
    <t>\\acsfs\profiles$\nathaliaos\Downloads\e2ab8699-9148-468b-8c24-b5168892c960.tmp</t>
  </si>
  <si>
    <t>01/21/2020 17:26:07</t>
  </si>
  <si>
    <t>abea2ae6-1581-4e99-ab02-f119a821a894.tmp</t>
  </si>
  <si>
    <t>\\acsfs\profiles$\nathaliaos\Downloads\abea2ae6-1581-4e99-ab02-f119a821a894.tmp</t>
  </si>
  <si>
    <t>01/21/2020 17:26:29</t>
  </si>
  <si>
    <t>e3ce87ab-869a-4a9a-b0ef-9346c908ec49.tmp</t>
  </si>
  <si>
    <t>\\acsfs\profiles$\nathaliaos\Downloads\e3ce87ab-869a-4a9a-b0ef-9346c908ec49.tmp</t>
  </si>
  <si>
    <t>01/21/2020 17:29:31</t>
  </si>
  <si>
    <t>01/21/2020 17:25:29</t>
  </si>
  <si>
    <t>01/21/2020 17:30:31</t>
  </si>
  <si>
    <t>52a61fd1-37ba-40d5-bc38-f9b53af355f7.tmp</t>
  </si>
  <si>
    <t>\\acsfs\profiles$\marcosvnds\Downloads\52a61fd1-37ba-40d5-bc38-f9b53af355f7.tmp</t>
  </si>
  <si>
    <t>01/21/2020 17:25:32</t>
  </si>
  <si>
    <t>656705d7-623b-41b7-8deb-18183d648ae5.tmp</t>
  </si>
  <si>
    <t>\\acsfs\profiles$\marcosvnds\Downloads\656705d7-623b-41b7-8deb-18183d648ae5.tmp</t>
  </si>
  <si>
    <t>01/21/2020 17:25:02</t>
  </si>
  <si>
    <t>01/21/2020 17:25:07</t>
  </si>
  <si>
    <t>01/21/2020 17:25:15</t>
  </si>
  <si>
    <t>01/21/2020 17:25:20</t>
  </si>
  <si>
    <t>01/21/2020 17:25:23</t>
  </si>
  <si>
    <t>01/21/2020 17:25:27</t>
  </si>
  <si>
    <t>01/21/2020 17:25:36</t>
  </si>
  <si>
    <t>01/21/2020 17:25:40</t>
  </si>
  <si>
    <t>01/21/2020 17:25:44</t>
  </si>
  <si>
    <t>01/21/2020 17:25:48</t>
  </si>
  <si>
    <t>01/21/2020 17:25:52</t>
  </si>
  <si>
    <t>01/21/2020 17:25:54</t>
  </si>
  <si>
    <t>01/21/2020 17:25:57</t>
  </si>
  <si>
    <t>01/21/2020 17:26:01</t>
  </si>
  <si>
    <t>01/21/2020 17:26:02</t>
  </si>
  <si>
    <t>01/21/2020 17:26:05</t>
  </si>
  <si>
    <t>01/21/2020 17:26:09</t>
  </si>
  <si>
    <t>01/21/2020 17:26:13</t>
  </si>
  <si>
    <t>01/21/2020 17:26:14</t>
  </si>
  <si>
    <t>01/21/2020 17:26:18</t>
  </si>
  <si>
    <t>01/21/2020 17:26:22</t>
  </si>
  <si>
    <t>01/21/2020 17:26:26</t>
  </si>
  <si>
    <t>01/21/2020 17:26:30</t>
  </si>
  <si>
    <t>01/21/2020 17:26:34</t>
  </si>
  <si>
    <t>01/21/2020 17:26:35</t>
  </si>
  <si>
    <t>01/21/2020 17:26:36</t>
  </si>
  <si>
    <t>01/21/2020 17:26:39</t>
  </si>
  <si>
    <t>01/21/2020 17:26:44</t>
  </si>
  <si>
    <t>01/21/2020 17:26:48</t>
  </si>
  <si>
    <t>01/21/2020 17:26:52</t>
  </si>
  <si>
    <t>01/21/2020 17:26:56</t>
  </si>
  <si>
    <t>01/21/2020 17:27:01</t>
  </si>
  <si>
    <t>01/21/2020 17:27:05</t>
  </si>
  <si>
    <t>01/21/2020 17:27:09</t>
  </si>
  <si>
    <t>01/21/2020 17:27:11</t>
  </si>
  <si>
    <t>01/21/2020 17:27:13</t>
  </si>
  <si>
    <t>01/21/2020 17:27:16</t>
  </si>
  <si>
    <t>01/21/2020 17:27:18</t>
  </si>
  <si>
    <t>01/21/2020 17:27:22</t>
  </si>
  <si>
    <t>01/21/2020 17:27:26</t>
  </si>
  <si>
    <t>01/21/2020 17:27:31</t>
  </si>
  <si>
    <t>01/21/2020 17:27:35</t>
  </si>
  <si>
    <t>01/21/2020 17:27:39</t>
  </si>
  <si>
    <t>01/21/2020 17:27:41</t>
  </si>
  <si>
    <t>01/21/2020 17:27:43</t>
  </si>
  <si>
    <t>01/21/2020 17:27:48</t>
  </si>
  <si>
    <t>01/21/2020 17:27:52</t>
  </si>
  <si>
    <t>01/21/2020 17:27:57</t>
  </si>
  <si>
    <t>01/21/2020 17:28:01</t>
  </si>
  <si>
    <t>01/21/2020 17:28:05</t>
  </si>
  <si>
    <t>01/21/2020 17:28:09</t>
  </si>
  <si>
    <t>01/21/2020 17:28:14</t>
  </si>
  <si>
    <t>01/21/2020 17:28:19</t>
  </si>
  <si>
    <t>01/21/2020 17:28:23</t>
  </si>
  <si>
    <t>01/21/2020 17:28:28</t>
  </si>
  <si>
    <t>01/21/2020 17:28:33</t>
  </si>
  <si>
    <t>01/21/2020 17:28:38</t>
  </si>
  <si>
    <t>01/21/2020 17:28:42</t>
  </si>
  <si>
    <t>01/21/2020 17:28:46</t>
  </si>
  <si>
    <t>01/21/2020 17:28:50</t>
  </si>
  <si>
    <t>01/21/2020 17:28:55</t>
  </si>
  <si>
    <t>01/21/2020 17:28:59</t>
  </si>
  <si>
    <t>01/21/2020 17:29:04</t>
  </si>
  <si>
    <t>01/21/2020 17:29:08</t>
  </si>
  <si>
    <t>01/21/2020 17:29:12</t>
  </si>
  <si>
    <t>01/21/2020 17:29:16</t>
  </si>
  <si>
    <t>01/21/2020 17:29:21</t>
  </si>
  <si>
    <t>01/21/2020 17:29:25</t>
  </si>
  <si>
    <t>01/21/2020 17:29:29</t>
  </si>
  <si>
    <t>01/21/2020 17:29:34</t>
  </si>
  <si>
    <t>01/21/2020 17:29:39</t>
  </si>
  <si>
    <t>01/21/2020 17:29:44</t>
  </si>
  <si>
    <t>01/21/2020 17:29:49</t>
  </si>
  <si>
    <t>01/21/2020 17:29:53</t>
  </si>
  <si>
    <t>01/21/2020 17:29:58</t>
  </si>
  <si>
    <t>01/21/2020 17:30:02</t>
  </si>
  <si>
    <t>01/21/2020 17:30:06</t>
  </si>
  <si>
    <t>01/21/2020 17:26:11</t>
  </si>
  <si>
    <t>01/21/2020 17:31:31</t>
  </si>
  <si>
    <t>01/21/2020 17:26:49</t>
  </si>
  <si>
    <t>01/21/2020 17:27:54</t>
  </si>
  <si>
    <t>01/21/2020 17:32:31</t>
  </si>
  <si>
    <t>01/21/2020 17:30:05</t>
  </si>
  <si>
    <t>174e2ad8-2535-446a-967e-9f98730266bd.tmp</t>
  </si>
  <si>
    <t>\\acsfs\profiles$\layonmof\Downloads\174e2ad8-2535-446a-967e-9f98730266bd.tmp</t>
  </si>
  <si>
    <t>01/21/2020 17:30:36</t>
  </si>
  <si>
    <t>0f327b33-d9e8-4db2-8284-f80eb5af745e.tmp</t>
  </si>
  <si>
    <t>\\acsfs\profiles$\layonmof\Downloads\0f327b33-d9e8-4db2-8284-f80eb5af745e.tmp</t>
  </si>
  <si>
    <t>01/21/2020 17:31:20</t>
  </si>
  <si>
    <t>766cb4c8-a275-41f7-965a-1d425a284e0b.tmp</t>
  </si>
  <si>
    <t>\\acsfs\profiles$\layonmof\Downloads\766cb4c8-a275-41f7-965a-1d425a284e0b.tmp</t>
  </si>
  <si>
    <t>01/21/2020 17:29:37</t>
  </si>
  <si>
    <t>01/21/2020 17:33:31</t>
  </si>
  <si>
    <t>b0dabf44-3eda-4f1f-8e67-7792bada2673.tmp</t>
  </si>
  <si>
    <t>\\acsfs\profiles$\paulohaf\Downloads\b0dabf44-3eda-4f1f-8e67-7792bada2673.tmp</t>
  </si>
  <si>
    <t>01/21/2020 17:34:32</t>
  </si>
  <si>
    <t>01/21/2020 17:35:31</t>
  </si>
  <si>
    <t>01/21/2020 17:31:13</t>
  </si>
  <si>
    <t>01/21/2020 17:31:14</t>
  </si>
  <si>
    <t>01/21/2020 17:31:15</t>
  </si>
  <si>
    <t>01/21/2020 17:31:21</t>
  </si>
  <si>
    <t>01/21/2020 17:33:46</t>
  </si>
  <si>
    <t>79afba5c-84ad-4e80-abd6-3c7d80f8ab57.tmp</t>
  </si>
  <si>
    <t>\\acsfs\profiles$\KARENJSS\Downloads\79afba5c-84ad-4e80-abd6-3c7d80f8ab57.tmp</t>
  </si>
  <si>
    <t>01/21/2020 17:30:11</t>
  </si>
  <si>
    <t>01/21/2020 17:30:15</t>
  </si>
  <si>
    <t>01/21/2020 17:32:11</t>
  </si>
  <si>
    <t>01/21/2020 17:30:20</t>
  </si>
  <si>
    <t>01/21/2020 17:30:24</t>
  </si>
  <si>
    <t>01/21/2020 17:30:28</t>
  </si>
  <si>
    <t>01/21/2020 17:30:32</t>
  </si>
  <si>
    <t>01/21/2020 17:30:41</t>
  </si>
  <si>
    <t>01/21/2020 17:30:45</t>
  </si>
  <si>
    <t>01/21/2020 17:30:49</t>
  </si>
  <si>
    <t>01/21/2020 17:30:54</t>
  </si>
  <si>
    <t>01/21/2020 17:30:58</t>
  </si>
  <si>
    <t>01/21/2020 17:31:03</t>
  </si>
  <si>
    <t>01/21/2020 17:31:08</t>
  </si>
  <si>
    <t>01/21/2020 17:31:12</t>
  </si>
  <si>
    <t>01/21/2020 17:31:16</t>
  </si>
  <si>
    <t>01/21/2020 17:31:24</t>
  </si>
  <si>
    <t>01/21/2020 17:31:28</t>
  </si>
  <si>
    <t>01/21/2020 17:31:33</t>
  </si>
  <si>
    <t>01/21/2020 17:31:37</t>
  </si>
  <si>
    <t>01/21/2020 17:31:42</t>
  </si>
  <si>
    <t>01/21/2020 17:31:47</t>
  </si>
  <si>
    <t>01/21/2020 17:31:52</t>
  </si>
  <si>
    <t>01/21/2020 17:31:54</t>
  </si>
  <si>
    <t>01/21/2020 17:31:56</t>
  </si>
  <si>
    <t>01/21/2020 17:32:00</t>
  </si>
  <si>
    <t>01/21/2020 17:32:04</t>
  </si>
  <si>
    <t>01/21/2020 17:32:08</t>
  </si>
  <si>
    <t>01/21/2020 17:32:12</t>
  </si>
  <si>
    <t>01/21/2020 17:32:17</t>
  </si>
  <si>
    <t>01/21/2020 17:32:23</t>
  </si>
  <si>
    <t>01/21/2020 17:32:27</t>
  </si>
  <si>
    <t>01/21/2020 17:32:36</t>
  </si>
  <si>
    <t>01/21/2020 17:32:40</t>
  </si>
  <si>
    <t>01/21/2020 17:32:44</t>
  </si>
  <si>
    <t>01/21/2020 17:32:49</t>
  </si>
  <si>
    <t>01/21/2020 17:32:51</t>
  </si>
  <si>
    <t>01/21/2020 17:32:53</t>
  </si>
  <si>
    <t>01/21/2020 17:32:57</t>
  </si>
  <si>
    <t>01/21/2020 17:33:01</t>
  </si>
  <si>
    <t>01/21/2020 17:33:05</t>
  </si>
  <si>
    <t>01/21/2020 17:33:09</t>
  </si>
  <si>
    <t>01/21/2020 17:33:14</t>
  </si>
  <si>
    <t>01/21/2020 17:33:18</t>
  </si>
  <si>
    <t>01/21/2020 17:33:22</t>
  </si>
  <si>
    <t>01/21/2020 17:33:26</t>
  </si>
  <si>
    <t>01/21/2020 17:33:35</t>
  </si>
  <si>
    <t>01/21/2020 17:33:39</t>
  </si>
  <si>
    <t>01/21/2020 17:33:43</t>
  </si>
  <si>
    <t>01/21/2020 17:33:48</t>
  </si>
  <si>
    <t>01/21/2020 17:33:53</t>
  </si>
  <si>
    <t>01/21/2020 17:33:57</t>
  </si>
  <si>
    <t>01/21/2020 17:34:02</t>
  </si>
  <si>
    <t>01/21/2020 17:34:06</t>
  </si>
  <si>
    <t>01/21/2020 17:34:10</t>
  </si>
  <si>
    <t>01/21/2020 17:34:14</t>
  </si>
  <si>
    <t>01/21/2020 17:34:20</t>
  </si>
  <si>
    <t>01/21/2020 17:34:24</t>
  </si>
  <si>
    <t>01/21/2020 17:34:28</t>
  </si>
  <si>
    <t>01/21/2020 17:34:33</t>
  </si>
  <si>
    <t>01/21/2020 17:34:36</t>
  </si>
  <si>
    <t>01/21/2020 17:34:41</t>
  </si>
  <si>
    <t>01/21/2020 17:34:42</t>
  </si>
  <si>
    <t>01/21/2020 17:34:44</t>
  </si>
  <si>
    <t>01/21/2020 17:34:45</t>
  </si>
  <si>
    <t>01/21/2020 17:34:49</t>
  </si>
  <si>
    <t>01/21/2020 17:34:52</t>
  </si>
  <si>
    <t>01/21/2020 17:34:53</t>
  </si>
  <si>
    <t>01/21/2020 17:36:31</t>
  </si>
  <si>
    <t>01/21/2020 17:34:58</t>
  </si>
  <si>
    <t>01/21/2020 17:35:02</t>
  </si>
  <si>
    <t>01/21/2020 17:35:07</t>
  </si>
  <si>
    <t>01/21/2020 17:35:11</t>
  </si>
  <si>
    <t>01/21/2020 17:35:15</t>
  </si>
  <si>
    <t>01/21/2020 17:34:00</t>
  </si>
  <si>
    <t>01/21/2020 17:31:11</t>
  </si>
  <si>
    <t>01/21/2020 17:33:40</t>
  </si>
  <si>
    <t>"mozilla/5.0 (windows nt 6.1) applewebkit/537.36 (khtml;0;0]\\\\\\\)\\\\\\\]\\\)\);0]ot;;1;12;13;137;13700014;13700109;13700167;13700185;13700235;13700451;13700563;13700607;13700883;13700946;13700951;13700982;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42;1579520900840000;1579520901989000;1579521807978;1579524214946;1579529030884;1579546802300;1579564008808;1579579960944;1579619344476;1579619946523;1579627484186;1579628989319;195;2400];28;312;314;339;344;4;5701393;6.1;621969351;82;84;87;["mozilla/5.0 (windows nt 6.1) applewebkit/537.36 (khtml;[1;[[13701450;[[null;[];[]]];[false;[null;adfn-csyrvwqermfbxam1mkavsrzjlg0rundo9gysmvmlrxxhlhfmqhc</t>
  </si>
  <si>
    <t>"mozilla/5.0 (windows nt 6.1) applewebkit/537.36 (khtml,0,0]\\\\\\\)\\\\\\\]\\\)\),0]ot;,1,12,13,137,13700014,13700109,13700167,13700185,13700235,13700451,13700563,13700607,13700883,13700946,13700951,13700982,13700982�,13701078,13701139,13701207,13701214,13701235,13701239,13701262,13701276,13701298,13701418,13701422,13701430,13701458,13701486,13701506,13701510,13701534,13701537,13701573,13701577,13701589,13701609,13701613,13701625,13701653,13701657,13701693,13701709]],13701709]]],13701749,13701825,13701833,13701901,13701905,13701909,13701921,13701945,13701949,13701953,13701957,13701969,13702064,13702068,13702084,13702088,142,1579520900840000,1579520901989000,1579521807978,1579524214946,1579529030884,1579546802300,1579564008808,1579579960944,1579619344476,1579619946523,1579627484186,1579628989319,195,2400],28,312,314,339,344,4,5701393,6.1,621969351,82,84,87,["mozilla/5.0 (windows nt 6.1) applewebkit/537.36 (khtml,[1,[[13701450,[[null,[],[]]],[false,[null,adfn-csyrvwqermfbxam1mkavsrzjlg0rundo9gysmvmlrxxhlhfmqhc</t>
  </si>
  <si>
    <t>01/21/2020 17:34:05</t>
  </si>
  <si>
    <t>"mozilla/5.0 (windows nt 6.1) applewebkit/537.36 (khtml;0]\\\\\\\)\\\\\\\]\\\)\);1;106;121;123;13;13700109;13700563�;13700607;13700883;13701139;13701214;13701298;13701418;13701458;13701577;13701589;13701613;13701625;13701657;13701749;13701825;13701901;13701921;13701949;13701953;13701969;13702064;13702088;1579520900840000;1579520901989000;1579520906502;1579542888961;1579548307435;1579553171869;1579557687253;1579558289305;1579629290345;345;621969351;74;92;[[13701450;[];[]]];adfn-csyrvwqermfbxam1mkavsrzjlg0rundo9gysmvmlrxxhlhfmqhcw7_ynhcatkqscdyldsiy;andrelpsa@algartech.com;fabianacscg@algartech.com;false;false];fedb0gqdtuqawg";harunams@algartech.com;ken=ac4w5vi0ka-sxkbznvlqg8lj5-wvx_fz5a:1579520900837&amp;buildlabel=drive.web-frontend_20200108.00_p2;ken=ac4w5vi0ka-sxkbznvlqg8lj5-wvx_fz5a:1579520900837&amp;buildlabel=drive.web-frontend_20200108.00_p201613;l-ckacf_7r3zozh1hhizn88xwetaapoebcpjm5ey2zyse1nt3xmnhcr-rz9s-zdg-5-xx2v8f_tzsvcfibwrle5qaq53vh6r8m19mnq0rhk68ibitnjgrsmrdalihic4l1lxyqga8ovr5etkjjbkmsgw0htomrw0ftovchx</t>
  </si>
  <si>
    <t>"mozilla/5.0 (windows nt 6.1) applewebkit/537.36 (khtml,0]\\\\\\\)\\\\\\\]\\\)\),1,106,121,123,13,13700109,13700563�,13700607,13700883,13701139,13701214,13701298,13701418,13701458,13701577,13701589,13701613,13701625,13701657,13701749,13701825,13701901,13701921,13701949,13701953,13701969,13702064,13702088,1579520900840000,1579520901989000,1579520906502,1579542888961,1579548307435,1579553171869,1579557687253,1579558289305,1579629290345,345,621969351,74,92,[[13701450,[],[]]],adfn-csyrvwqermfbxam1mkavsrzjlg0rundo9gysmvmlrxxhlhfmqhcw7_ynhcatkqscdyldsiy,andrelpsa@algartech.com,fabianacscg@algartech.com,false,false],fedb0gqdtuqawg",harunams@algartech.com,ken=ac4w5vi0ka-sxkbznvlqg8lj5-wvx_fz5a:1579520900837&amp;buildlabel=drive.web-frontend_20200108.00_p2,ken=ac4w5vi0ka-sxkbznvlqg8lj5-wvx_fz5a:1579520900837&amp;buildlabel=drive.web-frontend_20200108.00_p201613,l-ckacf_7r3zozh1hhizn88xwetaapoebcpjm5ey2zyse1nt3xmnhcr-rz9s-zdg-5-xx2v8f_tzsvcfibwrle5qaq53vh6r8m19mnq0rhk68ibitnjgrsmrdalihic4l1lxyqga8ovr5etkjjbkmsgw0htomrw0ftovchx</t>
  </si>
  <si>
    <t>"[[];"[[null;"languagecode":"pt-br";"mozilla/5.0 (windows nt 6.1) applewebkit/537.36 (khtml;"requesttype":"background_request";"scenariotype;"timezone":"-03:00";0]\\\\\\]\\\)\);0]l;0]{_x001C_x�g�?`��nk�c��m�*�����o-��㟶��6r�&gt;�$�z{;;u��_x0004_�_x0004_��sw:�]�w�7`�_x000E_��ö_x0001_;1;13;13700109;13700563;13700563�;13700607;13700883;13701139;13701214;13701298;13701418;13701458;13701577;13701589;13701613;13701625;13701657;13701749;13701825;13701901;13701921;13701949;13701953;13701969;13702064;13702088;1579520900840000;1579520901989000;1579616868257;1579619043446;1579619118088;1579619125602;1579636682986;21660305]];25;289340552;304;311;358;389;389]]";390;40510093;40510189;621969351;7];8202316;8202524];[20276];[20686;[21660305;[21660332;[8202193;[[13701450;[];[]];[]]"];[]]];[null;adfn-csyrvwqermfbxam1mkavsrzjlg0rundo9gysmvmlrxxhlhfmqhcw7_ynhcatkqscdyldsiy;ess"}};false;false];fedb0gqdtuqawg";gmail_fe_200109.09_p2\;ken=ac4w5vi0ka-sxkbznvlqg8lj5-wvx_fz5a:1579520900837&amp;buildlabel=drive.web-frontend_20200108.00_p2;ken=ac4w5vi0ka-sxkbznvlqg8lj5-wvx_f</t>
  </si>
  <si>
    <t>"[[],"[[null,"languagecode":"pt-br","mozilla/5.0 (windows nt 6.1) applewebkit/537.36 (khtml,"requesttype":"background_request","scenariotype,"timezone":"-03:00",0]\\\\\\]\\\)\),0]l,0]{_x001C_x�g�?`��nk�c��m�*�����o-��㟶��6r�&gt;�$�z{;;u��_x0004_�_x0004_��sw:�]�w�7`�_x000E_��ö_x0001_,1,13,13700109,13700563,13700563�,13700607,13700883,13701139,13701214,13701298,13701418,13701458,13701577,13701589,13701613,13701625,13701657,13701749,13701825,13701901,13701921,13701949,13701953,13701969,13702064,13702088,1579520900840000,1579520901989000,1579616868257,1579619043446,1579619118088,1579619125602,1579636682986,21660305]],25,289340552,304,311,358,389,389]]",390,40510093,40510189,621969351,7],8202316,8202524],[20276],[20686,[21660305,[21660332,[8202193,[[13701450,[],[]],[]]"],[]]],[null,adfn-csyrvwqermfbxam1mkavsrzjlg0rundo9gysmvmlrxxhlhfmqhcw7_ynhcatkqscdyldsiy,ess"}},false,false],fedb0gqdtuqawg",gmail_fe_200109.09_p2\,ken=ac4w5vi0ka-sxkbznvlqg8lj5-wvx_fz5a:1579520900837&amp;buildlabel=drive.web-frontend_20200108.00_p2,ken=ac4w5vi0ka-sxkbznvlqg8lj5-wvx_f</t>
  </si>
  <si>
    <t>01/21/2020 17:33:24</t>
  </si>
  <si>
    <t>01/21/2020 17:33:54</t>
  </si>
  <si>
    <t>01/21/2020 17:34:25</t>
  </si>
  <si>
    <t>01/21/2020 17:36:00</t>
  </si>
  <si>
    <t>01/21/2020 17:37:32</t>
  </si>
  <si>
    <t>01/21/2020 17:36:50</t>
  </si>
  <si>
    <t>01/21/2020 16:11:42</t>
  </si>
  <si>
    <t>lu367564u1u0z.tmp</t>
  </si>
  <si>
    <t>\\acsfs\profiles$\rafaelacdoc\lu367564u1u0z.tmp</t>
  </si>
  <si>
    <t>\\acsfs\profiles$\rafaelacdoc\lu367564u1u0z.tmp\</t>
  </si>
  <si>
    <t>\\acsfs\profiles$\rafaelacdoc\lu367564u1u0z.tmp\META-INF\</t>
  </si>
  <si>
    <t>\\acsfs\profiles$\rafaelacdoc\lu367564u1u0z.tmp\Thumbnails\</t>
  </si>
  <si>
    <t>01/21/2020 16:11:48</t>
  </si>
  <si>
    <t>01/21/2020 16:11:49</t>
  </si>
  <si>
    <t>lu367564u1u12.tmp</t>
  </si>
  <si>
    <t>\\acsfs\profiles$\rafaelacdoc\lu367564u1u12.tmp</t>
  </si>
  <si>
    <t>\\acsfs\profiles$\rafaelacdoc\lu367564u1u12.tmp\</t>
  </si>
  <si>
    <t>\\acsfs\profiles$\rafaelacdoc\lu367564u1u12.tmp\META-INF\</t>
  </si>
  <si>
    <t>\\acsfs\profiles$\rafaelacdoc\lu367564u1u12.tmp\Thumbnails\</t>
  </si>
  <si>
    <t>01/21/2020 16:12:09</t>
  </si>
  <si>
    <t>01/21/2020 17:35:39</t>
  </si>
  <si>
    <t>01/21/2020 17:35:42</t>
  </si>
  <si>
    <t>01/21/2020 17:35:43</t>
  </si>
  <si>
    <t>01/21/2020 17:35:56</t>
  </si>
  <si>
    <t>01/21/2020 17:35:57</t>
  </si>
  <si>
    <t>01/21/2020 17:35:59</t>
  </si>
  <si>
    <t>01/21/2020 17:36:28</t>
  </si>
  <si>
    <t>01/21/2020 17:36:29</t>
  </si>
  <si>
    <t>01/21/2020 17:36:30</t>
  </si>
  <si>
    <t>01/21/2020 17:36:36</t>
  </si>
  <si>
    <t>01/21/2020 17:36:37</t>
  </si>
  <si>
    <t>01/21/2020 17:36:38</t>
  </si>
  <si>
    <t>01/21/2020 17:36:41</t>
  </si>
  <si>
    <t>01/21/2020 17:36:43</t>
  </si>
  <si>
    <t>01/21/2020 17:36:44</t>
  </si>
  <si>
    <t>01/21/2020 17:36:45</t>
  </si>
  <si>
    <t>01/21/2020 17:36:46</t>
  </si>
  <si>
    <t>01/21/2020 17:36:47</t>
  </si>
  <si>
    <t>01/21/2020 17:36:48</t>
  </si>
  <si>
    <t>01/21/2020 17:36:52</t>
  </si>
  <si>
    <t>01/21/2020 17:36:53</t>
  </si>
  <si>
    <t>01/21/2020 17:36:54</t>
  </si>
  <si>
    <t>01/21/2020 17:36:56</t>
  </si>
  <si>
    <t>01/21/2020 17:36:57</t>
  </si>
  <si>
    <t>01/21/2020 17:36:58</t>
  </si>
  <si>
    <t>01/21/2020 17:36:59</t>
  </si>
  <si>
    <t>01/21/2020 17:37:00</t>
  </si>
  <si>
    <t>01/21/2020 17:37:01</t>
  </si>
  <si>
    <t>01/21/2020 17:37:02</t>
  </si>
  <si>
    <t>01/21/2020 17:37:04</t>
  </si>
  <si>
    <t>01/21/2020 17:37:06</t>
  </si>
  <si>
    <t>01/21/2020 17:37:07</t>
  </si>
  <si>
    <t>01/21/2020 17:38:31</t>
  </si>
  <si>
    <t>01/21/2020 17:37:08</t>
  </si>
  <si>
    <t>01/21/2020 17:37:10</t>
  </si>
  <si>
    <t>01/21/2020 17:37:11</t>
  </si>
  <si>
    <t>01/21/2020 17:37:12</t>
  </si>
  <si>
    <t>01/21/2020 17:37:13</t>
  </si>
  <si>
    <t>01/21/2020 17:39:32</t>
  </si>
  <si>
    <t>01/21/2020 17:37:24</t>
  </si>
  <si>
    <t>01/21/2020 17:40:31</t>
  </si>
  <si>
    <t>01/21/2020 17:35:21</t>
  </si>
  <si>
    <t>01/21/2020 17:41:32</t>
  </si>
  <si>
    <t>01/21/2020 17:35:25</t>
  </si>
  <si>
    <t>01/21/2020 17:35:29</t>
  </si>
  <si>
    <t>01/21/2020 17:35:30</t>
  </si>
  <si>
    <t>01/21/2020 17:35:33</t>
  </si>
  <si>
    <t>01/21/2020 17:35:34</t>
  </si>
  <si>
    <t>01/21/2020 17:35:38</t>
  </si>
  <si>
    <t>01/21/2020 17:35:48</t>
  </si>
  <si>
    <t>01/21/2020 17:35:51</t>
  </si>
  <si>
    <t>01/21/2020 17:36:05</t>
  </si>
  <si>
    <t>01/21/2020 17:36:09</t>
  </si>
  <si>
    <t>01/21/2020 17:36:13</t>
  </si>
  <si>
    <t>01/21/2020 17:36:18</t>
  </si>
  <si>
    <t>01/21/2020 17:36:22</t>
  </si>
  <si>
    <t>01/21/2020 17:36:26</t>
  </si>
  <si>
    <t>01/21/2020 17:36:34</t>
  </si>
  <si>
    <t>01/21/2020 17:36:42</t>
  </si>
  <si>
    <t>01/21/2020 17:36:51</t>
  </si>
  <si>
    <t>01/21/2020 17:36:55</t>
  </si>
  <si>
    <t>01/21/2020 17:37:03</t>
  </si>
  <si>
    <t>01/21/2020 17:37:15</t>
  </si>
  <si>
    <t>01/21/2020 17:37:20</t>
  </si>
  <si>
    <t>01/21/2020 17:37:28</t>
  </si>
  <si>
    <t>01/21/2020 17:37:36</t>
  </si>
  <si>
    <t>01/21/2020 17:37:40</t>
  </si>
  <si>
    <t>01/21/2020 17:37:45</t>
  </si>
  <si>
    <t>01/21/2020 17:37:49</t>
  </si>
  <si>
    <t>01/21/2020 17:37:53</t>
  </si>
  <si>
    <t>01/21/2020 17:37:54</t>
  </si>
  <si>
    <t>01/21/2020 17:37:57</t>
  </si>
  <si>
    <t>01/21/2020 17:38:01</t>
  </si>
  <si>
    <t>01/21/2020 17:38:05</t>
  </si>
  <si>
    <t>01/21/2020 17:38:09</t>
  </si>
  <si>
    <t>01/21/2020 17:38:14</t>
  </si>
  <si>
    <t>01/21/2020 17:38:18</t>
  </si>
  <si>
    <t>01/21/2020 17:38:22</t>
  </si>
  <si>
    <t>01/21/2020 17:38:26</t>
  </si>
  <si>
    <t>01/21/2020 17:38:30</t>
  </si>
  <si>
    <t>01/21/2020 17:38:34</t>
  </si>
  <si>
    <t>01/21/2020 17:38:39</t>
  </si>
  <si>
    <t>01/21/2020 17:38:43</t>
  </si>
  <si>
    <t>01/21/2020 17:38:47</t>
  </si>
  <si>
    <t>01/21/2020 17:38:51</t>
  </si>
  <si>
    <t>01/21/2020 17:38:55</t>
  </si>
  <si>
    <t>01/21/2020 17:38:59</t>
  </si>
  <si>
    <t>01/21/2020 17:39:03</t>
  </si>
  <si>
    <t>01/21/2020 17:39:07</t>
  </si>
  <si>
    <t>01/21/2020 17:39:12</t>
  </si>
  <si>
    <t>01/21/2020 17:39:16</t>
  </si>
  <si>
    <t>01/21/2020 17:39:20</t>
  </si>
  <si>
    <t>01/21/2020 17:39:24</t>
  </si>
  <si>
    <t>01/21/2020 17:39:28</t>
  </si>
  <si>
    <t>01/21/2020 17:39:37</t>
  </si>
  <si>
    <t>01/21/2020 17:39:41</t>
  </si>
  <si>
    <t>01/21/2020 17:39:45</t>
  </si>
  <si>
    <t>01/21/2020 17:39:49</t>
  </si>
  <si>
    <t>01/21/2020 17:39:53</t>
  </si>
  <si>
    <t>01/21/2020 17:39:57</t>
  </si>
  <si>
    <t>01/21/2020 17:40:01</t>
  </si>
  <si>
    <t>01/21/2020 17:40:06</t>
  </si>
  <si>
    <t>01/21/2020 17:40:10</t>
  </si>
  <si>
    <t>01/21/2020 17:40:14</t>
  </si>
  <si>
    <t>01/21/2020 17:40:18</t>
  </si>
  <si>
    <t>01/21/2020 17:40:22</t>
  </si>
  <si>
    <t>01/21/2020 17:40:26</t>
  </si>
  <si>
    <t>01/21/2020 17:38:11</t>
  </si>
  <si>
    <t>01/21/2020 17:39:54</t>
  </si>
  <si>
    <t>01/21/2020 17:41:12</t>
  </si>
  <si>
    <t>01/21/2020 17:42:31</t>
  </si>
  <si>
    <t>\\acsfs\profiles$\victorgl\My Documents\xworkcenter\logs\</t>
  </si>
  <si>
    <t>XLOG_victorgl_21012020_133157.log</t>
  </si>
  <si>
    <t>\\acsfs\profiles$\victorgl\My Documents\xworkcenter\logs\XLOG_victorgl_21012020_133157.log</t>
  </si>
  <si>
    <t>01/21/2020 17:37:44</t>
  </si>
  <si>
    <t>01/21/2020 17:43:31</t>
  </si>
  <si>
    <t>80086abd-ac1c-4410-9cc7-f447fada6e0a.tmp</t>
  </si>
  <si>
    <t>\\acsfs\profiles$\leonardocb\Downloads\80086abd-ac1c-4410-9cc7-f447fada6e0a.tmp</t>
  </si>
  <si>
    <t>01/21/2020 17:40:29</t>
  </si>
  <si>
    <t>9970c5d6-50d1-4176-b447-28aa9cb52160.tmp</t>
  </si>
  <si>
    <t>\\acsfs\profiles$\leonardocb\Downloads\9970c5d6-50d1-4176-b447-28aa9cb52160.tmp</t>
  </si>
  <si>
    <t>01/21/2020 17:44:32</t>
  </si>
  <si>
    <t>01/21/2020 17:45:31</t>
  </si>
  <si>
    <t>01/21/2020 17:40:35</t>
  </si>
  <si>
    <t>01/21/2020 17:46:32</t>
  </si>
  <si>
    <t>01/21/2020 17:40:39</t>
  </si>
  <si>
    <t>01/21/2020 17:40:43</t>
  </si>
  <si>
    <t>01/21/2020 17:40:47</t>
  </si>
  <si>
    <t>01/21/2020 17:40:51</t>
  </si>
  <si>
    <t>01/21/2020 17:40:56</t>
  </si>
  <si>
    <t>01/21/2020 17:41:00</t>
  </si>
  <si>
    <t>01/21/2020 17:41:04</t>
  </si>
  <si>
    <t>01/21/2020 17:41:08</t>
  </si>
  <si>
    <t>01/21/2020 17:41:16</t>
  </si>
  <si>
    <t>01/21/2020 17:41:20</t>
  </si>
  <si>
    <t>01/21/2020 17:41:25</t>
  </si>
  <si>
    <t>01/21/2020 17:41:29</t>
  </si>
  <si>
    <t>01/21/2020 17:41:33</t>
  </si>
  <si>
    <t>01/21/2020 17:41:37</t>
  </si>
  <si>
    <t>01/21/2020 17:41:41</t>
  </si>
  <si>
    <t>01/21/2020 17:41:45</t>
  </si>
  <si>
    <t>01/21/2020 17:41:49</t>
  </si>
  <si>
    <t>01/21/2020 17:41:53</t>
  </si>
  <si>
    <t>01/21/2020 17:41:58</t>
  </si>
  <si>
    <t>01/21/2020 17:42:02</t>
  </si>
  <si>
    <t>01/21/2020 17:42:06</t>
  </si>
  <si>
    <t>01/21/2020 17:42:10</t>
  </si>
  <si>
    <t>01/21/2020 17:42:14</t>
  </si>
  <si>
    <t>01/21/2020 17:42:20</t>
  </si>
  <si>
    <t>01/21/2020 17:42:24</t>
  </si>
  <si>
    <t>01/21/2020 17:42:28</t>
  </si>
  <si>
    <t>01/21/2020 17:42:32</t>
  </si>
  <si>
    <t>01/21/2020 17:42:37</t>
  </si>
  <si>
    <t>01/21/2020 17:42:40</t>
  </si>
  <si>
    <t>01/21/2020 17:42:45</t>
  </si>
  <si>
    <t>01/21/2020 17:42:49</t>
  </si>
  <si>
    <t>01/21/2020 17:42:53</t>
  </si>
  <si>
    <t>01/21/2020 17:42:57</t>
  </si>
  <si>
    <t>01/21/2020 17:43:01</t>
  </si>
  <si>
    <t>01/21/2020 17:43:05</t>
  </si>
  <si>
    <t>01/21/2020 17:43:09</t>
  </si>
  <si>
    <t>01/21/2020 17:43:13</t>
  </si>
  <si>
    <t>01/21/2020 17:43:18</t>
  </si>
  <si>
    <t>01/21/2020 17:43:22</t>
  </si>
  <si>
    <t>01/21/2020 17:43:26</t>
  </si>
  <si>
    <t>01/21/2020 17:43:30</t>
  </si>
  <si>
    <t>01/21/2020 17:43:34</t>
  </si>
  <si>
    <t>01/21/2020 17:43:38</t>
  </si>
  <si>
    <t>01/21/2020 17:43:42</t>
  </si>
  <si>
    <t>01/21/2020 17:43:46</t>
  </si>
  <si>
    <t>01/21/2020 17:43:52</t>
  </si>
  <si>
    <t>01/21/2020 17:43:54</t>
  </si>
  <si>
    <t>01/21/2020 17:43:56</t>
  </si>
  <si>
    <t>01/21/2020 17:44:00</t>
  </si>
  <si>
    <t>01/21/2020 17:44:04</t>
  </si>
  <si>
    <t>01/21/2020 17:44:09</t>
  </si>
  <si>
    <t>01/21/2020 17:44:13</t>
  </si>
  <si>
    <t>01/21/2020 17:44:17</t>
  </si>
  <si>
    <t>01/21/2020 17:44:21</t>
  </si>
  <si>
    <t>01/21/2020 17:44:26</t>
  </si>
  <si>
    <t>01/21/2020 17:44:30</t>
  </si>
  <si>
    <t>01/21/2020 17:44:34</t>
  </si>
  <si>
    <t>01/21/2020 17:44:38</t>
  </si>
  <si>
    <t>01/21/2020 17:44:42</t>
  </si>
  <si>
    <t>01/21/2020 17:44:46</t>
  </si>
  <si>
    <t>01/21/2020 17:44:51</t>
  </si>
  <si>
    <t>01/21/2020 17:44:55</t>
  </si>
  <si>
    <t>01/21/2020 17:44:59</t>
  </si>
  <si>
    <t>01/21/2020 17:45:04</t>
  </si>
  <si>
    <t>01/21/2020 17:45:09</t>
  </si>
  <si>
    <t>01/21/2020 17:45:13</t>
  </si>
  <si>
    <t>01/21/2020 17:45:17</t>
  </si>
  <si>
    <t>01/21/2020 17:45:21</t>
  </si>
  <si>
    <t>01/21/2020 17:45:26</t>
  </si>
  <si>
    <t>01/21/2020 17:45:35</t>
  </si>
  <si>
    <t>01/21/2020 17:45:39</t>
  </si>
  <si>
    <t>01/21/2020 17:43:11</t>
  </si>
  <si>
    <t>01/21/2020 17:44:11</t>
  </si>
  <si>
    <t>01/21/2020 17:42:43</t>
  </si>
  <si>
    <t>01/21/2020 17:45:54</t>
  </si>
  <si>
    <t>01/21/2020 17:47:31</t>
  </si>
  <si>
    <t>01/21/2020 17:43:29</t>
  </si>
  <si>
    <t>a748326b-e4c5-481d-a058-2eaabef24b0a.tmp</t>
  </si>
  <si>
    <t>\\acsfs\profiles$\nathaliaos\Downloads\a748326b-e4c5-481d-a058-2eaabef24b0a.tmp</t>
  </si>
  <si>
    <t>01/21/2020 17:48:32</t>
  </si>
  <si>
    <t>01/21/2020 17:47:22</t>
  </si>
  <si>
    <t>01/21/2020 17:45:46</t>
  </si>
  <si>
    <t>01/21/2020 17:49:31</t>
  </si>
  <si>
    <t>317a1bcd-d183-4cd1-869b-a12d74fc0b37.tmp</t>
  </si>
  <si>
    <t>\\acsfs\profiles$\victorgl\Downloads\317a1bcd-d183-4cd1-869b-a12d74fc0b37.tmp</t>
  </si>
  <si>
    <t>01/21/2020 17:45:48</t>
  </si>
  <si>
    <t>b38257bc-72b7-418f-8a12-b5ec721d6fee.tmp</t>
  </si>
  <si>
    <t>\\acsfs\profiles$\victorgl\Downloads\b38257bc-72b7-418f-8a12-b5ec721d6fee.tmp</t>
  </si>
  <si>
    <t>01/21/2020 17:46:55</t>
  </si>
  <si>
    <t>4ff8d061-05ff-4cd6-b07a-763b72c51c28.tmp</t>
  </si>
  <si>
    <t>\\acsfs\profiles$\victorgl\Downloads\4ff8d061-05ff-4cd6-b07a-763b72c51c28.tmp</t>
  </si>
  <si>
    <t>01/21/2020 17:47:12</t>
  </si>
  <si>
    <t>01/21/2020 17:47:19</t>
  </si>
  <si>
    <t>01/21/2020 17:47:21</t>
  </si>
  <si>
    <t>01/21/2020 17:47:25</t>
  </si>
  <si>
    <t>01/21/2020 17:47:26</t>
  </si>
  <si>
    <t>01/21/2020 17:47:27</t>
  </si>
  <si>
    <t>01/21/2020 17:47:28</t>
  </si>
  <si>
    <t>01/21/2020 17:47:32</t>
  </si>
  <si>
    <t>01/21/2020 17:47:33</t>
  </si>
  <si>
    <t>01/21/2020 17:47:37</t>
  </si>
  <si>
    <t>01/21/2020 17:47:38</t>
  </si>
  <si>
    <t>01/21/2020 17:47:40</t>
  </si>
  <si>
    <t>01/21/2020 17:47:41</t>
  </si>
  <si>
    <t>01/21/2020 17:47:42</t>
  </si>
  <si>
    <t>01/21/2020 17:47:43</t>
  </si>
  <si>
    <t>01/21/2020 17:47:45</t>
  </si>
  <si>
    <t>01/21/2020 17:47:46</t>
  </si>
  <si>
    <t>01/21/2020 17:47:47</t>
  </si>
  <si>
    <t>01/21/2020 17:47:48</t>
  </si>
  <si>
    <t>01/21/2020 17:47:50</t>
  </si>
  <si>
    <t>01/21/2020 17:47:52</t>
  </si>
  <si>
    <t>01/21/2020 17:47:53</t>
  </si>
  <si>
    <t>01/21/2020 17:47:55</t>
  </si>
  <si>
    <t>01/21/2020 17:47:58</t>
  </si>
  <si>
    <t>01/21/2020 17:47:59</t>
  </si>
  <si>
    <t>01/21/2020 17:48:01</t>
  </si>
  <si>
    <t>01/21/2020 17:48:02</t>
  </si>
  <si>
    <t>01/21/2020 17:48:03</t>
  </si>
  <si>
    <t>01/21/2020 17:48:04</t>
  </si>
  <si>
    <t>01/21/2020 17:48:07</t>
  </si>
  <si>
    <t>01/21/2020 17:48:09</t>
  </si>
  <si>
    <t>01/21/2020 17:48:11</t>
  </si>
  <si>
    <t>01/21/2020 17:48:12</t>
  </si>
  <si>
    <t>01/21/2020 17:48:13</t>
  </si>
  <si>
    <t>01/21/2020 17:48:14</t>
  </si>
  <si>
    <t>01/21/2020 17:48:17</t>
  </si>
  <si>
    <t>01/21/2020 17:48:18</t>
  </si>
  <si>
    <t>01/21/2020 17:48:44</t>
  </si>
  <si>
    <t>01/21/2020 17:50:31</t>
  </si>
  <si>
    <t>01/21/2020 17:45:44</t>
  </si>
  <si>
    <t>01/21/2020 17:51:31</t>
  </si>
  <si>
    <t>01/21/2020 17:45:49</t>
  </si>
  <si>
    <t>01/21/2020 17:45:52</t>
  </si>
  <si>
    <t>01/21/2020 17:45:56</t>
  </si>
  <si>
    <t>01/21/2020 17:46:02</t>
  </si>
  <si>
    <t>01/21/2020 17:46:06</t>
  </si>
  <si>
    <t>01/21/2020 17:46:10</t>
  </si>
  <si>
    <t>01/21/2020 17:46:14</t>
  </si>
  <si>
    <t>01/21/2020 17:46:18</t>
  </si>
  <si>
    <t>01/21/2020 17:46:22</t>
  </si>
  <si>
    <t>01/21/2020 17:46:26</t>
  </si>
  <si>
    <t>01/21/2020 17:46:36</t>
  </si>
  <si>
    <t>01/21/2020 17:46:40</t>
  </si>
  <si>
    <t>01/21/2020 17:46:44</t>
  </si>
  <si>
    <t>01/21/2020 17:46:48</t>
  </si>
  <si>
    <t>01/21/2020 17:46:52</t>
  </si>
  <si>
    <t>01/21/2020 17:46:56</t>
  </si>
  <si>
    <t>01/21/2020 17:47:00</t>
  </si>
  <si>
    <t>01/21/2020 17:47:05</t>
  </si>
  <si>
    <t>01/21/2020 17:47:10</t>
  </si>
  <si>
    <t>01/21/2020 17:47:14</t>
  </si>
  <si>
    <t>01/21/2020 17:47:18</t>
  </si>
  <si>
    <t>01/21/2020 17:47:30</t>
  </si>
  <si>
    <t>01/21/2020 17:47:34</t>
  </si>
  <si>
    <t>01/21/2020 17:47:36</t>
  </si>
  <si>
    <t>01/21/2020 17:47:39</t>
  </si>
  <si>
    <t>01/21/2020 17:47:56</t>
  </si>
  <si>
    <t>01/21/2020 17:48:00</t>
  </si>
  <si>
    <t>01/21/2020 17:48:05</t>
  </si>
  <si>
    <t>01/21/2020 17:48:10</t>
  </si>
  <si>
    <t>01/21/2020 17:48:19</t>
  </si>
  <si>
    <t>01/21/2020 17:48:23</t>
  </si>
  <si>
    <t>01/21/2020 17:48:27</t>
  </si>
  <si>
    <t>01/21/2020 17:48:36</t>
  </si>
  <si>
    <t>01/21/2020 17:48:41</t>
  </si>
  <si>
    <t>01/21/2020 17:48:45</t>
  </si>
  <si>
    <t>01/21/2020 17:48:49</t>
  </si>
  <si>
    <t>01/21/2020 17:48:53</t>
  </si>
  <si>
    <t>01/21/2020 17:48:58</t>
  </si>
  <si>
    <t>01/21/2020 17:49:02</t>
  </si>
  <si>
    <t>01/21/2020 17:49:06</t>
  </si>
  <si>
    <t>01/21/2020 17:49:10</t>
  </si>
  <si>
    <t>01/21/2020 17:49:14</t>
  </si>
  <si>
    <t>01/21/2020 17:49:18</t>
  </si>
  <si>
    <t>01/21/2020 17:49:22</t>
  </si>
  <si>
    <t>01/21/2020 17:49:26</t>
  </si>
  <si>
    <t>01/21/2020 17:49:35</t>
  </si>
  <si>
    <t>01/21/2020 17:49:39</t>
  </si>
  <si>
    <t>01/21/2020 17:49:43</t>
  </si>
  <si>
    <t>01/21/2020 17:49:47</t>
  </si>
  <si>
    <t>01/21/2020 17:49:51</t>
  </si>
  <si>
    <t>01/21/2020 17:49:55</t>
  </si>
  <si>
    <t>01/21/2020 17:50:00</t>
  </si>
  <si>
    <t>01/21/2020 17:50:04</t>
  </si>
  <si>
    <t>01/21/2020 17:50:08</t>
  </si>
  <si>
    <t>01/21/2020 17:50:12</t>
  </si>
  <si>
    <t>01/21/2020 17:50:16</t>
  </si>
  <si>
    <t>01/21/2020 17:50:21</t>
  </si>
  <si>
    <t>01/21/2020 17:50:25</t>
  </si>
  <si>
    <t>01/21/2020 17:50:29</t>
  </si>
  <si>
    <t>01/21/2020 17:50:33</t>
  </si>
  <si>
    <t>01/21/2020 17:50:37</t>
  </si>
  <si>
    <t>01/21/2020 17:50:41</t>
  </si>
  <si>
    <t>01/21/2020 17:50:45</t>
  </si>
  <si>
    <t>01/21/2020 17:49:11</t>
  </si>
  <si>
    <t>01/21/2020 17:50:11</t>
  </si>
  <si>
    <t>01/21/2020 17:49:00</t>
  </si>
  <si>
    <t>01/21/2020 17:52:32</t>
  </si>
  <si>
    <t>01/21/2020 17:51:00</t>
  </si>
  <si>
    <t>ed550b6c-4049-47c0-9329-2ba2c829e31e.tmp</t>
  </si>
  <si>
    <t>\\acsfs\profiles$\welidicdj\Downloads\ed550b6c-4049-47c0-9329-2ba2c829e31e.tmp</t>
  </si>
  <si>
    <t>01/21/2020 17:51:27</t>
  </si>
  <si>
    <t>c5c7e2d8-0c51-4cbd-a4d0-cde5f4a1db8d.tmp</t>
  </si>
  <si>
    <t>\\acsfs\profiles$\welidicdj\Downloads\c5c7e2d8-0c51-4cbd-a4d0-cde5f4a1db8d.tmp</t>
  </si>
  <si>
    <t>01/21/2020 17:54:32</t>
  </si>
  <si>
    <t>01/21/2020 17:48:51</t>
  </si>
  <si>
    <t>01/21/2020 17:49:27</t>
  </si>
  <si>
    <t>01/21/2020 17:50:10</t>
  </si>
  <si>
    <t>01/21/2020 17:50:19</t>
  </si>
  <si>
    <t>01/21/2020 17:51:18</t>
  </si>
  <si>
    <t>01/21/2020 17:51:28</t>
  </si>
  <si>
    <t>01/21/2020 17:51:34</t>
  </si>
  <si>
    <t>01/21/2020 17:52:31</t>
  </si>
  <si>
    <t>01/21/2020 17:52:35</t>
  </si>
  <si>
    <t>01/21/2020 17:53:29</t>
  </si>
  <si>
    <t>01/21/2020 17:55:31</t>
  </si>
  <si>
    <t>01/21/2020 17:50:49</t>
  </si>
  <si>
    <t>01/21/2020 17:56:32</t>
  </si>
  <si>
    <t>01/21/2020 17:50:54</t>
  </si>
  <si>
    <t>01/21/2020 17:50:58</t>
  </si>
  <si>
    <t>01/21/2020 17:51:02</t>
  </si>
  <si>
    <t>01/21/2020 17:51:33</t>
  </si>
  <si>
    <t>01/21/2020 17:51:06</t>
  </si>
  <si>
    <t>01/21/2020 17:51:10</t>
  </si>
  <si>
    <t>01/21/2020 17:51:14</t>
  </si>
  <si>
    <t>01/21/2020 17:51:22</t>
  </si>
  <si>
    <t>01/21/2020 17:51:35</t>
  </si>
  <si>
    <t>01/21/2020 17:51:39</t>
  </si>
  <si>
    <t>01/21/2020 17:51:43</t>
  </si>
  <si>
    <t>01/21/2020 17:51:47</t>
  </si>
  <si>
    <t>01/21/2020 17:51:52</t>
  </si>
  <si>
    <t>01/21/2020 17:51:56</t>
  </si>
  <si>
    <t>01/21/2020 17:52:00</t>
  </si>
  <si>
    <t>01/21/2020 17:52:04</t>
  </si>
  <si>
    <t>01/21/2020 17:52:08</t>
  </si>
  <si>
    <t>01/21/2020 17:52:12</t>
  </si>
  <si>
    <t>01/21/2020 17:52:16</t>
  </si>
  <si>
    <t>01/21/2020 17:52:21</t>
  </si>
  <si>
    <t>01/21/2020 17:52:25</t>
  </si>
  <si>
    <t>01/21/2020 17:52:29</t>
  </si>
  <si>
    <t>01/21/2020 17:52:33</t>
  </si>
  <si>
    <t>01/21/2020 17:52:37</t>
  </si>
  <si>
    <t>01/21/2020 17:52:41</t>
  </si>
  <si>
    <t>01/21/2020 17:52:46</t>
  </si>
  <si>
    <t>01/21/2020 17:52:50</t>
  </si>
  <si>
    <t>01/21/2020 17:52:54</t>
  </si>
  <si>
    <t>01/21/2020 17:52:58</t>
  </si>
  <si>
    <t>01/21/2020 17:53:02</t>
  </si>
  <si>
    <t>01/21/2020 17:53:06</t>
  </si>
  <si>
    <t>01/21/2020 17:53:10</t>
  </si>
  <si>
    <t>01/21/2020 17:53:15</t>
  </si>
  <si>
    <t>01/21/2020 17:53:19</t>
  </si>
  <si>
    <t>01/21/2020 17:53:23</t>
  </si>
  <si>
    <t>01/21/2020 17:53:27</t>
  </si>
  <si>
    <t>01/21/2020 17:53:31</t>
  </si>
  <si>
    <t>01/21/2020 17:53:35</t>
  </si>
  <si>
    <t>01/21/2020 17:53:39</t>
  </si>
  <si>
    <t>01/21/2020 17:53:44</t>
  </si>
  <si>
    <t>01/21/2020 17:53:48</t>
  </si>
  <si>
    <t>01/21/2020 17:53:52</t>
  </si>
  <si>
    <t>01/21/2020 17:53:56</t>
  </si>
  <si>
    <t>01/21/2020 17:54:00</t>
  </si>
  <si>
    <t>01/21/2020 17:54:04</t>
  </si>
  <si>
    <t>01/21/2020 17:54:08</t>
  </si>
  <si>
    <t>01/21/2020 17:54:13</t>
  </si>
  <si>
    <t>01/21/2020 17:54:17</t>
  </si>
  <si>
    <t>01/21/2020 17:54:21</t>
  </si>
  <si>
    <t>01/21/2020 17:54:25</t>
  </si>
  <si>
    <t>01/21/2020 17:54:29</t>
  </si>
  <si>
    <t>01/21/2020 17:54:33</t>
  </si>
  <si>
    <t>01/21/2020 17:54:37</t>
  </si>
  <si>
    <t>01/21/2020 17:54:42</t>
  </si>
  <si>
    <t>01/21/2020 17:54:46</t>
  </si>
  <si>
    <t>01/21/2020 17:54:50</t>
  </si>
  <si>
    <t>01/21/2020 17:54:54</t>
  </si>
  <si>
    <t>01/21/2020 17:54:59</t>
  </si>
  <si>
    <t>01/21/2020 17:55:03</t>
  </si>
  <si>
    <t>01/21/2020 17:55:07</t>
  </si>
  <si>
    <t>01/21/2020 17:55:11</t>
  </si>
  <si>
    <t>01/21/2020 17:55:12</t>
  </si>
  <si>
    <t>01/21/2020 17:55:16</t>
  </si>
  <si>
    <t>01/21/2020 17:55:20</t>
  </si>
  <si>
    <t>01/21/2020 17:55:24</t>
  </si>
  <si>
    <t>01/21/2020 17:55:28</t>
  </si>
  <si>
    <t>01/21/2020 17:55:32</t>
  </si>
  <si>
    <t>01/21/2020 17:55:36</t>
  </si>
  <si>
    <t>01/21/2020 17:55:40</t>
  </si>
  <si>
    <t>01/21/2020 17:55:45</t>
  </si>
  <si>
    <t>01/21/2020 17:55:49</t>
  </si>
  <si>
    <t>01/21/2020 17:51:55</t>
  </si>
  <si>
    <t>01/21/2020 17:56:22</t>
  </si>
  <si>
    <t>01/21/2020 17:59:31</t>
  </si>
  <si>
    <t>01/21/2020 17:53:49</t>
  </si>
  <si>
    <t>01/21/2020 17:53:58</t>
  </si>
  <si>
    <t>01/21/2020 17:54:09</t>
  </si>
  <si>
    <t>01/21/2020 17:54:15</t>
  </si>
  <si>
    <t>01/21/2020 17:54:20</t>
  </si>
  <si>
    <t>01/21/2020 17:54:23</t>
  </si>
  <si>
    <t>01/21/2020 17:54:53</t>
  </si>
  <si>
    <t>01/21/2020 18:00:31</t>
  </si>
  <si>
    <t>01/21/2020 17:58:39</t>
  </si>
  <si>
    <t>01/21/2020 17:56:35</t>
  </si>
  <si>
    <t>01/21/2020 18:01:32</t>
  </si>
  <si>
    <t>01/21/2020 17:56:36</t>
  </si>
  <si>
    <t>lu5123671lbpn.tmp</t>
  </si>
  <si>
    <t>\\acsfs\profiles$\LUCASBS\RENEG BV\Consolidado\lu5123671lbpn.tmp</t>
  </si>
  <si>
    <t>\\acsfs\profiles$\LUCASBS\RENEG BV\Consolidado\lu5123671lbpn.tmp\</t>
  </si>
  <si>
    <t>\\acsfs\profiles$\LUCASBS\RENEG BV\Consolidado\lu5123671lbpn.tmp\META-INF\</t>
  </si>
  <si>
    <t>\\acsfs\profiles$\LUCASBS\RENEG BV\Consolidado\lu5123671lbpn.tmp\Thumbnails\</t>
  </si>
  <si>
    <t>01/21/2020 18:00:02</t>
  </si>
  <si>
    <t>01/21/2020 18:00:03</t>
  </si>
  <si>
    <t>lu5123671lbps.tmp</t>
  </si>
  <si>
    <t>\\acsfs\profiles$\LUCASBS\RENEG BV\Consolidado\lu5123671lbps.tmp</t>
  </si>
  <si>
    <t>\\acsfs\profiles$\LUCASBS\RENEG BV\Consolidado\lu5123671lbps.tmp\</t>
  </si>
  <si>
    <t>\\acsfs\profiles$\LUCASBS\RENEG BV\Consolidado\lu5123671lbps.tmp\META-INF\</t>
  </si>
  <si>
    <t>\\acsfs\profiles$\LUCASBS\RENEG BV\Consolidado\lu5123671lbps.tmp\Thumbnails\</t>
  </si>
  <si>
    <t>01/21/2020 18:00:44</t>
  </si>
  <si>
    <t>01/21/2020 18:00:45</t>
  </si>
  <si>
    <t>lu5123671lbpx.tmp</t>
  </si>
  <si>
    <t>\\acsfs\profiles$\LUCASBS\RENEG BV\Consolidado\lu5123671lbpx.tmp</t>
  </si>
  <si>
    <t>\\acsfs\profiles$\LUCASBS\RENEG BV\Consolidado\lu5123671lbpx.tmp\</t>
  </si>
  <si>
    <t>\\acsfs\profiles$\LUCASBS\RENEG BV\Consolidado\lu5123671lbpx.tmp\META-INF\</t>
  </si>
  <si>
    <t>\\acsfs\profiles$\LUCASBS\RENEG BV\Consolidado\lu5123671lbpx.tmp\Thumbnails\</t>
  </si>
  <si>
    <t>01/21/2020 17:57:23</t>
  </si>
  <si>
    <t>01/21/2020 17:55:53</t>
  </si>
  <si>
    <t>01/21/2020 17:55:55</t>
  </si>
  <si>
    <t>01/21/2020 17:55:57</t>
  </si>
  <si>
    <t>01/21/2020 17:56:01</t>
  </si>
  <si>
    <t>01/21/2020 17:56:05</t>
  </si>
  <si>
    <t>01/21/2020 17:56:10</t>
  </si>
  <si>
    <t>01/21/2020 17:56:14</t>
  </si>
  <si>
    <t>01/21/2020 17:56:18</t>
  </si>
  <si>
    <t>01/21/2020 17:56:26</t>
  </si>
  <si>
    <t>01/21/2020 17:56:30</t>
  </si>
  <si>
    <t>01/21/2020 17:56:34</t>
  </si>
  <si>
    <t>01/21/2020 17:56:39</t>
  </si>
  <si>
    <t>01/21/2020 17:56:43</t>
  </si>
  <si>
    <t>01/21/2020 17:56:47</t>
  </si>
  <si>
    <t>01/21/2020 17:56:51</t>
  </si>
  <si>
    <t>01/21/2020 17:56:55</t>
  </si>
  <si>
    <t>01/21/2020 17:56:59</t>
  </si>
  <si>
    <t>01/21/2020 17:57:04</t>
  </si>
  <si>
    <t>01/21/2020 17:57:08</t>
  </si>
  <si>
    <t>01/21/2020 17:57:12</t>
  </si>
  <si>
    <t>01/21/2020 17:57:16</t>
  </si>
  <si>
    <t>01/21/2020 17:57:20</t>
  </si>
  <si>
    <t>01/21/2020 17:57:24</t>
  </si>
  <si>
    <t>01/21/2020 17:57:28</t>
  </si>
  <si>
    <t>01/21/2020 17:57:32</t>
  </si>
  <si>
    <t>01/21/2020 17:57:37</t>
  </si>
  <si>
    <t>01/21/2020 17:57:41</t>
  </si>
  <si>
    <t>01/21/2020 17:56:11</t>
  </si>
  <si>
    <t>01/21/2020 17:57:45</t>
  </si>
  <si>
    <t>01/21/2020 17:57:49</t>
  </si>
  <si>
    <t>01/21/2020 17:57:53</t>
  </si>
  <si>
    <t>01/21/2020 17:57:57</t>
  </si>
  <si>
    <t>01/21/2020 17:58:02</t>
  </si>
  <si>
    <t>01/21/2020 17:58:06</t>
  </si>
  <si>
    <t>01/21/2020 17:58:10</t>
  </si>
  <si>
    <t>01/21/2020 17:58:14</t>
  </si>
  <si>
    <t>01/21/2020 17:58:18</t>
  </si>
  <si>
    <t>01/21/2020 17:58:22</t>
  </si>
  <si>
    <t>01/21/2020 17:58:26</t>
  </si>
  <si>
    <t>01/21/2020 17:58:30</t>
  </si>
  <si>
    <t>01/21/2020 17:58:35</t>
  </si>
  <si>
    <t>01/21/2020 17:58:43</t>
  </si>
  <si>
    <t>01/21/2020 17:58:47</t>
  </si>
  <si>
    <t>01/21/2020 17:58:51</t>
  </si>
  <si>
    <t>01/21/2020 17:58:55</t>
  </si>
  <si>
    <t>01/21/2020 17:58:59</t>
  </si>
  <si>
    <t>01/21/2020 17:59:04</t>
  </si>
  <si>
    <t>01/21/2020 17:59:08</t>
  </si>
  <si>
    <t>01/21/2020 17:59:12</t>
  </si>
  <si>
    <t>01/21/2020 17:59:18</t>
  </si>
  <si>
    <t>01/21/2020 17:59:22</t>
  </si>
  <si>
    <t>01/21/2020 17:59:26</t>
  </si>
  <si>
    <t>01/21/2020 17:59:30</t>
  </si>
  <si>
    <t>01/21/2020 17:59:34</t>
  </si>
  <si>
    <t>01/21/2020 17:59:39</t>
  </si>
  <si>
    <t>01/21/2020 17:59:43</t>
  </si>
  <si>
    <t>01/21/2020 17:59:47</t>
  </si>
  <si>
    <t>01/21/2020 17:59:51</t>
  </si>
  <si>
    <t>01/21/2020 17:59:55</t>
  </si>
  <si>
    <t>64f9e155-7176-4671-aa2a-b2e29b9a9dcc.tmp</t>
  </si>
  <si>
    <t>\\acsfs\profiles$\fernandofs\Downloads\64f9e155-7176-4671-aa2a-b2e29b9a9dcc.tmp</t>
  </si>
  <si>
    <t>01/21/2020 17:59:59</t>
  </si>
  <si>
    <t>01/21/2020 18:00:08</t>
  </si>
  <si>
    <t>01/21/2020 18:00:12</t>
  </si>
  <si>
    <t>01/21/2020 18:00:16</t>
  </si>
  <si>
    <t>01/21/2020 18:00:20</t>
  </si>
  <si>
    <t>01/21/2020 18:00:24</t>
  </si>
  <si>
    <t>01/21/2020 18:00:28</t>
  </si>
  <si>
    <t>01/21/2020 18:00:33</t>
  </si>
  <si>
    <t>01/21/2020 18:00:37</t>
  </si>
  <si>
    <t>01/21/2020 18:00:41</t>
  </si>
  <si>
    <t>01/21/2020 18:00:49</t>
  </si>
  <si>
    <t>01/21/2020 18:00:53</t>
  </si>
  <si>
    <t>01/21/2020 18:00:57</t>
  </si>
  <si>
    <t>01/21/2020 17:56:50</t>
  </si>
  <si>
    <t>01/21/2020 17:57:55</t>
  </si>
  <si>
    <t>01/21/2020 18:01:10</t>
  </si>
  <si>
    <t>01/21/2020 18:04:32</t>
  </si>
  <si>
    <t>01/21/2020 18:05:31</t>
  </si>
  <si>
    <t>01/21/2020 18:01:11</t>
  </si>
  <si>
    <t>01/21/2020 18:06:31</t>
  </si>
  <si>
    <t>01/21/2020 18:02:11</t>
  </si>
  <si>
    <t>01/21/2020 18:01:01</t>
  </si>
  <si>
    <t>01/21/2020 18:01:06</t>
  </si>
  <si>
    <t>01/21/2020 18:01:14</t>
  </si>
  <si>
    <t>01/21/2020 18:01:18</t>
  </si>
  <si>
    <t>01/21/2020 18:01:23</t>
  </si>
  <si>
    <t>01/21/2020 18:01:26</t>
  </si>
  <si>
    <t>01/21/2020 18:01:31</t>
  </si>
  <si>
    <t>01/21/2020 18:01:35</t>
  </si>
  <si>
    <t>01/21/2020 18:01:39</t>
  </si>
  <si>
    <t>01/21/2020 18:01:44</t>
  </si>
  <si>
    <t>01/21/2020 18:01:48</t>
  </si>
  <si>
    <t>01/21/2020 18:01:52</t>
  </si>
  <si>
    <t>01/21/2020 18:01:55</t>
  </si>
  <si>
    <t>01/21/2020 18:01:56</t>
  </si>
  <si>
    <t>01/21/2020 18:02:00</t>
  </si>
  <si>
    <t>01/21/2020 18:02:07</t>
  </si>
  <si>
    <t>01/21/2020 18:02:15</t>
  </si>
  <si>
    <t>01/21/2020 18:02:19</t>
  </si>
  <si>
    <t>01/21/2020 18:02:23</t>
  </si>
  <si>
    <t>01/21/2020 18:02:27</t>
  </si>
  <si>
    <t>01/21/2020 18:02:31</t>
  </si>
  <si>
    <t>01/21/2020 18:02:36</t>
  </si>
  <si>
    <t>01/21/2020 18:02:40</t>
  </si>
  <si>
    <t>01/21/2020 18:02:44</t>
  </si>
  <si>
    <t>01/21/2020 18:02:48</t>
  </si>
  <si>
    <t>01/21/2020 18:02:49</t>
  </si>
  <si>
    <t>01/21/2020 18:02:52</t>
  </si>
  <si>
    <t>01/21/2020 18:02:56</t>
  </si>
  <si>
    <t>01/21/2020 18:03:01</t>
  </si>
  <si>
    <t>01/21/2020 18:03:05</t>
  </si>
  <si>
    <t>01/21/2020 18:03:09</t>
  </si>
  <si>
    <t>01/21/2020 18:03:13</t>
  </si>
  <si>
    <t>01/21/2020 18:03:17</t>
  </si>
  <si>
    <t>01/21/2020 18:03:21</t>
  </si>
  <si>
    <t>01/21/2020 18:03:25</t>
  </si>
  <si>
    <t>01/21/2020 18:03:29</t>
  </si>
  <si>
    <t>01/21/2020 18:03:34</t>
  </si>
  <si>
    <t>01/21/2020 18:03:38</t>
  </si>
  <si>
    <t>01/21/2020 18:03:42</t>
  </si>
  <si>
    <t>01/21/2020 18:03:46</t>
  </si>
  <si>
    <t>01/21/2020 18:03:50</t>
  </si>
  <si>
    <t>01/21/2020 18:03:54</t>
  </si>
  <si>
    <t>01/21/2020 18:03:59</t>
  </si>
  <si>
    <t>01/21/2020 18:04:03</t>
  </si>
  <si>
    <t>01/21/2020 18:04:07</t>
  </si>
  <si>
    <t>01/21/2020 18:04:11</t>
  </si>
  <si>
    <t>01/21/2020 18:04:15</t>
  </si>
  <si>
    <t>01/21/2020 18:04:19</t>
  </si>
  <si>
    <t>01/21/2020 18:04:24</t>
  </si>
  <si>
    <t>01/21/2020 18:04:28</t>
  </si>
  <si>
    <t>01/21/2020 18:04:36</t>
  </si>
  <si>
    <t>01/21/2020 18:04:40</t>
  </si>
  <si>
    <t>01/21/2020 18:04:44</t>
  </si>
  <si>
    <t>01/21/2020 18:04:48</t>
  </si>
  <si>
    <t>01/21/2020 18:04:53</t>
  </si>
  <si>
    <t>01/21/2020 18:04:57</t>
  </si>
  <si>
    <t>01/21/2020 18:05:01</t>
  </si>
  <si>
    <t>01/21/2020 18:05:05</t>
  </si>
  <si>
    <t>01/21/2020 18:05:09</t>
  </si>
  <si>
    <t>01/21/2020 18:05:13</t>
  </si>
  <si>
    <t>01/21/2020 18:05:17</t>
  </si>
  <si>
    <t>01/21/2020 18:05:22</t>
  </si>
  <si>
    <t>01/21/2020 18:05:26</t>
  </si>
  <si>
    <t>01/21/2020 18:05:30</t>
  </si>
  <si>
    <t>01/21/2020 18:05:34</t>
  </si>
  <si>
    <t>01/21/2020 18:05:38</t>
  </si>
  <si>
    <t>01/21/2020 18:05:42</t>
  </si>
  <si>
    <t>01/21/2020 18:05:46</t>
  </si>
  <si>
    <t>01/21/2020 18:05:52</t>
  </si>
  <si>
    <t>01/21/2020 18:05:55</t>
  </si>
  <si>
    <t>01/21/2020 18:05:59</t>
  </si>
  <si>
    <t>01/21/2020 18:06:03</t>
  </si>
  <si>
    <t>01/21/2020 18:03:55</t>
  </si>
  <si>
    <t>01/21/2020 18:04:25</t>
  </si>
  <si>
    <t>01/21/2020 18:05:57</t>
  </si>
  <si>
    <t>01/21/2020 18:07:31</t>
  </si>
  <si>
    <t>01/21/2020 18:03:44</t>
  </si>
  <si>
    <t>a67dad91-1300-41f1-94f6-fc7ce6e9bf4c.tmp</t>
  </si>
  <si>
    <t>\\acsfs\profiles$\henriqueco\Downloads\a67dad91-1300-41f1-94f6-fc7ce6e9bf4c.tmp</t>
  </si>
  <si>
    <t>01/21/2020 18:06:18</t>
  </si>
  <si>
    <t>8e377375-0d55-4cb1-b61d-a9d8ef233e39.tmp</t>
  </si>
  <si>
    <t>\\acsfs\profiles$\henriqueco\Downloads\8e377375-0d55-4cb1-b61d-a9d8ef233e39.tmp</t>
  </si>
  <si>
    <t>01/21/2020 18:05:03</t>
  </si>
  <si>
    <t>01/21/2020 18:05:15</t>
  </si>
  <si>
    <t>01/21/2020 18:05:16</t>
  </si>
  <si>
    <t>01/21/2020 18:05:19</t>
  </si>
  <si>
    <t>1a0c6beb-f3f0-4d5e-9e5e-da7bbe9a7fdb.tmp</t>
  </si>
  <si>
    <t>\\acsfs\profiles$\Adrieledgc\Downloads\1a0c6beb-f3f0-4d5e-9e5e-da7bbe9a7fdb.tmp</t>
  </si>
  <si>
    <t>01/21/2020 18:07:44</t>
  </si>
  <si>
    <t>01/21/2020 18:10:32</t>
  </si>
  <si>
    <t>d1df2396-21a4-4f5c-9cb8-c5c1ccf7440f.tmp</t>
  </si>
  <si>
    <t>\\acsfs\profiles$\andreapdsg\Downloads\d1df2396-21a4-4f5c-9cb8-c5c1ccf7440f.tmp</t>
  </si>
  <si>
    <t>01/21/2020 18:11:31</t>
  </si>
  <si>
    <t>\\acsfs\ACS\Gabriel da Silva\Contemporânea\VENDAS\Vendas e Ofertas_novo.xlsm</t>
  </si>
  <si>
    <t>01/21/2020 18:08:06</t>
  </si>
  <si>
    <t>Vendas e Ofertas_Jan.20.xlsm</t>
  </si>
  <si>
    <t>\\acsfs\ACS\Gabriel da Silva\Contemporânea\Vendas e Ofertas_Jan.20.xlsm</t>
  </si>
  <si>
    <t>01/21/2020 18:08:41</t>
  </si>
  <si>
    <t>Vendas e Ofertas_Jan.20.xlsx</t>
  </si>
  <si>
    <t>\\acsfs\ACS\Gabriel da Silva\Contemporânea\Vendas e Ofertas_Jan.20.xlsx</t>
  </si>
  <si>
    <t>01/21/2020 18:09:03</t>
  </si>
  <si>
    <t>01/21/2020 18:10:05</t>
  </si>
  <si>
    <t>01/21/2020 18:07:11</t>
  </si>
  <si>
    <t>01/21/2020 18:08:11</t>
  </si>
  <si>
    <t>01/21/2020 18:06:07</t>
  </si>
  <si>
    <t>01/21/2020 18:06:11</t>
  </si>
  <si>
    <t>01/21/2020 18:06:15</t>
  </si>
  <si>
    <t>01/21/2020 18:06:20</t>
  </si>
  <si>
    <t>01/21/2020 18:06:24</t>
  </si>
  <si>
    <t>01/21/2020 18:06:28</t>
  </si>
  <si>
    <t>01/21/2020 18:06:32</t>
  </si>
  <si>
    <t>01/21/2020 18:06:36</t>
  </si>
  <si>
    <t>01/21/2020 18:06:40</t>
  </si>
  <si>
    <t>01/21/2020 18:06:44</t>
  </si>
  <si>
    <t>01/21/2020 18:06:49</t>
  </si>
  <si>
    <t>01/21/2020 18:06:53</t>
  </si>
  <si>
    <t>01/21/2020 18:06:57</t>
  </si>
  <si>
    <t>01/21/2020 18:07:01</t>
  </si>
  <si>
    <t>01/21/2020 18:07:05</t>
  </si>
  <si>
    <t>01/21/2020 18:07:09</t>
  </si>
  <si>
    <t>01/21/2020 18:07:13</t>
  </si>
  <si>
    <t>01/21/2020 18:07:18</t>
  </si>
  <si>
    <t>01/21/2020 18:07:22</t>
  </si>
  <si>
    <t>01/21/2020 18:07:26</t>
  </si>
  <si>
    <t>01/21/2020 18:07:30</t>
  </si>
  <si>
    <t>01/21/2020 18:07:34</t>
  </si>
  <si>
    <t>01/21/2020 18:07:38</t>
  </si>
  <si>
    <t>01/21/2020 18:07:42</t>
  </si>
  <si>
    <t>01/21/2020 18:07:47</t>
  </si>
  <si>
    <t>01/21/2020 18:07:51</t>
  </si>
  <si>
    <t>01/21/2020 18:07:55</t>
  </si>
  <si>
    <t>01/21/2020 18:07:59</t>
  </si>
  <si>
    <t>01/21/2020 18:08:03</t>
  </si>
  <si>
    <t>01/21/2020 18:08:07</t>
  </si>
  <si>
    <t>01/21/2020 18:08:16</t>
  </si>
  <si>
    <t>01/21/2020 18:08:20</t>
  </si>
  <si>
    <t>01/21/2020 18:08:24</t>
  </si>
  <si>
    <t>01/21/2020 18:08:28</t>
  </si>
  <si>
    <t>01/21/2020 18:08:33</t>
  </si>
  <si>
    <t>01/21/2020 18:08:36</t>
  </si>
  <si>
    <t>01/21/2020 18:08:40</t>
  </si>
  <si>
    <t>01/21/2020 18:08:44</t>
  </si>
  <si>
    <t>01/21/2020 18:08:49</t>
  </si>
  <si>
    <t>01/21/2020 18:08:53</t>
  </si>
  <si>
    <t>01/21/2020 18:08:57</t>
  </si>
  <si>
    <t>01/21/2020 18:09:01</t>
  </si>
  <si>
    <t>01/21/2020 18:09:05</t>
  </si>
  <si>
    <t>01/21/2020 18:09:09</t>
  </si>
  <si>
    <t>01/21/2020 18:09:13</t>
  </si>
  <si>
    <t>01/21/2020 18:09:18</t>
  </si>
  <si>
    <t>01/21/2020 18:09:22</t>
  </si>
  <si>
    <t>01/21/2020 18:09:26</t>
  </si>
  <si>
    <t>01/21/2020 18:09:30</t>
  </si>
  <si>
    <t>01/21/2020 18:09:34</t>
  </si>
  <si>
    <t>01/21/2020 18:09:38</t>
  </si>
  <si>
    <t>01/21/2020 18:09:42</t>
  </si>
  <si>
    <t>01/21/2020 18:09:46</t>
  </si>
  <si>
    <t>01/21/2020 18:09:51</t>
  </si>
  <si>
    <t>01/21/2020 18:09:55</t>
  </si>
  <si>
    <t>01/21/2020 18:10:00</t>
  </si>
  <si>
    <t>01/21/2020 18:10:03</t>
  </si>
  <si>
    <t>01/21/2020 18:10:07</t>
  </si>
  <si>
    <t>01/21/2020 18:10:11</t>
  </si>
  <si>
    <t>01/21/2020 18:10:16</t>
  </si>
  <si>
    <t>01/21/2020 18:10:20</t>
  </si>
  <si>
    <t>01/21/2020 18:10:24</t>
  </si>
  <si>
    <t>01/21/2020 18:10:28</t>
  </si>
  <si>
    <t>01/21/2020 18:10:30</t>
  </si>
  <si>
    <t>01/21/2020 18:10:36</t>
  </si>
  <si>
    <t>01/21/2020 18:10:40</t>
  </si>
  <si>
    <t>01/21/2020 18:10:44</t>
  </si>
  <si>
    <t>01/21/2020 18:10:49</t>
  </si>
  <si>
    <t>01/21/2020 18:10:53</t>
  </si>
  <si>
    <t>01/21/2020 18:10:57</t>
  </si>
  <si>
    <t>01/21/2020 18:11:01</t>
  </si>
  <si>
    <t>01/21/2020 18:11:05</t>
  </si>
  <si>
    <t>01/21/2020 18:11:09</t>
  </si>
  <si>
    <t>01/21/2020 18:07:19</t>
  </si>
  <si>
    <t>01/21/2020 18:07:48</t>
  </si>
  <si>
    <t>01/21/2020 18:07:54</t>
  </si>
  <si>
    <t>01/21/2020 18:13:31</t>
  </si>
  <si>
    <t>01/21/2020 18:09:23</t>
  </si>
  <si>
    <t>f3d949fe-83ec-4375-96bc-e3b43bcf0b74.tmp</t>
  </si>
  <si>
    <t>\\acsfs\profiles$\gabrielamdp\Downloads\f3d949fe-83ec-4375-96bc-e3b43bcf0b74.tmp</t>
  </si>
  <si>
    <t>01/21/2020 18:15:31</t>
  </si>
  <si>
    <t>01/21/2020 18:11:57</t>
  </si>
  <si>
    <t>01/21/2020 18:16:31</t>
  </si>
  <si>
    <t>\\acsfs\ACS\Gabriel da Silva\Contemporânea\VENDAS\Vendas e Ofertas_Jan.20.xlsm</t>
  </si>
  <si>
    <t>01/21/2020 18:15:21</t>
  </si>
  <si>
    <t>f9f50c77-44c5-4b64-8374-3383d3e399e9.tmp</t>
  </si>
  <si>
    <t>\\acsfs\profiles$\gabrielsma\Downloads\f9f50c77-44c5-4b64-8374-3383d3e399e9.tmp</t>
  </si>
  <si>
    <t>01/21/2020 18:15:42</t>
  </si>
  <si>
    <t>01/21/2020 18:13:11</t>
  </si>
  <si>
    <t>01/21/2020 18:14:11</t>
  </si>
  <si>
    <t>01/21/2020 18:11:13</t>
  </si>
  <si>
    <t>01/21/2020 18:11:17</t>
  </si>
  <si>
    <t>01/21/2020 18:11:22</t>
  </si>
  <si>
    <t>01/21/2020 18:11:26</t>
  </si>
  <si>
    <t>01/21/2020 18:11:30</t>
  </si>
  <si>
    <t>01/21/2020 18:11:34</t>
  </si>
  <si>
    <t>01/21/2020 18:11:38</t>
  </si>
  <si>
    <t>01/21/2020 18:11:42</t>
  </si>
  <si>
    <t>01/21/2020 18:11:47</t>
  </si>
  <si>
    <t>01/21/2020 18:11:51</t>
  </si>
  <si>
    <t>01/21/2020 18:11:56</t>
  </si>
  <si>
    <t>01/21/2020 18:12:00</t>
  </si>
  <si>
    <t>01/21/2020 18:12:04</t>
  </si>
  <si>
    <t>01/21/2020 18:12:08</t>
  </si>
  <si>
    <t>01/21/2020 18:12:12</t>
  </si>
  <si>
    <t>01/21/2020 18:12:16</t>
  </si>
  <si>
    <t>01/21/2020 18:12:21</t>
  </si>
  <si>
    <t>01/21/2020 18:12:25</t>
  </si>
  <si>
    <t>01/21/2020 18:12:29</t>
  </si>
  <si>
    <t>01/21/2020 18:12:33</t>
  </si>
  <si>
    <t>01/21/2020 18:12:37</t>
  </si>
  <si>
    <t>01/21/2020 18:12:41</t>
  </si>
  <si>
    <t>01/21/2020 18:12:45</t>
  </si>
  <si>
    <t>01/21/2020 18:12:50</t>
  </si>
  <si>
    <t>01/21/2020 18:12:54</t>
  </si>
  <si>
    <t>01/21/2020 18:12:58</t>
  </si>
  <si>
    <t>01/21/2020 18:13:02</t>
  </si>
  <si>
    <t>01/21/2020 18:13:06</t>
  </si>
  <si>
    <t>01/21/2020 18:13:10</t>
  </si>
  <si>
    <t>01/21/2020 18:13:14</t>
  </si>
  <si>
    <t>01/21/2020 18:13:19</t>
  </si>
  <si>
    <t>01/21/2020 18:13:23</t>
  </si>
  <si>
    <t>01/21/2020 18:13:27</t>
  </si>
  <si>
    <t>01/21/2020 18:13:35</t>
  </si>
  <si>
    <t>01/21/2020 18:13:39</t>
  </si>
  <si>
    <t>01/21/2020 18:13:43</t>
  </si>
  <si>
    <t>01/21/2020 18:13:48</t>
  </si>
  <si>
    <t>01/21/2020 18:13:52</t>
  </si>
  <si>
    <t>01/21/2020 18:13:55</t>
  </si>
  <si>
    <t>01/21/2020 18:13:56</t>
  </si>
  <si>
    <t>01/21/2020 18:14:00</t>
  </si>
  <si>
    <t>01/21/2020 18:14:04</t>
  </si>
  <si>
    <t>01/21/2020 18:14:08</t>
  </si>
  <si>
    <t>01/21/2020 18:14:12</t>
  </si>
  <si>
    <t>01/21/2020 18:14:17</t>
  </si>
  <si>
    <t>01/21/2020 18:14:21</t>
  </si>
  <si>
    <t>01/21/2020 18:14:25</t>
  </si>
  <si>
    <t>01/21/2020 18:14:29</t>
  </si>
  <si>
    <t>01/21/2020 18:14:33</t>
  </si>
  <si>
    <t>01/21/2020 18:14:37</t>
  </si>
  <si>
    <t>01/21/2020 18:14:41</t>
  </si>
  <si>
    <t>01/21/2020 18:14:46</t>
  </si>
  <si>
    <t>01/21/2020 18:14:50</t>
  </si>
  <si>
    <t>01/21/2020 18:14:54</t>
  </si>
  <si>
    <t>01/21/2020 18:14:58</t>
  </si>
  <si>
    <t>01/21/2020 18:15:02</t>
  </si>
  <si>
    <t>01/21/2020 18:15:06</t>
  </si>
  <si>
    <t>01/21/2020 18:15:11</t>
  </si>
  <si>
    <t>01/21/2020 18:15:15</t>
  </si>
  <si>
    <t>01/21/2020 18:15:19</t>
  </si>
  <si>
    <t>01/21/2020 18:15:23</t>
  </si>
  <si>
    <t>01/21/2020 18:15:27</t>
  </si>
  <si>
    <t>01/21/2020 18:15:35</t>
  </si>
  <si>
    <t>01/21/2020 18:15:39</t>
  </si>
  <si>
    <t>01/21/2020 18:15:44</t>
  </si>
  <si>
    <t>01/21/2020 18:15:48</t>
  </si>
  <si>
    <t>01/21/2020 18:15:52</t>
  </si>
  <si>
    <t>01/21/2020 18:15:56</t>
  </si>
  <si>
    <t>01/21/2020 18:16:00</t>
  </si>
  <si>
    <t>01/21/2020 18:16:04</t>
  </si>
  <si>
    <t>01/21/2020 18:16:09</t>
  </si>
  <si>
    <t>01/21/2020 18:16:13</t>
  </si>
  <si>
    <t>01/21/2020 18:13:38</t>
  </si>
  <si>
    <t>01/21/2020 18:15:55</t>
  </si>
  <si>
    <t>01/21/2020 18:14:18</t>
  </si>
  <si>
    <t>01/21/2020 18:17:32</t>
  </si>
  <si>
    <t>01/21/2020 18:20:31</t>
  </si>
  <si>
    <t>01/21/2020 18:16:17</t>
  </si>
  <si>
    <t>01/21/2020 18:19:27</t>
  </si>
  <si>
    <t>01/21/2020 18:21:32</t>
  </si>
  <si>
    <t>894c904c-5ee9-4287-b26a-3ccf97d37c6b.tmp</t>
  </si>
  <si>
    <t>\\acsfs\profiles$\gabrielamdp\Downloads\894c904c-5ee9-4287-b26a-3ccf97d37c6b.tmp</t>
  </si>
  <si>
    <t>205ef3f8-4b93-4208-809e-13596b82a6ce.tmp</t>
  </si>
  <si>
    <t>\\acsfs\profiles$\gabrielamdp\Downloads\205ef3f8-4b93-4208-809e-13596b82a6ce.tmp</t>
  </si>
  <si>
    <t>c071df14-0bd1-4044-b7ee-56f0053c23fe.tmp</t>
  </si>
  <si>
    <t>\\acsfs\profiles$\gabrielamdp\Downloads\c071df14-0bd1-4044-b7ee-56f0053c23fe.tmp</t>
  </si>
  <si>
    <t>4516363e-5a27-4c0d-afc6-adaae54d7a1a.tmp</t>
  </si>
  <si>
    <t>\\acsfs\profiles$\gabrielamdp\Downloads\4516363e-5a27-4c0d-afc6-adaae54d7a1a.tmp</t>
  </si>
  <si>
    <t>01/21/2020 18:20:24</t>
  </si>
  <si>
    <t>347a868e-6325-4384-b53e-4a5d722e589a.tmp</t>
  </si>
  <si>
    <t>\\acsfs\profiles$\gabrielamdp\Downloads\347a868e-6325-4384-b53e-4a5d722e589a.tmp</t>
  </si>
  <si>
    <t>01/21/2020 18:19:11</t>
  </si>
  <si>
    <t>01/21/2020 18:20:11</t>
  </si>
  <si>
    <t>01/21/2020 18:16:21</t>
  </si>
  <si>
    <t>01/21/2020 18:16:25</t>
  </si>
  <si>
    <t>01/21/2020 18:16:29</t>
  </si>
  <si>
    <t>01/21/2020 18:16:33</t>
  </si>
  <si>
    <t>01/21/2020 18:16:38</t>
  </si>
  <si>
    <t>01/21/2020 18:16:42</t>
  </si>
  <si>
    <t>01/21/2020 18:16:46</t>
  </si>
  <si>
    <t>01/21/2020 18:16:50</t>
  </si>
  <si>
    <t>01/21/2020 18:16:54</t>
  </si>
  <si>
    <t>01/21/2020 18:16:58</t>
  </si>
  <si>
    <t>01/21/2020 18:17:02</t>
  </si>
  <si>
    <t>01/21/2020 18:17:07</t>
  </si>
  <si>
    <t>01/21/2020 18:17:11</t>
  </si>
  <si>
    <t>01/21/2020 18:17:15</t>
  </si>
  <si>
    <t>01/21/2020 18:17:19</t>
  </si>
  <si>
    <t>01/21/2020 18:17:23</t>
  </si>
  <si>
    <t>01/21/2020 18:17:27</t>
  </si>
  <si>
    <t>01/21/2020 18:17:31</t>
  </si>
  <si>
    <t>01/21/2020 18:17:36</t>
  </si>
  <si>
    <t>01/21/2020 18:17:40</t>
  </si>
  <si>
    <t>01/21/2020 18:17:44</t>
  </si>
  <si>
    <t>01/21/2020 18:17:48</t>
  </si>
  <si>
    <t>01/21/2020 18:17:52</t>
  </si>
  <si>
    <t>01/21/2020 18:17:56</t>
  </si>
  <si>
    <t>01/21/2020 18:18:00</t>
  </si>
  <si>
    <t>01/21/2020 18:18:05</t>
  </si>
  <si>
    <t>01/21/2020 18:18:08</t>
  </si>
  <si>
    <t>01/21/2020 18:18:10</t>
  </si>
  <si>
    <t>01/21/2020 18:18:14</t>
  </si>
  <si>
    <t>01/21/2020 18:18:18</t>
  </si>
  <si>
    <t>01/21/2020 18:18:22</t>
  </si>
  <si>
    <t>01/21/2020 18:18:26</t>
  </si>
  <si>
    <t>01/21/2020 18:18:30</t>
  </si>
  <si>
    <t>01/21/2020 18:18:34</t>
  </si>
  <si>
    <t>01/21/2020 18:18:38</t>
  </si>
  <si>
    <t>01/21/2020 18:18:43</t>
  </si>
  <si>
    <t>01/21/2020 18:18:47</t>
  </si>
  <si>
    <t>01/21/2020 18:18:51</t>
  </si>
  <si>
    <t>01/21/2020 18:18:55</t>
  </si>
  <si>
    <t>01/21/2020 18:18:59</t>
  </si>
  <si>
    <t>01/21/2020 18:19:03</t>
  </si>
  <si>
    <t>01/21/2020 18:19:08</t>
  </si>
  <si>
    <t>01/21/2020 18:19:12</t>
  </si>
  <si>
    <t>01/21/2020 18:19:16</t>
  </si>
  <si>
    <t>01/21/2020 18:19:20</t>
  </si>
  <si>
    <t>01/21/2020 18:19:24</t>
  </si>
  <si>
    <t>01/21/2020 18:19:28</t>
  </si>
  <si>
    <t>01/21/2020 18:19:32</t>
  </si>
  <si>
    <t>01/21/2020 18:19:36</t>
  </si>
  <si>
    <t>01/21/2020 18:19:41</t>
  </si>
  <si>
    <t>01/21/2020 18:19:45</t>
  </si>
  <si>
    <t>01/21/2020 18:19:49</t>
  </si>
  <si>
    <t>01/21/2020 18:19:53</t>
  </si>
  <si>
    <t>01/21/2020 18:19:55</t>
  </si>
  <si>
    <t>01/21/2020 18:19:57</t>
  </si>
  <si>
    <t>01/21/2020 18:20:01</t>
  </si>
  <si>
    <t>01/21/2020 18:20:05</t>
  </si>
  <si>
    <t>01/21/2020 18:20:10</t>
  </si>
  <si>
    <t>01/21/2020 18:20:14</t>
  </si>
  <si>
    <t>01/21/2020 18:20:18</t>
  </si>
  <si>
    <t>01/21/2020 18:20:22</t>
  </si>
  <si>
    <t>01/21/2020 18:20:26</t>
  </si>
  <si>
    <t>01/21/2020 18:20:30</t>
  </si>
  <si>
    <t>01/21/2020 18:20:34</t>
  </si>
  <si>
    <t>01/21/2020 18:20:39</t>
  </si>
  <si>
    <t>01/21/2020 18:20:43</t>
  </si>
  <si>
    <t>01/21/2020 18:20:47</t>
  </si>
  <si>
    <t>01/21/2020 18:20:51</t>
  </si>
  <si>
    <t>01/21/2020 18:20:55</t>
  </si>
  <si>
    <t>01/21/2020 18:20:59</t>
  </si>
  <si>
    <t>01/21/2020 18:21:03</t>
  </si>
  <si>
    <t>01/21/2020 18:21:08</t>
  </si>
  <si>
    <t>01/21/2020 18:21:12</t>
  </si>
  <si>
    <t>01/21/2020 18:21:16</t>
  </si>
  <si>
    <t>01/21/2020 18:21:20</t>
  </si>
  <si>
    <t>01/21/2020 18:19:01</t>
  </si>
  <si>
    <t>01/21/2020 18:21:26</t>
  </si>
  <si>
    <t>01/21/2020 18:22:31</t>
  </si>
  <si>
    <t>01/21/2020 18:25:31</t>
  </si>
  <si>
    <t>01/21/2020 18:25:46</t>
  </si>
  <si>
    <t>01/21/2020 18:26:31</t>
  </si>
  <si>
    <t>01/21/2020 18:25:51</t>
  </si>
  <si>
    <t>01/21/2020 18:25:11</t>
  </si>
  <si>
    <t>01/21/2020 18:21:24</t>
  </si>
  <si>
    <t>01/21/2020 18:21:28</t>
  </si>
  <si>
    <t>01/21/2020 18:21:36</t>
  </si>
  <si>
    <t>01/21/2020 18:21:41</t>
  </si>
  <si>
    <t>01/21/2020 18:21:45</t>
  </si>
  <si>
    <t>01/21/2020 18:21:49</t>
  </si>
  <si>
    <t>01/21/2020 18:21:53</t>
  </si>
  <si>
    <t>01/21/2020 18:21:57</t>
  </si>
  <si>
    <t>01/21/2020 18:22:01</t>
  </si>
  <si>
    <t>01/21/2020 18:22:05</t>
  </si>
  <si>
    <t>01/21/2020 18:22:10</t>
  </si>
  <si>
    <t>01/21/2020 18:22:14</t>
  </si>
  <si>
    <t>01/21/2020 18:22:19</t>
  </si>
  <si>
    <t>01/21/2020 18:22:23</t>
  </si>
  <si>
    <t>01/21/2020 18:22:27</t>
  </si>
  <si>
    <t>01/21/2020 18:22:35</t>
  </si>
  <si>
    <t>01/21/2020 18:22:40</t>
  </si>
  <si>
    <t>01/21/2020 18:22:44</t>
  </si>
  <si>
    <t>01/21/2020 18:22:48</t>
  </si>
  <si>
    <t>01/21/2020 18:22:52</t>
  </si>
  <si>
    <t>01/21/2020 18:22:56</t>
  </si>
  <si>
    <t>01/21/2020 18:23:00</t>
  </si>
  <si>
    <t>01/21/2020 18:23:04</t>
  </si>
  <si>
    <t>01/21/2020 18:23:08</t>
  </si>
  <si>
    <t>01/21/2020 18:23:13</t>
  </si>
  <si>
    <t>01/21/2020 18:23:17</t>
  </si>
  <si>
    <t>01/21/2020 18:23:21</t>
  </si>
  <si>
    <t>01/21/2020 18:23:25</t>
  </si>
  <si>
    <t>01/21/2020 18:23:29</t>
  </si>
  <si>
    <t>01/21/2020 18:23:34</t>
  </si>
  <si>
    <t>01/21/2020 18:27:31</t>
  </si>
  <si>
    <t>01/21/2020 18:21:54</t>
  </si>
  <si>
    <t>01/21/2020 18:25:09</t>
  </si>
  <si>
    <t>01/21/2020 18:23:37</t>
  </si>
  <si>
    <t>01/21/2020 18:23:42</t>
  </si>
  <si>
    <t>01/21/2020 18:23:46</t>
  </si>
  <si>
    <t>01/21/2020 18:23:50</t>
  </si>
  <si>
    <t>01/21/2020 18:23:54</t>
  </si>
  <si>
    <t>01/21/2020 18:23:58</t>
  </si>
  <si>
    <t>01/21/2020 18:24:02</t>
  </si>
  <si>
    <t>01/21/2020 18:24:06</t>
  </si>
  <si>
    <t>01/21/2020 18:24:10</t>
  </si>
  <si>
    <t>01/21/2020 18:24:15</t>
  </si>
  <si>
    <t>01/21/2020 18:24:19</t>
  </si>
  <si>
    <t>01/21/2020 18:24:23</t>
  </si>
  <si>
    <t>01/21/2020 18:24:27</t>
  </si>
  <si>
    <t>01/21/2020 18:24:31</t>
  </si>
  <si>
    <t>01/21/2020 18:24:35</t>
  </si>
  <si>
    <t>01/21/2020 18:24:40</t>
  </si>
  <si>
    <t>01/21/2020 18:24:44</t>
  </si>
  <si>
    <t>01/21/2020 18:24:48</t>
  </si>
  <si>
    <t>01/21/2020 18:24:52</t>
  </si>
  <si>
    <t>01/21/2020 18:24:56</t>
  </si>
  <si>
    <t>01/21/2020 18:25:00</t>
  </si>
  <si>
    <t>01/21/2020 18:25:04</t>
  </si>
  <si>
    <t>01/21/2020 18:25:13</t>
  </si>
  <si>
    <t>01/21/2020 18:25:17</t>
  </si>
  <si>
    <t>01/21/2020 18:25:21</t>
  </si>
  <si>
    <t>01/21/2020 18:25:25</t>
  </si>
  <si>
    <t>01/21/2020 18:25:29</t>
  </si>
  <si>
    <t>01/21/2020 18:25:33</t>
  </si>
  <si>
    <t>01/21/2020 18:25:37</t>
  </si>
  <si>
    <t>01/21/2020 18:25:42</t>
  </si>
  <si>
    <t>01/21/2020 18:25:50</t>
  </si>
  <si>
    <t>01/21/2020 18:25:54</t>
  </si>
  <si>
    <t>01/21/2020 18:25:55</t>
  </si>
  <si>
    <t>01/21/2020 18:25:58</t>
  </si>
  <si>
    <t>01/21/2020 18:26:02</t>
  </si>
  <si>
    <t>01/21/2020 18:26:07</t>
  </si>
  <si>
    <t>01/21/2020 18:26:11</t>
  </si>
  <si>
    <t>01/21/2020 18:26:15</t>
  </si>
  <si>
    <t>01/21/2020 18:26:19</t>
  </si>
  <si>
    <t>01/21/2020 18:26:23</t>
  </si>
  <si>
    <t>01/21/2020 18:26:27</t>
  </si>
  <si>
    <t>01/21/2020 18:28:31</t>
  </si>
  <si>
    <t>01/21/2020 18:27:46</t>
  </si>
  <si>
    <t>e5b7cf57-624d-4f57-9284-def58b6831f4.tmp</t>
  </si>
  <si>
    <t>\\acsfs\profiles$\edicarlosdl\Downloads\e5b7cf57-624d-4f57-9284-def58b6831f4.tmp</t>
  </si>
  <si>
    <t>01/21/2020 18:27:09</t>
  </si>
  <si>
    <t>01/21/2020 18:30:31</t>
  </si>
  <si>
    <t>01/21/2020 18:29:14</t>
  </si>
  <si>
    <t>01/21/2020 18:31:32</t>
  </si>
  <si>
    <t>lu5123671lbqa.tmp</t>
  </si>
  <si>
    <t>\\acsfs\profiles$\LUCASBS\RENEG BV\Consolidado\lu5123671lbqa.tmp</t>
  </si>
  <si>
    <t>\\acsfs\profiles$\LUCASBS\RENEG BV\Consolidado\lu5123671lbqa.tmp\</t>
  </si>
  <si>
    <t>\\acsfs\profiles$\LUCASBS\RENEG BV\Consolidado\lu5123671lbqa.tmp\META-INF\</t>
  </si>
  <si>
    <t>\\acsfs\profiles$\LUCASBS\RENEG BV\Consolidado\lu5123671lbqa.tmp\Thumbnails\</t>
  </si>
  <si>
    <t>01/21/2020 18:26:49</t>
  </si>
  <si>
    <t>01/21/2020 18:27:55</t>
  </si>
  <si>
    <t>01/21/2020 18:29:13</t>
  </si>
  <si>
    <t>01/21/2020 18:32:31</t>
  </si>
  <si>
    <t>01/21/2020 18:26:36</t>
  </si>
  <si>
    <t>01/21/2020 18:26:40</t>
  </si>
  <si>
    <t>01/21/2020 18:26:44</t>
  </si>
  <si>
    <t>01/21/2020 18:26:48</t>
  </si>
  <si>
    <t>01/21/2020 18:26:52</t>
  </si>
  <si>
    <t>01/21/2020 18:26:56</t>
  </si>
  <si>
    <t>01/21/2020 18:27:00</t>
  </si>
  <si>
    <t>01/21/2020 18:27:05</t>
  </si>
  <si>
    <t>01/21/2020 18:27:13</t>
  </si>
  <si>
    <t>01/21/2020 18:27:17</t>
  </si>
  <si>
    <t>01/21/2020 18:27:21</t>
  </si>
  <si>
    <t>01/21/2020 18:27:25</t>
  </si>
  <si>
    <t>01/21/2020 18:27:29</t>
  </si>
  <si>
    <t>01/21/2020 18:27:34</t>
  </si>
  <si>
    <t>01/21/2020 18:27:38</t>
  </si>
  <si>
    <t>01/21/2020 18:27:42</t>
  </si>
  <si>
    <t>01/21/2020 18:27:50</t>
  </si>
  <si>
    <t>01/21/2020 18:27:54</t>
  </si>
  <si>
    <t>01/21/2020 18:27:58</t>
  </si>
  <si>
    <t>01/21/2020 18:28:02</t>
  </si>
  <si>
    <t>01/21/2020 18:28:07</t>
  </si>
  <si>
    <t>01/21/2020 18:28:11</t>
  </si>
  <si>
    <t>01/21/2020 18:28:15</t>
  </si>
  <si>
    <t>01/21/2020 18:28:19</t>
  </si>
  <si>
    <t>01/21/2020 18:28:23</t>
  </si>
  <si>
    <t>01/21/2020 18:28:27</t>
  </si>
  <si>
    <t>01/21/2020 18:28:32</t>
  </si>
  <si>
    <t>01/21/2020 18:28:36</t>
  </si>
  <si>
    <t>01/21/2020 18:28:40</t>
  </si>
  <si>
    <t>01/21/2020 18:28:44</t>
  </si>
  <si>
    <t>01/21/2020 18:28:48</t>
  </si>
  <si>
    <t>01/21/2020 18:28:52</t>
  </si>
  <si>
    <t>01/21/2020 18:28:56</t>
  </si>
  <si>
    <t>01/21/2020 18:29:01</t>
  </si>
  <si>
    <t>01/21/2020 18:29:05</t>
  </si>
  <si>
    <t>01/21/2020 18:29:09</t>
  </si>
  <si>
    <t>01/21/2020 18:29:17</t>
  </si>
  <si>
    <t>01/21/2020 18:29:21</t>
  </si>
  <si>
    <t>01/21/2020 18:29:25</t>
  </si>
  <si>
    <t>01/21/2020 18:29:29</t>
  </si>
  <si>
    <t>01/21/2020 18:29:34</t>
  </si>
  <si>
    <t>01/21/2020 18:29:38</t>
  </si>
  <si>
    <t>01/21/2020 18:29:42</t>
  </si>
  <si>
    <t>01/21/2020 18:29:46</t>
  </si>
  <si>
    <t>01/21/2020 18:29:50</t>
  </si>
  <si>
    <t>01/21/2020 18:29:54</t>
  </si>
  <si>
    <t>01/21/2020 18:29:58</t>
  </si>
  <si>
    <t>01/21/2020 18:30:03</t>
  </si>
  <si>
    <t>01/21/2020 18:30:07</t>
  </si>
  <si>
    <t>01/21/2020 18:30:11</t>
  </si>
  <si>
    <t>01/21/2020 18:30:15</t>
  </si>
  <si>
    <t>01/21/2020 18:30:20</t>
  </si>
  <si>
    <t>01/21/2020 18:30:23</t>
  </si>
  <si>
    <t>01/21/2020 18:30:27</t>
  </si>
  <si>
    <t>01/21/2020 18:30:32</t>
  </si>
  <si>
    <t>01/21/2020 18:30:36</t>
  </si>
  <si>
    <t>01/21/2020 18:30:41</t>
  </si>
  <si>
    <t>01/21/2020 18:30:45</t>
  </si>
  <si>
    <t>01/21/2020 18:30:49</t>
  </si>
  <si>
    <t>01/21/2020 18:30:53</t>
  </si>
  <si>
    <t>01/21/2020 18:30:57</t>
  </si>
  <si>
    <t>01/21/2020 18:31:01</t>
  </si>
  <si>
    <t>01/21/2020 18:31:07</t>
  </si>
  <si>
    <t>01/21/2020 18:31:11</t>
  </si>
  <si>
    <t>01/21/2020 18:31:15</t>
  </si>
  <si>
    <t>01/21/2020 18:31:19</t>
  </si>
  <si>
    <t>01/21/2020 18:31:23</t>
  </si>
  <si>
    <t>01/21/2020 18:31:27</t>
  </si>
  <si>
    <t>01/21/2020 18:31:31</t>
  </si>
  <si>
    <t>01/21/2020 18:32:17</t>
  </si>
  <si>
    <t>9658ca1b-2a59-41f7-8397-3b458c23b065.tmp</t>
  </si>
  <si>
    <t>\\acsfs\profiles$\Adrieledgc\Downloads\9658ca1b-2a59-41f7-8397-3b458c23b065.tmp</t>
  </si>
  <si>
    <t>01/21/2020 18:35:31</t>
  </si>
  <si>
    <t>01/21/2020 18:32:41</t>
  </si>
  <si>
    <t>01/21/2020 18:36:31</t>
  </si>
  <si>
    <t>b74bb13a-aad8-445e-8224-b1c1912e961e.tmp</t>
  </si>
  <si>
    <t>\\acsfs\profiles$\joycemmdl\Downloads\b74bb13a-aad8-445e-8224-b1c1912e961e.tmp</t>
  </si>
  <si>
    <t>01/21/2020 18:31:13</t>
  </si>
  <si>
    <t>01/21/2020 18:32:11</t>
  </si>
  <si>
    <t>01/21/2020 18:31:43</t>
  </si>
  <si>
    <t>01/21/2020 18:37:31</t>
  </si>
  <si>
    <t>878723fb-ad37-4340-b4e8-0c44c77fbb8b.tmp</t>
  </si>
  <si>
    <t>\\acsfs\profiles$\brendadsl\Downloads\878723fb-ad37-4340-b4e8-0c44c77fbb8b.tmp</t>
  </si>
  <si>
    <t>01/21/2020 18:33:55</t>
  </si>
  <si>
    <t>01/21/2020 18:34:26</t>
  </si>
  <si>
    <t>01/21/2020 18:31:35</t>
  </si>
  <si>
    <t>01/21/2020 18:31:40</t>
  </si>
  <si>
    <t>01/21/2020 18:31:44</t>
  </si>
  <si>
    <t>01/21/2020 18:31:48</t>
  </si>
  <si>
    <t>01/21/2020 18:31:52</t>
  </si>
  <si>
    <t>01/21/2020 18:31:55</t>
  </si>
  <si>
    <t>01/21/2020 18:31:56</t>
  </si>
  <si>
    <t>01/21/2020 18:32:00</t>
  </si>
  <si>
    <t>01/21/2020 18:32:05</t>
  </si>
  <si>
    <t>01/21/2020 18:32:09</t>
  </si>
  <si>
    <t>01/21/2020 18:32:13</t>
  </si>
  <si>
    <t>01/21/2020 18:32:21</t>
  </si>
  <si>
    <t>01/21/2020 18:32:25</t>
  </si>
  <si>
    <t>01/21/2020 18:32:29</t>
  </si>
  <si>
    <t>01/21/2020 18:32:34</t>
  </si>
  <si>
    <t>01/21/2020 18:32:38</t>
  </si>
  <si>
    <t>01/21/2020 18:32:42</t>
  </si>
  <si>
    <t>01/21/2020 18:32:46</t>
  </si>
  <si>
    <t>01/21/2020 18:32:50</t>
  </si>
  <si>
    <t>01/21/2020 18:32:54</t>
  </si>
  <si>
    <t>01/21/2020 18:32:59</t>
  </si>
  <si>
    <t>01/21/2020 18:33:03</t>
  </si>
  <si>
    <t>01/21/2020 18:33:07</t>
  </si>
  <si>
    <t>01/21/2020 18:33:11</t>
  </si>
  <si>
    <t>01/21/2020 18:33:15</t>
  </si>
  <si>
    <t>01/21/2020 18:33:19</t>
  </si>
  <si>
    <t>01/21/2020 18:33:23</t>
  </si>
  <si>
    <t>01/21/2020 18:33:28</t>
  </si>
  <si>
    <t>01/21/2020 18:33:32</t>
  </si>
  <si>
    <t>01/21/2020 18:33:36</t>
  </si>
  <si>
    <t>01/21/2020 18:33:40</t>
  </si>
  <si>
    <t>01/21/2020 18:33:44</t>
  </si>
  <si>
    <t>01/21/2020 18:33:48</t>
  </si>
  <si>
    <t>01/21/2020 18:33:52</t>
  </si>
  <si>
    <t>01/21/2020 18:33:56</t>
  </si>
  <si>
    <t>01/21/2020 18:34:01</t>
  </si>
  <si>
    <t>01/21/2020 18:34:05</t>
  </si>
  <si>
    <t>01/21/2020 18:34:09</t>
  </si>
  <si>
    <t>01/21/2020 18:34:13</t>
  </si>
  <si>
    <t>01/21/2020 18:34:17</t>
  </si>
  <si>
    <t>01/21/2020 18:34:21</t>
  </si>
  <si>
    <t>01/21/2020 18:34:25</t>
  </si>
  <si>
    <t>01/21/2020 18:34:30</t>
  </si>
  <si>
    <t>01/21/2020 18:34:34</t>
  </si>
  <si>
    <t>01/21/2020 18:34:38</t>
  </si>
  <si>
    <t>01/21/2020 18:34:42</t>
  </si>
  <si>
    <t>01/21/2020 18:34:46</t>
  </si>
  <si>
    <t>01/21/2020 18:34:50</t>
  </si>
  <si>
    <t>01/21/2020 18:34:55</t>
  </si>
  <si>
    <t>01/21/2020 18:34:59</t>
  </si>
  <si>
    <t>01/21/2020 18:35:03</t>
  </si>
  <si>
    <t>01/21/2020 18:35:08</t>
  </si>
  <si>
    <t>01/21/2020 18:35:12</t>
  </si>
  <si>
    <t>01/21/2020 18:35:16</t>
  </si>
  <si>
    <t>01/21/2020 18:35:20</t>
  </si>
  <si>
    <t>01/21/2020 18:35:24</t>
  </si>
  <si>
    <t>01/21/2020 18:35:28</t>
  </si>
  <si>
    <t>01/21/2020 18:35:32</t>
  </si>
  <si>
    <t>01/21/2020 18:35:36</t>
  </si>
  <si>
    <t>01/21/2020 18:35:41</t>
  </si>
  <si>
    <t>01/21/2020 18:35:45</t>
  </si>
  <si>
    <t>01/21/2020 18:35:49</t>
  </si>
  <si>
    <t>01/21/2020 18:35:53</t>
  </si>
  <si>
    <t>01/21/2020 18:35:57</t>
  </si>
  <si>
    <t>01/21/2020 18:36:01</t>
  </si>
  <si>
    <t>01/21/2020 18:36:06</t>
  </si>
  <si>
    <t>01/21/2020 18:36:10</t>
  </si>
  <si>
    <t>01/21/2020 18:36:14</t>
  </si>
  <si>
    <t>01/21/2020 18:36:18</t>
  </si>
  <si>
    <t>01/21/2020 18:36:22</t>
  </si>
  <si>
    <t>01/21/2020 18:36:26</t>
  </si>
  <si>
    <t>01/21/2020 18:36:30</t>
  </si>
  <si>
    <t>01/21/2020 18:36:34</t>
  </si>
  <si>
    <t>01/21/2020 18:36:39</t>
  </si>
  <si>
    <t>01/21/2020 18:34:52</t>
  </si>
  <si>
    <t>11231fda-d0e8-4916-af23-3ba292404ecc.tmp</t>
  </si>
  <si>
    <t>\\acsfs\profiles$\Adrieledgc\Downloads\11231fda-d0e8-4916-af23-3ba292404ecc.tmp</t>
  </si>
  <si>
    <t>01/21/2020 18:37:11</t>
  </si>
  <si>
    <t>01/21/2020 18:40:32</t>
  </si>
  <si>
    <t>01/21/2020 18:41:31</t>
  </si>
  <si>
    <t>01/21/2020 18:38:11</t>
  </si>
  <si>
    <t>01/21/2020 18:36:44</t>
  </si>
  <si>
    <t>01/21/2020 18:42:32</t>
  </si>
  <si>
    <t>01/21/2020 18:39:55</t>
  </si>
  <si>
    <t>01/21/2020 18:36:43</t>
  </si>
  <si>
    <t>01/21/2020 18:36:47</t>
  </si>
  <si>
    <t>01/21/2020 18:36:51</t>
  </si>
  <si>
    <t>01/21/2020 18:36:55</t>
  </si>
  <si>
    <t>01/21/2020 18:36:59</t>
  </si>
  <si>
    <t>01/21/2020 18:37:03</t>
  </si>
  <si>
    <t>01/21/2020 18:37:07</t>
  </si>
  <si>
    <t>01/21/2020 18:37:12</t>
  </si>
  <si>
    <t>01/21/2020 18:37:16</t>
  </si>
  <si>
    <t>01/21/2020 18:37:20</t>
  </si>
  <si>
    <t>01/21/2020 18:37:24</t>
  </si>
  <si>
    <t>01/21/2020 18:37:28</t>
  </si>
  <si>
    <t>01/21/2020 18:37:32</t>
  </si>
  <si>
    <t>01/21/2020 18:37:36</t>
  </si>
  <si>
    <t>01/21/2020 18:37:41</t>
  </si>
  <si>
    <t>01/21/2020 18:37:45</t>
  </si>
  <si>
    <t>01/21/2020 18:37:49</t>
  </si>
  <si>
    <t>01/21/2020 18:37:53</t>
  </si>
  <si>
    <t>01/21/2020 18:37:55</t>
  </si>
  <si>
    <t>01/21/2020 18:37:57</t>
  </si>
  <si>
    <t>01/21/2020 18:38:01</t>
  </si>
  <si>
    <t>01/21/2020 18:38:05</t>
  </si>
  <si>
    <t>01/21/2020 18:38:10</t>
  </si>
  <si>
    <t>01/21/2020 18:38:14</t>
  </si>
  <si>
    <t>01/21/2020 18:38:18</t>
  </si>
  <si>
    <t>01/21/2020 18:38:22</t>
  </si>
  <si>
    <t>01/21/2020 18:38:26</t>
  </si>
  <si>
    <t>01/21/2020 18:38:30</t>
  </si>
  <si>
    <t>01/21/2020 18:38:34</t>
  </si>
  <si>
    <t>01/21/2020 18:38:39</t>
  </si>
  <si>
    <t>01/21/2020 18:38:43</t>
  </si>
  <si>
    <t>01/21/2020 18:38:47</t>
  </si>
  <si>
    <t>01/21/2020 18:38:51</t>
  </si>
  <si>
    <t>01/21/2020 18:38:55</t>
  </si>
  <si>
    <t>01/21/2020 18:38:59</t>
  </si>
  <si>
    <t>01/21/2020 18:39:03</t>
  </si>
  <si>
    <t>01/21/2020 18:39:05</t>
  </si>
  <si>
    <t>01/21/2020 18:39:07</t>
  </si>
  <si>
    <t>01/21/2020 18:39:11</t>
  </si>
  <si>
    <t>01/21/2020 18:39:15</t>
  </si>
  <si>
    <t>01/21/2020 18:39:19</t>
  </si>
  <si>
    <t>01/21/2020 18:39:23</t>
  </si>
  <si>
    <t>01/21/2020 18:39:28</t>
  </si>
  <si>
    <t>01/21/2020 18:39:32</t>
  </si>
  <si>
    <t>01/21/2020 18:39:36</t>
  </si>
  <si>
    <t>01/21/2020 18:39:40</t>
  </si>
  <si>
    <t>01/21/2020 18:39:44</t>
  </si>
  <si>
    <t>01/21/2020 18:39:48</t>
  </si>
  <si>
    <t>01/21/2020 18:39:52</t>
  </si>
  <si>
    <t>01/21/2020 18:39:56</t>
  </si>
  <si>
    <t>01/21/2020 18:40:01</t>
  </si>
  <si>
    <t>01/21/2020 18:40:05</t>
  </si>
  <si>
    <t>01/21/2020 18:40:09</t>
  </si>
  <si>
    <t>01/21/2020 18:40:13</t>
  </si>
  <si>
    <t>01/21/2020 18:40:17</t>
  </si>
  <si>
    <t>01/21/2020 18:40:21</t>
  </si>
  <si>
    <t>01/21/2020 18:40:25</t>
  </si>
  <si>
    <t>01/21/2020 18:40:30</t>
  </si>
  <si>
    <t>01/21/2020 18:40:34</t>
  </si>
  <si>
    <t>01/21/2020 18:40:38</t>
  </si>
  <si>
    <t>01/21/2020 18:40:42</t>
  </si>
  <si>
    <t>01/21/2020 18:40:46</t>
  </si>
  <si>
    <t>01/21/2020 18:40:50</t>
  </si>
  <si>
    <t>01/21/2020 18:40:54</t>
  </si>
  <si>
    <t>01/21/2020 18:40:58</t>
  </si>
  <si>
    <t>01/21/2020 18:41:03</t>
  </si>
  <si>
    <t>01/21/2020 18:41:07</t>
  </si>
  <si>
    <t>01/21/2020 18:41:11</t>
  </si>
  <si>
    <t>01/21/2020 18:41:15</t>
  </si>
  <si>
    <t>01/21/2020 18:41:19</t>
  </si>
  <si>
    <t>01/21/2020 18:41:23</t>
  </si>
  <si>
    <t>01/21/2020 18:41:28</t>
  </si>
  <si>
    <t>01/21/2020 18:41:32</t>
  </si>
  <si>
    <t>01/21/2020 18:41:36</t>
  </si>
  <si>
    <t>01/21/2020 18:41:40</t>
  </si>
  <si>
    <t>01/21/2020 18:41:44</t>
  </si>
  <si>
    <t>01/21/2020 18:41:24</t>
  </si>
  <si>
    <t>01/21/2020 18:43:32</t>
  </si>
  <si>
    <t>b9052eb5-f17c-4338-a377-5134844c792a.tmp</t>
  </si>
  <si>
    <t>\\acsfs\profiles$\brunalas\Downloads\b9052eb5-f17c-4338-a377-5134844c792a.tmp</t>
  </si>
  <si>
    <t>01/21/2020 18:45:31</t>
  </si>
  <si>
    <t>01/21/2020 18:44:12</t>
  </si>
  <si>
    <t>01/21/2020 18:46:31</t>
  </si>
  <si>
    <t>01/21/2020 18:43:11</t>
  </si>
  <si>
    <t>01/21/2020 18:44:11</t>
  </si>
  <si>
    <t>01/21/2020 18:42:06</t>
  </si>
  <si>
    <t>01/21/2020 18:47:31</t>
  </si>
  <si>
    <t>01/21/2020 18:44:31</t>
  </si>
  <si>
    <t>01/21/2020 18:45:55</t>
  </si>
  <si>
    <t>01/21/2020 18:41:48</t>
  </si>
  <si>
    <t>01/21/2020 18:41:52</t>
  </si>
  <si>
    <t>01/21/2020 18:41:57</t>
  </si>
  <si>
    <t>01/21/2020 18:42:01</t>
  </si>
  <si>
    <t>01/21/2020 18:42:05</t>
  </si>
  <si>
    <t>01/21/2020 18:42:09</t>
  </si>
  <si>
    <t>01/21/2020 18:42:13</t>
  </si>
  <si>
    <t>01/21/2020 18:42:17</t>
  </si>
  <si>
    <t>01/21/2020 18:42:21</t>
  </si>
  <si>
    <t>01/21/2020 18:42:25</t>
  </si>
  <si>
    <t>01/21/2020 18:42:30</t>
  </si>
  <si>
    <t>01/21/2020 18:42:34</t>
  </si>
  <si>
    <t>01/21/2020 18:42:38</t>
  </si>
  <si>
    <t>01/21/2020 18:42:42</t>
  </si>
  <si>
    <t>01/21/2020 18:42:46</t>
  </si>
  <si>
    <t>01/21/2020 18:42:50</t>
  </si>
  <si>
    <t>01/21/2020 18:42:54</t>
  </si>
  <si>
    <t>01/21/2020 18:42:59</t>
  </si>
  <si>
    <t>01/21/2020 18:43:03</t>
  </si>
  <si>
    <t>01/21/2020 18:43:07</t>
  </si>
  <si>
    <t>01/21/2020 18:43:15</t>
  </si>
  <si>
    <t>01/21/2020 18:43:19</t>
  </si>
  <si>
    <t>01/21/2020 18:43:23</t>
  </si>
  <si>
    <t>01/21/2020 18:43:28</t>
  </si>
  <si>
    <t>01/21/2020 18:43:35</t>
  </si>
  <si>
    <t>01/21/2020 18:43:39</t>
  </si>
  <si>
    <t>01/21/2020 18:43:43</t>
  </si>
  <si>
    <t>01/21/2020 18:43:47</t>
  </si>
  <si>
    <t>01/21/2020 18:43:51</t>
  </si>
  <si>
    <t>01/21/2020 18:43:55</t>
  </si>
  <si>
    <t>01/21/2020 18:43:59</t>
  </si>
  <si>
    <t>01/21/2020 18:44:04</t>
  </si>
  <si>
    <t>01/21/2020 18:44:08</t>
  </si>
  <si>
    <t>01/21/2020 18:44:16</t>
  </si>
  <si>
    <t>01/21/2020 18:44:20</t>
  </si>
  <si>
    <t>01/21/2020 18:44:24</t>
  </si>
  <si>
    <t>01/21/2020 18:44:28</t>
  </si>
  <si>
    <t>01/21/2020 18:44:33</t>
  </si>
  <si>
    <t>01/21/2020 18:44:37</t>
  </si>
  <si>
    <t>01/21/2020 18:44:41</t>
  </si>
  <si>
    <t>01/21/2020 18:44:45</t>
  </si>
  <si>
    <t>01/21/2020 18:44:49</t>
  </si>
  <si>
    <t>01/21/2020 18:44:53</t>
  </si>
  <si>
    <t>01/21/2020 18:44:57</t>
  </si>
  <si>
    <t>01/21/2020 18:45:01</t>
  </si>
  <si>
    <t>01/21/2020 18:45:06</t>
  </si>
  <si>
    <t>01/21/2020 18:45:10</t>
  </si>
  <si>
    <t>01/21/2020 18:45:14</t>
  </si>
  <si>
    <t>01/21/2020 18:45:18</t>
  </si>
  <si>
    <t>01/21/2020 18:45:22</t>
  </si>
  <si>
    <t>01/21/2020 18:45:27</t>
  </si>
  <si>
    <t>01/21/2020 18:45:35</t>
  </si>
  <si>
    <t>01/21/2020 18:45:40</t>
  </si>
  <si>
    <t>01/21/2020 18:45:44</t>
  </si>
  <si>
    <t>01/21/2020 18:45:48</t>
  </si>
  <si>
    <t>01/21/2020 18:45:52</t>
  </si>
  <si>
    <t>01/21/2020 18:45:56</t>
  </si>
  <si>
    <t>01/21/2020 18:46:00</t>
  </si>
  <si>
    <t>01/21/2020 18:46:04</t>
  </si>
  <si>
    <t>01/21/2020 18:46:08</t>
  </si>
  <si>
    <t>01/21/2020 18:46:13</t>
  </si>
  <si>
    <t>01/21/2020 18:46:17</t>
  </si>
  <si>
    <t>01/21/2020 18:46:21</t>
  </si>
  <si>
    <t>01/21/2020 18:46:25</t>
  </si>
  <si>
    <t>01/21/2020 18:46:29</t>
  </si>
  <si>
    <t>01/21/2020 18:46:33</t>
  </si>
  <si>
    <t>01/21/2020 18:46:37</t>
  </si>
  <si>
    <t>01/21/2020 18:46:41</t>
  </si>
  <si>
    <t>01/21/2020 18:46:46</t>
  </si>
  <si>
    <t>01/21/2020 18:46:50</t>
  </si>
  <si>
    <t>01/21/2020 18:46:54</t>
  </si>
  <si>
    <t>01/21/2020 18:44:10</t>
  </si>
  <si>
    <t>9889fcf7-c2ba-4d76-8f28-15965c509c97.tmp</t>
  </si>
  <si>
    <t>\\acsfs\profiles$\taylaedoa\Downloads\9889fcf7-c2ba-4d76-8f28-15965c509c97.tmp</t>
  </si>
  <si>
    <t>01/21/2020 18:49:31</t>
  </si>
  <si>
    <t>01/21/2020 18:50:31</t>
  </si>
  <si>
    <t>01/21/2020 18:49:11</t>
  </si>
  <si>
    <t>01/21/2020 18:51:31</t>
  </si>
  <si>
    <t>01/21/2020 18:50:12</t>
  </si>
  <si>
    <t>01/21/2020 18:49:56</t>
  </si>
  <si>
    <t>01/21/2020 18:52:31</t>
  </si>
  <si>
    <t>01/21/2020 18:46:58</t>
  </si>
  <si>
    <t>01/21/2020 18:47:02</t>
  </si>
  <si>
    <t>01/21/2020 18:47:06</t>
  </si>
  <si>
    <t>01/21/2020 18:47:10</t>
  </si>
  <si>
    <t>01/21/2020 18:47:15</t>
  </si>
  <si>
    <t>01/21/2020 18:47:19</t>
  </si>
  <si>
    <t>01/21/2020 18:47:23</t>
  </si>
  <si>
    <t>01/21/2020 18:47:27</t>
  </si>
  <si>
    <t>01/21/2020 18:47:35</t>
  </si>
  <si>
    <t>01/21/2020 18:47:39</t>
  </si>
  <si>
    <t>01/21/2020 18:47:43</t>
  </si>
  <si>
    <t>01/21/2020 18:47:48</t>
  </si>
  <si>
    <t>01/21/2020 18:47:52</t>
  </si>
  <si>
    <t>01/21/2020 18:47:54</t>
  </si>
  <si>
    <t>01/21/2020 18:47:56</t>
  </si>
  <si>
    <t>01/21/2020 18:48:00</t>
  </si>
  <si>
    <t>01/21/2020 18:48:04</t>
  </si>
  <si>
    <t>01/21/2020 18:48:08</t>
  </si>
  <si>
    <t>01/21/2020 18:48:13</t>
  </si>
  <si>
    <t>01/21/2020 18:48:17</t>
  </si>
  <si>
    <t>01/21/2020 18:48:21</t>
  </si>
  <si>
    <t>01/21/2020 18:48:25</t>
  </si>
  <si>
    <t>01/21/2020 18:48:29</t>
  </si>
  <si>
    <t>01/21/2020 18:48:33</t>
  </si>
  <si>
    <t>01/21/2020 18:48:37</t>
  </si>
  <si>
    <t>01/21/2020 18:48:41</t>
  </si>
  <si>
    <t>01/21/2020 18:48:46</t>
  </si>
  <si>
    <t>01/21/2020 18:48:50</t>
  </si>
  <si>
    <t>01/21/2020 18:48:54</t>
  </si>
  <si>
    <t>01/21/2020 18:48:58</t>
  </si>
  <si>
    <t>01/21/2020 18:49:02</t>
  </si>
  <si>
    <t>01/21/2020 18:49:06</t>
  </si>
  <si>
    <t>01/21/2020 18:49:15</t>
  </si>
  <si>
    <t>01/21/2020 18:49:19</t>
  </si>
  <si>
    <t>01/21/2020 18:49:23</t>
  </si>
  <si>
    <t>01/21/2020 18:49:27</t>
  </si>
  <si>
    <t>01/21/2020 18:49:35</t>
  </si>
  <si>
    <t>01/21/2020 18:49:40</t>
  </si>
  <si>
    <t>01/21/2020 18:49:45</t>
  </si>
  <si>
    <t>01/21/2020 18:49:49</t>
  </si>
  <si>
    <t>01/21/2020 18:49:53</t>
  </si>
  <si>
    <t>01/21/2020 18:49:55</t>
  </si>
  <si>
    <t>01/21/2020 18:49:57</t>
  </si>
  <si>
    <t>01/21/2020 18:50:01</t>
  </si>
  <si>
    <t>01/21/2020 18:50:02</t>
  </si>
  <si>
    <t>01/21/2020 18:50:04</t>
  </si>
  <si>
    <t>01/21/2020 18:50:09</t>
  </si>
  <si>
    <t>01/21/2020 18:50:13</t>
  </si>
  <si>
    <t>01/21/2020 18:50:18</t>
  </si>
  <si>
    <t>01/21/2020 18:50:21</t>
  </si>
  <si>
    <t>01/21/2020 18:50:25</t>
  </si>
  <si>
    <t>01/21/2020 18:50:29</t>
  </si>
  <si>
    <t>01/21/2020 18:50:33</t>
  </si>
  <si>
    <t>01/21/2020 18:50:38</t>
  </si>
  <si>
    <t>01/21/2020 18:50:42</t>
  </si>
  <si>
    <t>01/21/2020 18:50:46</t>
  </si>
  <si>
    <t>01/21/2020 18:50:50</t>
  </si>
  <si>
    <t>01/21/2020 18:50:54</t>
  </si>
  <si>
    <t>01/21/2020 18:50:58</t>
  </si>
  <si>
    <t>01/21/2020 18:51:02</t>
  </si>
  <si>
    <t>01/21/2020 18:51:06</t>
  </si>
  <si>
    <t>01/21/2020 18:51:11</t>
  </si>
  <si>
    <t>01/21/2020 18:51:15</t>
  </si>
  <si>
    <t>01/21/2020 18:51:19</t>
  </si>
  <si>
    <t>01/21/2020 18:51:23</t>
  </si>
  <si>
    <t>01/21/2020 18:51:27</t>
  </si>
  <si>
    <t>01/21/2020 18:51:35</t>
  </si>
  <si>
    <t>01/21/2020 18:51:39</t>
  </si>
  <si>
    <t>01/21/2020 18:51:45</t>
  </si>
  <si>
    <t>01/21/2020 18:51:49</t>
  </si>
  <si>
    <t>01/21/2020 18:51:53</t>
  </si>
  <si>
    <t>01/21/2020 18:51:57</t>
  </si>
  <si>
    <t>01/21/2020 18:52:01</t>
  </si>
  <si>
    <t>01/21/2020 18:50:32</t>
  </si>
  <si>
    <t>01/21/2020 18:53:31</t>
  </si>
  <si>
    <t>074d6378-ad76-452e-afe9-62f852dcf527.tmp</t>
  </si>
  <si>
    <t>\\acsfs\profiles$\leonardocb\Downloads\074d6378-ad76-452e-afe9-62f852dcf527.tmp</t>
  </si>
  <si>
    <t>01/21/2020 18:48:35</t>
  </si>
  <si>
    <t>78e65a96-63d8-498a-ae94-da359fb8b2d0.tmp</t>
  </si>
  <si>
    <t>\\acsfs\profiles$\nycolleemdj\Downloads\78e65a96-63d8-498a-ae94-da359fb8b2d0.tmp</t>
  </si>
  <si>
    <t>b3cd990e-f765-42b2-89d6-60a35ef8a254.tmp</t>
  </si>
  <si>
    <t>\\acsfs\profiles$\nycolleemdj\Downloads\b3cd990e-f765-42b2-89d6-60a35ef8a254.tmp</t>
  </si>
  <si>
    <t>01/21/2020 18:55:31</t>
  </si>
  <si>
    <t>01/21/2020 18:56:31</t>
  </si>
  <si>
    <t>01/21/2020 18:55:12</t>
  </si>
  <si>
    <t>01/21/2020 18:51:55</t>
  </si>
  <si>
    <t>01/21/2020 18:57:31</t>
  </si>
  <si>
    <t>01/21/2020 18:52:02</t>
  </si>
  <si>
    <t>01/21/2020 18:55:32</t>
  </si>
  <si>
    <t>01/21/2020 18:52:05</t>
  </si>
  <si>
    <t>01/21/2020 18:52:09</t>
  </si>
  <si>
    <t>01/21/2020 18:52:13</t>
  </si>
  <si>
    <t>01/21/2020 18:52:18</t>
  </si>
  <si>
    <t>01/21/2020 18:52:22</t>
  </si>
  <si>
    <t>01/21/2020 18:52:26</t>
  </si>
  <si>
    <t>01/21/2020 18:52:30</t>
  </si>
  <si>
    <t>01/21/2020 18:52:34</t>
  </si>
  <si>
    <t>01/21/2020 18:52:38</t>
  </si>
  <si>
    <t>01/21/2020 18:52:42</t>
  </si>
  <si>
    <t>01/21/2020 18:52:47</t>
  </si>
  <si>
    <t>01/21/2020 18:52:51</t>
  </si>
  <si>
    <t>01/21/2020 18:52:55</t>
  </si>
  <si>
    <t>01/21/2020 18:52:59</t>
  </si>
  <si>
    <t>01/21/2020 18:53:03</t>
  </si>
  <si>
    <t>01/21/2020 18:53:07</t>
  </si>
  <si>
    <t>01/21/2020 18:53:11</t>
  </si>
  <si>
    <t>01/21/2020 18:53:16</t>
  </si>
  <si>
    <t>01/21/2020 18:53:20</t>
  </si>
  <si>
    <t>01/21/2020 18:53:24</t>
  </si>
  <si>
    <t>01/21/2020 18:53:28</t>
  </si>
  <si>
    <t>01/21/2020 18:53:32</t>
  </si>
  <si>
    <t>01/21/2020 18:53:36</t>
  </si>
  <si>
    <t>01/21/2020 18:53:40</t>
  </si>
  <si>
    <t>01/21/2020 18:53:45</t>
  </si>
  <si>
    <t>01/21/2020 18:53:49</t>
  </si>
  <si>
    <t>01/21/2020 18:53:53</t>
  </si>
  <si>
    <t>01/21/2020 18:53:57</t>
  </si>
  <si>
    <t>01/21/2020 18:54:01</t>
  </si>
  <si>
    <t>01/21/2020 18:54:05</t>
  </si>
  <si>
    <t>01/21/2020 18:54:09</t>
  </si>
  <si>
    <t>01/21/2020 18:54:14</t>
  </si>
  <si>
    <t>01/21/2020 18:54:18</t>
  </si>
  <si>
    <t>01/21/2020 18:54:22</t>
  </si>
  <si>
    <t>01/21/2020 18:54:26</t>
  </si>
  <si>
    <t>01/21/2020 18:54:30</t>
  </si>
  <si>
    <t>01/21/2020 18:54:34</t>
  </si>
  <si>
    <t>01/21/2020 18:54:38</t>
  </si>
  <si>
    <t>01/21/2020 18:54:42</t>
  </si>
  <si>
    <t>01/21/2020 18:54:47</t>
  </si>
  <si>
    <t>01/21/2020 18:54:51</t>
  </si>
  <si>
    <t>01/21/2020 18:54:55</t>
  </si>
  <si>
    <t>01/21/2020 18:54:59</t>
  </si>
  <si>
    <t>01/21/2020 18:55:03</t>
  </si>
  <si>
    <t>01/21/2020 18:55:07</t>
  </si>
  <si>
    <t>01/21/2020 18:55:11</t>
  </si>
  <si>
    <t>01/21/2020 18:55:16</t>
  </si>
  <si>
    <t>01/21/2020 18:55:20</t>
  </si>
  <si>
    <t>01/21/2020 18:55:24</t>
  </si>
  <si>
    <t>01/21/2020 18:55:28</t>
  </si>
  <si>
    <t>01/21/2020 18:55:36</t>
  </si>
  <si>
    <t>01/21/2020 18:55:41</t>
  </si>
  <si>
    <t>01/21/2020 18:55:45</t>
  </si>
  <si>
    <t>01/21/2020 18:55:50</t>
  </si>
  <si>
    <t>01/21/2020 18:55:54</t>
  </si>
  <si>
    <t>01/21/2020 18:55:56</t>
  </si>
  <si>
    <t>01/21/2020 18:55:58</t>
  </si>
  <si>
    <t>01/21/2020 18:56:02</t>
  </si>
  <si>
    <t>01/21/2020 18:56:06</t>
  </si>
  <si>
    <t>01/21/2020 18:56:10</t>
  </si>
  <si>
    <t>01/21/2020 18:56:15</t>
  </si>
  <si>
    <t>01/21/2020 18:56:19</t>
  </si>
  <si>
    <t>01/21/2020 18:56:24</t>
  </si>
  <si>
    <t>01/21/2020 18:56:28</t>
  </si>
  <si>
    <t>01/21/2020 18:56:32</t>
  </si>
  <si>
    <t>01/21/2020 18:56:36</t>
  </si>
  <si>
    <t>01/21/2020 18:56:40</t>
  </si>
  <si>
    <t>01/21/2020 18:56:44</t>
  </si>
  <si>
    <t>01/21/2020 18:56:48</t>
  </si>
  <si>
    <t>01/21/2020 18:56:52</t>
  </si>
  <si>
    <t>01/21/2020 18:56:57</t>
  </si>
  <si>
    <t>01/21/2020 18:57:01</t>
  </si>
  <si>
    <t>01/21/2020 18:57:05</t>
  </si>
  <si>
    <t>01/21/2020 18:56:35</t>
  </si>
  <si>
    <t>01/21/2020 19:00:32</t>
  </si>
  <si>
    <t>e70b8049-a2d0-43ce-aba9-00822ecd1b84.tmp</t>
  </si>
  <si>
    <t>\\acsfs\profiles$\andreapdsg\Downloads\e70b8049-a2d0-43ce-aba9-00822ecd1b84.tmp</t>
  </si>
  <si>
    <t>01/21/2020 18:57:25</t>
  </si>
  <si>
    <t>01/21/2020 19:01:31</t>
  </si>
  <si>
    <t>01/21/2020 18:57:17</t>
  </si>
  <si>
    <t>01/21/2020 18:57:18</t>
  </si>
  <si>
    <t>lu5123671lbqn.tmp</t>
  </si>
  <si>
    <t>\\acsfs\profiles$\LUCASBS\RENEG BV\Consolidado\lu5123671lbqn.tmp</t>
  </si>
  <si>
    <t>\\acsfs\profiles$\LUCASBS\RENEG BV\Consolidado\lu5123671lbqn.tmp\</t>
  </si>
  <si>
    <t>\\acsfs\profiles$\LUCASBS\RENEG BV\Consolidado\lu5123671lbqn.tmp\META-INF\</t>
  </si>
  <si>
    <t>\\acsfs\profiles$\LUCASBS\RENEG BV\Consolidado\lu5123671lbqn.tmp\Thumbnails\</t>
  </si>
  <si>
    <t>01/21/2020 18:58:46</t>
  </si>
  <si>
    <t>01/21/2020 18:58:47</t>
  </si>
  <si>
    <t>lu5123671lbqs.tmp</t>
  </si>
  <si>
    <t>\\acsfs\profiles$\LUCASBS\RENEG BV\Consolidado\lu5123671lbqs.tmp</t>
  </si>
  <si>
    <t>\\acsfs\profiles$\LUCASBS\RENEG BV\Consolidado\lu5123671lbqs.tmp\</t>
  </si>
  <si>
    <t>\\acsfs\profiles$\LUCASBS\RENEG BV\Consolidado\lu5123671lbqs.tmp\META-INF\</t>
  </si>
  <si>
    <t>\\acsfs\profiles$\LUCASBS\RENEG BV\Consolidado\lu5123671lbqs.tmp\Thumbnails\</t>
  </si>
  <si>
    <t>01/21/2020 18:56:11</t>
  </si>
  <si>
    <t>01/21/2020 18:56:53</t>
  </si>
  <si>
    <t>01/21/2020 18:56:54</t>
  </si>
  <si>
    <t>01/21/2020 18:56:55</t>
  </si>
  <si>
    <t>01/21/2020 18:56:56</t>
  </si>
  <si>
    <t>01/21/2020 18:56:58</t>
  </si>
  <si>
    <t>01/21/2020 18:56:59</t>
  </si>
  <si>
    <t>01/21/2020 18:57:16</t>
  </si>
  <si>
    <t>01/21/2020 18:57:55</t>
  </si>
  <si>
    <t>01/21/2020 19:02:32</t>
  </si>
  <si>
    <t>01/21/2020 19:00:06</t>
  </si>
  <si>
    <t>01/21/2020 18:59:34</t>
  </si>
  <si>
    <t>01/21/2020 18:57:09</t>
  </si>
  <si>
    <t>01/21/2020 18:57:13</t>
  </si>
  <si>
    <t>01/21/2020 18:57:21</t>
  </si>
  <si>
    <t>01/21/2020 18:57:30</t>
  </si>
  <si>
    <t>01/21/2020 18:57:34</t>
  </si>
  <si>
    <t>01/21/2020 18:57:38</t>
  </si>
  <si>
    <t>01/21/2020 18:57:42</t>
  </si>
  <si>
    <t>01/21/2020 18:57:46</t>
  </si>
  <si>
    <t>01/21/2020 18:57:50</t>
  </si>
  <si>
    <t>01/21/2020 18:57:54</t>
  </si>
  <si>
    <t>01/21/2020 18:57:58</t>
  </si>
  <si>
    <t>01/21/2020 18:58:03</t>
  </si>
  <si>
    <t>01/21/2020 18:58:07</t>
  </si>
  <si>
    <t>01/21/2020 18:58:11</t>
  </si>
  <si>
    <t>01/21/2020 18:58:15</t>
  </si>
  <si>
    <t>01/21/2020 18:58:19</t>
  </si>
  <si>
    <t>01/21/2020 18:58:23</t>
  </si>
  <si>
    <t>01/21/2020 18:58:27</t>
  </si>
  <si>
    <t>01/21/2020 18:58:31</t>
  </si>
  <si>
    <t>01/21/2020 18:58:36</t>
  </si>
  <si>
    <t>01/21/2020 18:58:40</t>
  </si>
  <si>
    <t>01/21/2020 18:58:44</t>
  </si>
  <si>
    <t>01/21/2020 18:58:48</t>
  </si>
  <si>
    <t>01/21/2020 18:58:52</t>
  </si>
  <si>
    <t>01/21/2020 18:58:56</t>
  </si>
  <si>
    <t>01/21/2020 18:59:00</t>
  </si>
  <si>
    <t>01/21/2020 18:59:05</t>
  </si>
  <si>
    <t>01/21/2020 18:59:09</t>
  </si>
  <si>
    <t>01/21/2020 18:59:13</t>
  </si>
  <si>
    <t>01/21/2020 18:59:17</t>
  </si>
  <si>
    <t>01/21/2020 18:59:21</t>
  </si>
  <si>
    <t>01/21/2020 18:59:25</t>
  </si>
  <si>
    <t>01/21/2020 18:59:30</t>
  </si>
  <si>
    <t>01/21/2020 18:59:38</t>
  </si>
  <si>
    <t>01/21/2020 18:59:42</t>
  </si>
  <si>
    <t>01/21/2020 18:59:46</t>
  </si>
  <si>
    <t>01/21/2020 18:59:50</t>
  </si>
  <si>
    <t>01/21/2020 18:59:54</t>
  </si>
  <si>
    <t>01/21/2020 18:59:58</t>
  </si>
  <si>
    <t>01/21/2020 19:00:03</t>
  </si>
  <si>
    <t>01/21/2020 19:00:07</t>
  </si>
  <si>
    <t>01/21/2020 19:00:11</t>
  </si>
  <si>
    <t>01/21/2020 19:00:15</t>
  </si>
  <si>
    <t>01/21/2020 19:00:20</t>
  </si>
  <si>
    <t>01/21/2020 19:00:23</t>
  </si>
  <si>
    <t>01/21/2020 19:00:28</t>
  </si>
  <si>
    <t>01/21/2020 19:00:33</t>
  </si>
  <si>
    <t>01/21/2020 19:00:37</t>
  </si>
  <si>
    <t>01/21/2020 19:00:41</t>
  </si>
  <si>
    <t>01/21/2020 19:00:45</t>
  </si>
  <si>
    <t>01/21/2020 19:00:49</t>
  </si>
  <si>
    <t>01/21/2020 19:00:53</t>
  </si>
  <si>
    <t>01/21/2020 19:00:57</t>
  </si>
  <si>
    <t>01/21/2020 19:01:01</t>
  </si>
  <si>
    <t>01/21/2020 19:01:06</t>
  </si>
  <si>
    <t>01/21/2020 19:01:10</t>
  </si>
  <si>
    <t>01/21/2020 19:01:14</t>
  </si>
  <si>
    <t>01/21/2020 19:01:18</t>
  </si>
  <si>
    <t>01/21/2020 19:01:22</t>
  </si>
  <si>
    <t>01/21/2020 19:01:26</t>
  </si>
  <si>
    <t>01/21/2020 19:01:30</t>
  </si>
  <si>
    <t>01/21/2020 19:01:35</t>
  </si>
  <si>
    <t>01/21/2020 19:01:39</t>
  </si>
  <si>
    <t>01/21/2020 19:01:43</t>
  </si>
  <si>
    <t>01/21/2020 19:01:48</t>
  </si>
  <si>
    <t>01/21/2020 19:01:52</t>
  </si>
  <si>
    <t>01/21/2020 19:01:55</t>
  </si>
  <si>
    <t>01/21/2020 19:01:56</t>
  </si>
  <si>
    <t>01/21/2020 19:02:00</t>
  </si>
  <si>
    <t>01/21/2020 19:02:04</t>
  </si>
  <si>
    <t>01/21/2020 19:02:08</t>
  </si>
  <si>
    <t>01/21/2020 19:02:12</t>
  </si>
  <si>
    <t>01/21/2020 18:58:04</t>
  </si>
  <si>
    <t>5507353d-4a14-405f-ba51-1238537e8de2.tmp</t>
  </si>
  <si>
    <t>\\acsfs\profiles$\layonmof\Downloads\5507353d-4a14-405f-ba51-1238537e8de2.tmp</t>
  </si>
  <si>
    <t>01/21/2020 19:03:31</t>
  </si>
  <si>
    <t>01/21/2020 19:05:32</t>
  </si>
  <si>
    <t>01/21/2020 19:06:31</t>
  </si>
  <si>
    <t>01/21/2020 19:03:12</t>
  </si>
  <si>
    <t>01/21/2020 19:03:55</t>
  </si>
  <si>
    <t>01/21/2020 19:07:31</t>
  </si>
  <si>
    <t>01/21/2020 19:04:26</t>
  </si>
  <si>
    <t>01/21/2020 19:05:29</t>
  </si>
  <si>
    <t>01/21/2020 19:03:44</t>
  </si>
  <si>
    <t>7fd98bbd-7ff2-41f8-8e63-afe2f59ba85b.tmp</t>
  </si>
  <si>
    <t>\\acsfs\profiles$\henriqueco\Downloads\7fd98bbd-7ff2-41f8-8e63-afe2f59ba85b.tmp</t>
  </si>
  <si>
    <t>01/21/2020 19:02:18</t>
  </si>
  <si>
    <t>01/21/2020 19:02:22</t>
  </si>
  <si>
    <t>01/21/2020 19:02:26</t>
  </si>
  <si>
    <t>01/21/2020 19:02:30</t>
  </si>
  <si>
    <t>01/21/2020 19:02:34</t>
  </si>
  <si>
    <t>01/21/2020 19:02:39</t>
  </si>
  <si>
    <t>01/21/2020 19:02:43</t>
  </si>
  <si>
    <t>01/21/2020 19:02:48</t>
  </si>
  <si>
    <t>01/21/2020 19:02:52</t>
  </si>
  <si>
    <t>01/21/2020 19:02:56</t>
  </si>
  <si>
    <t>01/21/2020 19:03:01</t>
  </si>
  <si>
    <t>01/21/2020 19:03:03</t>
  </si>
  <si>
    <t>01/21/2020 19:03:06</t>
  </si>
  <si>
    <t>01/21/2020 19:03:10</t>
  </si>
  <si>
    <t>01/21/2020 19:03:14</t>
  </si>
  <si>
    <t>01/21/2020 19:03:18</t>
  </si>
  <si>
    <t>01/21/2020 19:03:22</t>
  </si>
  <si>
    <t>01/21/2020 19:03:26</t>
  </si>
  <si>
    <t>01/21/2020 19:03:35</t>
  </si>
  <si>
    <t>01/21/2020 19:03:39</t>
  </si>
  <si>
    <t>01/21/2020 19:03:43</t>
  </si>
  <si>
    <t>01/21/2020 19:03:48</t>
  </si>
  <si>
    <t>01/21/2020 19:03:52</t>
  </si>
  <si>
    <t>01/21/2020 19:03:56</t>
  </si>
  <si>
    <t>01/21/2020 19:04:00</t>
  </si>
  <si>
    <t>01/21/2020 19:04:04</t>
  </si>
  <si>
    <t>01/21/2020 19:04:08</t>
  </si>
  <si>
    <t>01/21/2020 19:04:13</t>
  </si>
  <si>
    <t>01/21/2020 19:04:17</t>
  </si>
  <si>
    <t>01/21/2020 19:04:21</t>
  </si>
  <si>
    <t>01/21/2020 19:04:25</t>
  </si>
  <si>
    <t>01/21/2020 19:04:29</t>
  </si>
  <si>
    <t>01/21/2020 19:04:34</t>
  </si>
  <si>
    <t>01/21/2020 19:04:38</t>
  </si>
  <si>
    <t>01/21/2020 19:04:42</t>
  </si>
  <si>
    <t>01/21/2020 19:04:46</t>
  </si>
  <si>
    <t>01/21/2020 19:04:50</t>
  </si>
  <si>
    <t>01/21/2020 19:04:54</t>
  </si>
  <si>
    <t>01/21/2020 19:04:58</t>
  </si>
  <si>
    <t>01/21/2020 19:05:02</t>
  </si>
  <si>
    <t>01/21/2020 19:05:07</t>
  </si>
  <si>
    <t>01/21/2020 19:05:11</t>
  </si>
  <si>
    <t>01/21/2020 19:05:15</t>
  </si>
  <si>
    <t>01/21/2020 19:05:19</t>
  </si>
  <si>
    <t>01/21/2020 19:05:23</t>
  </si>
  <si>
    <t>01/21/2020 19:05:27</t>
  </si>
  <si>
    <t>01/21/2020 19:05:31</t>
  </si>
  <si>
    <t>01/21/2020 19:05:36</t>
  </si>
  <si>
    <t>01/21/2020 19:05:40</t>
  </si>
  <si>
    <t>01/21/2020 19:05:44</t>
  </si>
  <si>
    <t>01/21/2020 19:05:48</t>
  </si>
  <si>
    <t>01/21/2020 19:05:52</t>
  </si>
  <si>
    <t>01/21/2020 19:05:56</t>
  </si>
  <si>
    <t>01/21/2020 19:06:00</t>
  </si>
  <si>
    <t>01/21/2020 19:06:04</t>
  </si>
  <si>
    <t>01/21/2020 19:06:09</t>
  </si>
  <si>
    <t>01/21/2020 19:06:13</t>
  </si>
  <si>
    <t>01/21/2020 19:06:17</t>
  </si>
  <si>
    <t>01/21/2020 19:06:21</t>
  </si>
  <si>
    <t>01/21/2020 19:06:25</t>
  </si>
  <si>
    <t>01/21/2020 19:06:29</t>
  </si>
  <si>
    <t>01/21/2020 19:06:34</t>
  </si>
  <si>
    <t>01/21/2020 19:06:38</t>
  </si>
  <si>
    <t>01/21/2020 19:06:42</t>
  </si>
  <si>
    <t>01/21/2020 19:06:46</t>
  </si>
  <si>
    <t>01/21/2020 19:06:50</t>
  </si>
  <si>
    <t>01/21/2020 19:06:54</t>
  </si>
  <si>
    <t>01/21/2020 19:06:58</t>
  </si>
  <si>
    <t>01/21/2020 19:07:03</t>
  </si>
  <si>
    <t>01/21/2020 19:07:07</t>
  </si>
  <si>
    <t>01/21/2020 19:07:11</t>
  </si>
  <si>
    <t>01/21/2020 19:07:15</t>
  </si>
  <si>
    <t>01/21/2020 19:07:19</t>
  </si>
  <si>
    <t>01/21/2020 19:07:08</t>
  </si>
  <si>
    <t>01/21/2020 19:08:31</t>
  </si>
  <si>
    <t>a734304e-33a4-4411-b7f3-c2c3c0cd66f5.tmp</t>
  </si>
  <si>
    <t>\\acsfs\profiles$\paulohaf\Downloads\a734304e-33a4-4411-b7f3-c2c3c0cd66f5.tmp</t>
  </si>
  <si>
    <t>01/21/2020 19:10:32</t>
  </si>
  <si>
    <t>01/21/2020 19:08:11</t>
  </si>
  <si>
    <t>01/21/2020 19:11:31</t>
  </si>
  <si>
    <t>01/21/2020 19:09:11</t>
  </si>
  <si>
    <t>01/21/2020 19:07:38</t>
  </si>
  <si>
    <t>01/21/2020 19:12:32</t>
  </si>
  <si>
    <t>01/21/2020 19:09:56</t>
  </si>
  <si>
    <t>01/21/2020 19:07:10</t>
  </si>
  <si>
    <t>07d33e89-320f-42d2-9df2-9359fb50051d.tmp</t>
  </si>
  <si>
    <t>\\acsfs\profiles$\joselrb\Downloads\07d33e89-320f-42d2-9df2-9359fb50051d.tmp</t>
  </si>
  <si>
    <t>01/21/2020 19:07:23</t>
  </si>
  <si>
    <t>01/21/2020 19:07:27</t>
  </si>
  <si>
    <t>01/21/2020 19:07:32</t>
  </si>
  <si>
    <t>01/21/2020 19:07:36</t>
  </si>
  <si>
    <t>01/21/2020 19:07:40</t>
  </si>
  <si>
    <t>01/21/2020 19:07:44</t>
  </si>
  <si>
    <t>01/21/2020 19:07:48</t>
  </si>
  <si>
    <t>01/21/2020 19:07:52</t>
  </si>
  <si>
    <t>01/21/2020 19:07:55</t>
  </si>
  <si>
    <t>01/21/2020 19:07:56</t>
  </si>
  <si>
    <t>01/21/2020 19:08:01</t>
  </si>
  <si>
    <t>01/21/2020 19:08:05</t>
  </si>
  <si>
    <t>01/21/2020 19:08:09</t>
  </si>
  <si>
    <t>01/21/2020 19:08:13</t>
  </si>
  <si>
    <t>01/21/2020 19:08:17</t>
  </si>
  <si>
    <t>01/21/2020 19:08:21</t>
  </si>
  <si>
    <t>01/21/2020 19:08:25</t>
  </si>
  <si>
    <t>01/21/2020 19:08:30</t>
  </si>
  <si>
    <t>01/21/2020 19:08:34</t>
  </si>
  <si>
    <t>01/21/2020 19:08:39</t>
  </si>
  <si>
    <t>01/21/2020 19:08:43</t>
  </si>
  <si>
    <t>01/21/2020 19:08:47</t>
  </si>
  <si>
    <t>01/21/2020 19:08:51</t>
  </si>
  <si>
    <t>01/21/2020 19:08:55</t>
  </si>
  <si>
    <t>01/21/2020 19:08:59</t>
  </si>
  <si>
    <t>01/21/2020 19:09:03</t>
  </si>
  <si>
    <t>01/21/2020 19:09:08</t>
  </si>
  <si>
    <t>01/21/2020 19:09:12</t>
  </si>
  <si>
    <t>01/21/2020 19:09:16</t>
  </si>
  <si>
    <t>01/21/2020 19:09:20</t>
  </si>
  <si>
    <t>01/21/2020 19:09:24</t>
  </si>
  <si>
    <t>01/21/2020 19:09:28</t>
  </si>
  <si>
    <t>01/21/2020 19:09:32</t>
  </si>
  <si>
    <t>01/21/2020 19:09:37</t>
  </si>
  <si>
    <t>01/21/2020 19:09:41</t>
  </si>
  <si>
    <t>01/21/2020 19:09:45</t>
  </si>
  <si>
    <t>01/21/2020 19:09:49</t>
  </si>
  <si>
    <t>01/21/2020 19:09:53</t>
  </si>
  <si>
    <t>01/21/2020 19:09:57</t>
  </si>
  <si>
    <t>01/21/2020 19:10:01</t>
  </si>
  <si>
    <t>01/21/2020 19:10:05</t>
  </si>
  <si>
    <t>01/21/2020 19:10:10</t>
  </si>
  <si>
    <t>01/21/2020 19:10:14</t>
  </si>
  <si>
    <t>01/21/2020 19:10:18</t>
  </si>
  <si>
    <t>01/21/2020 19:10:22</t>
  </si>
  <si>
    <t>01/21/2020 19:10:26</t>
  </si>
  <si>
    <t>01/21/2020 19:10:30</t>
  </si>
  <si>
    <t>01/21/2020 19:10:34</t>
  </si>
  <si>
    <t>01/21/2020 19:10:35</t>
  </si>
  <si>
    <t>01/21/2020 19:10:39</t>
  </si>
  <si>
    <t>01/21/2020 19:10:43</t>
  </si>
  <si>
    <t>01/21/2020 19:10:47</t>
  </si>
  <si>
    <t>01/21/2020 19:10:51</t>
  </si>
  <si>
    <t>01/21/2020 19:10:55</t>
  </si>
  <si>
    <t>01/21/2020 19:10:59</t>
  </si>
  <si>
    <t>01/21/2020 19:11:03</t>
  </si>
  <si>
    <t>01/21/2020 19:11:08</t>
  </si>
  <si>
    <t>01/21/2020 19:11:12</t>
  </si>
  <si>
    <t>01/21/2020 19:11:16</t>
  </si>
  <si>
    <t>01/21/2020 19:11:20</t>
  </si>
  <si>
    <t>01/21/2020 19:11:24</t>
  </si>
  <si>
    <t>01/21/2020 19:11:28</t>
  </si>
  <si>
    <t>01/21/2020 19:11:32</t>
  </si>
  <si>
    <t>01/21/2020 19:11:37</t>
  </si>
  <si>
    <t>01/21/2020 19:11:41</t>
  </si>
  <si>
    <t>01/21/2020 19:11:45</t>
  </si>
  <si>
    <t>01/21/2020 19:11:49</t>
  </si>
  <si>
    <t>01/21/2020 19:11:53</t>
  </si>
  <si>
    <t>01/21/2020 19:11:57</t>
  </si>
  <si>
    <t>01/21/2020 19:12:01</t>
  </si>
  <si>
    <t>01/21/2020 19:12:05</t>
  </si>
  <si>
    <t>01/21/2020 19:12:10</t>
  </si>
  <si>
    <t>01/21/2020 19:12:14</t>
  </si>
  <si>
    <t>01/21/2020 19:12:18</t>
  </si>
  <si>
    <t>01/21/2020 19:13:31</t>
  </si>
  <si>
    <t>01/21/2020 19:12:22</t>
  </si>
  <si>
    <t>01/21/2020 19:13:21</t>
  </si>
  <si>
    <t>01/21/2020 19:15:32</t>
  </si>
  <si>
    <t>01/21/2020 19:14:11</t>
  </si>
  <si>
    <t>01/21/2020 19:16:32</t>
  </si>
  <si>
    <t>01/21/2020 19:15:12</t>
  </si>
  <si>
    <t>01/21/2020 19:12:07</t>
  </si>
  <si>
    <t>01/21/2020 19:17:32</t>
  </si>
  <si>
    <t>01/21/2020 19:15:26</t>
  </si>
  <si>
    <t>01/21/2020 19:15:55</t>
  </si>
  <si>
    <t>01/21/2020 19:12:26</t>
  </si>
  <si>
    <t>01/21/2020 19:12:30</t>
  </si>
  <si>
    <t>01/21/2020 19:12:34</t>
  </si>
  <si>
    <t>01/21/2020 19:12:38</t>
  </si>
  <si>
    <t>01/21/2020 19:12:43</t>
  </si>
  <si>
    <t>01/21/2020 19:12:47</t>
  </si>
  <si>
    <t>01/21/2020 19:12:51</t>
  </si>
  <si>
    <t>01/21/2020 19:12:55</t>
  </si>
  <si>
    <t>01/21/2020 19:12:59</t>
  </si>
  <si>
    <t>01/21/2020 19:13:03</t>
  </si>
  <si>
    <t>01/21/2020 19:13:08</t>
  </si>
  <si>
    <t>01/21/2020 19:13:12</t>
  </si>
  <si>
    <t>01/21/2020 19:13:17</t>
  </si>
  <si>
    <t>01/21/2020 19:18:32</t>
  </si>
  <si>
    <t>01/21/2020 19:13:24</t>
  </si>
  <si>
    <t>01/21/2020 19:13:29</t>
  </si>
  <si>
    <t>01/21/2020 19:13:33</t>
  </si>
  <si>
    <t>01/21/2020 19:13:37</t>
  </si>
  <si>
    <t>01/21/2020 19:13:41</t>
  </si>
  <si>
    <t>01/21/2020 19:13:46</t>
  </si>
  <si>
    <t>01/21/2020 19:13:49</t>
  </si>
  <si>
    <t>01/21/2020 19:13:54</t>
  </si>
  <si>
    <t>01/21/2020 19:13:56</t>
  </si>
  <si>
    <t>01/21/2020 19:13:58</t>
  </si>
  <si>
    <t>01/21/2020 19:14:02</t>
  </si>
  <si>
    <t>01/21/2020 19:14:06</t>
  </si>
  <si>
    <t>01/21/2020 19:14:10</t>
  </si>
  <si>
    <t>01/21/2020 19:14:14</t>
  </si>
  <si>
    <t>01/21/2020 19:14:19</t>
  </si>
  <si>
    <t>01/21/2020 19:14:23</t>
  </si>
  <si>
    <t>01/21/2020 19:14:27</t>
  </si>
  <si>
    <t>01/21/2020 19:14:31</t>
  </si>
  <si>
    <t>01/21/2020 19:14:36</t>
  </si>
  <si>
    <t>01/21/2020 19:14:40</t>
  </si>
  <si>
    <t>01/21/2020 19:14:44</t>
  </si>
  <si>
    <t>01/21/2020 19:14:48</t>
  </si>
  <si>
    <t>01/21/2020 19:14:52</t>
  </si>
  <si>
    <t>01/21/2020 19:14:56</t>
  </si>
  <si>
    <t>01/21/2020 19:15:00</t>
  </si>
  <si>
    <t>01/21/2020 19:15:05</t>
  </si>
  <si>
    <t>01/21/2020 19:15:09</t>
  </si>
  <si>
    <t>01/21/2020 19:15:13</t>
  </si>
  <si>
    <t>01/21/2020 19:15:17</t>
  </si>
  <si>
    <t>01/21/2020 19:15:21</t>
  </si>
  <si>
    <t>01/21/2020 19:15:25</t>
  </si>
  <si>
    <t>01/21/2020 19:15:29</t>
  </si>
  <si>
    <t>01/21/2020 19:15:33</t>
  </si>
  <si>
    <t>01/21/2020 19:15:37</t>
  </si>
  <si>
    <t>01/21/2020 19:15:42</t>
  </si>
  <si>
    <t>01/21/2020 19:15:46</t>
  </si>
  <si>
    <t>01/21/2020 19:15:50</t>
  </si>
  <si>
    <t>01/21/2020 19:15:54</t>
  </si>
  <si>
    <t>01/21/2020 19:15:58</t>
  </si>
  <si>
    <t>01/21/2020 19:16:02</t>
  </si>
  <si>
    <t>01/21/2020 19:16:07</t>
  </si>
  <si>
    <t>01/21/2020 19:16:11</t>
  </si>
  <si>
    <t>01/21/2020 19:16:15</t>
  </si>
  <si>
    <t>01/21/2020 19:16:19</t>
  </si>
  <si>
    <t>01/21/2020 19:16:23</t>
  </si>
  <si>
    <t>01/21/2020 19:16:27</t>
  </si>
  <si>
    <t>01/21/2020 19:16:31</t>
  </si>
  <si>
    <t>01/21/2020 19:16:36</t>
  </si>
  <si>
    <t>01/21/2020 19:16:40</t>
  </si>
  <si>
    <t>01/21/2020 19:16:44</t>
  </si>
  <si>
    <t>01/21/2020 19:16:48</t>
  </si>
  <si>
    <t>01/21/2020 19:16:52</t>
  </si>
  <si>
    <t>01/21/2020 19:16:56</t>
  </si>
  <si>
    <t>01/21/2020 19:17:00</t>
  </si>
  <si>
    <t>01/21/2020 19:17:04</t>
  </si>
  <si>
    <t>01/21/2020 19:17:10</t>
  </si>
  <si>
    <t>01/21/2020 19:17:13</t>
  </si>
  <si>
    <t>01/21/2020 19:17:17</t>
  </si>
  <si>
    <t>01/21/2020 19:17:21</t>
  </si>
  <si>
    <t>01/21/2020 19:17:25</t>
  </si>
  <si>
    <t>01/21/2020 19:17:29</t>
  </si>
  <si>
    <t>01/21/2020 19:20:32</t>
  </si>
  <si>
    <t>01/21/2020 19:20:11</t>
  </si>
  <si>
    <t>01/21/2020 19:21:32</t>
  </si>
  <si>
    <t>01/21/2020 19:17:07</t>
  </si>
  <si>
    <t>01/21/2020 19:22:33</t>
  </si>
  <si>
    <t>01/21/2020 19:19:02</t>
  </si>
  <si>
    <t>89a316d3-1653-4f20-b922-b4a1d2f8b9fa.tmp</t>
  </si>
  <si>
    <t>\\acsfs\profiles$\laurandos\Downloads\89a316d3-1653-4f20-b922-b4a1d2f8b9fa.tmp</t>
  </si>
  <si>
    <t>01/21/2020 19:17:35</t>
  </si>
  <si>
    <t>01/21/2020 19:23:32</t>
  </si>
  <si>
    <t>01/21/2020 19:17:38</t>
  </si>
  <si>
    <t>01/21/2020 19:17:42</t>
  </si>
  <si>
    <t>01/21/2020 19:17:46</t>
  </si>
  <si>
    <t>01/21/2020 19:17:50</t>
  </si>
  <si>
    <t>01/21/2020 19:17:54</t>
  </si>
  <si>
    <t>01/21/2020 19:17:58</t>
  </si>
  <si>
    <t>01/21/2020 19:18:02</t>
  </si>
  <si>
    <t>01/21/2020 19:18:07</t>
  </si>
  <si>
    <t>01/21/2020 19:18:11</t>
  </si>
  <si>
    <t>01/21/2020 19:18:15</t>
  </si>
  <si>
    <t>01/21/2020 19:18:19</t>
  </si>
  <si>
    <t>01/21/2020 19:18:24</t>
  </si>
  <si>
    <t>01/21/2020 19:18:28</t>
  </si>
  <si>
    <t>01/21/2020 19:18:36</t>
  </si>
  <si>
    <t>01/21/2020 19:18:41</t>
  </si>
  <si>
    <t>01/21/2020 19:18:45</t>
  </si>
  <si>
    <t>01/21/2020 19:18:49</t>
  </si>
  <si>
    <t>01/21/2020 19:18:53</t>
  </si>
  <si>
    <t>01/21/2020 19:18:57</t>
  </si>
  <si>
    <t>01/21/2020 19:19:01</t>
  </si>
  <si>
    <t>01/21/2020 19:19:05</t>
  </si>
  <si>
    <t>01/21/2020 19:19:09</t>
  </si>
  <si>
    <t>01/21/2020 19:19:14</t>
  </si>
  <si>
    <t>01/21/2020 19:19:18</t>
  </si>
  <si>
    <t>01/21/2020 19:19:22</t>
  </si>
  <si>
    <t>01/21/2020 19:19:26</t>
  </si>
  <si>
    <t>01/21/2020 19:19:30</t>
  </si>
  <si>
    <t>01/21/2020 19:19:34</t>
  </si>
  <si>
    <t>01/21/2020 19:19:38</t>
  </si>
  <si>
    <t>01/21/2020 19:19:43</t>
  </si>
  <si>
    <t>01/21/2020 19:19:47</t>
  </si>
  <si>
    <t>01/21/2020 19:19:51</t>
  </si>
  <si>
    <t>01/21/2020 19:19:55</t>
  </si>
  <si>
    <t>01/21/2020 19:19:56</t>
  </si>
  <si>
    <t>01/21/2020 19:19:59</t>
  </si>
  <si>
    <t>01/21/2020 19:20:03</t>
  </si>
  <si>
    <t>01/21/2020 19:20:07</t>
  </si>
  <si>
    <t>01/21/2020 19:20:12</t>
  </si>
  <si>
    <t>01/21/2020 19:20:16</t>
  </si>
  <si>
    <t>01/21/2020 19:20:20</t>
  </si>
  <si>
    <t>01/21/2020 19:20:24</t>
  </si>
  <si>
    <t>01/21/2020 19:20:28</t>
  </si>
  <si>
    <t>01/21/2020 19:20:36</t>
  </si>
  <si>
    <t>01/21/2020 19:20:40</t>
  </si>
  <si>
    <t>01/21/2020 19:20:45</t>
  </si>
  <si>
    <t>01/21/2020 19:20:49</t>
  </si>
  <si>
    <t>01/21/2020 19:20:53</t>
  </si>
  <si>
    <t>01/21/2020 19:20:57</t>
  </si>
  <si>
    <t>01/21/2020 19:21:01</t>
  </si>
  <si>
    <t>01/21/2020 19:21:05</t>
  </si>
  <si>
    <t>01/21/2020 19:21:09</t>
  </si>
  <si>
    <t>01/21/2020 19:21:14</t>
  </si>
  <si>
    <t>01/21/2020 19:21:18</t>
  </si>
  <si>
    <t>01/21/2020 19:21:22</t>
  </si>
  <si>
    <t>01/21/2020 19:21:26</t>
  </si>
  <si>
    <t>01/21/2020 19:21:30</t>
  </si>
  <si>
    <t>01/21/2020 19:21:34</t>
  </si>
  <si>
    <t>01/21/2020 19:21:38</t>
  </si>
  <si>
    <t>01/21/2020 19:21:43</t>
  </si>
  <si>
    <t>01/21/2020 19:21:47</t>
  </si>
  <si>
    <t>01/21/2020 19:21:51</t>
  </si>
  <si>
    <t>01/21/2020 19:21:55</t>
  </si>
  <si>
    <t>01/21/2020 19:21:59</t>
  </si>
  <si>
    <t>01/21/2020 19:22:03</t>
  </si>
  <si>
    <t>01/21/2020 19:22:07</t>
  </si>
  <si>
    <t>01/21/2020 19:22:11</t>
  </si>
  <si>
    <t>01/21/2020 19:22:15</t>
  </si>
  <si>
    <t>01/21/2020 19:22:20</t>
  </si>
  <si>
    <t>01/21/2020 19:22:24</t>
  </si>
  <si>
    <t>01/21/2020 19:22:28</t>
  </si>
  <si>
    <t>01/21/2020 19:22:32</t>
  </si>
  <si>
    <t>01/21/2020 19:22:36</t>
  </si>
  <si>
    <t>01/21/2020 19:25:33</t>
  </si>
  <si>
    <t>01/21/2020 19:23:02</t>
  </si>
  <si>
    <t>01/21/2020 19:26:33</t>
  </si>
  <si>
    <t>a14851c2-c9bc-4016-85fb-1cb6e8273e42.tmp</t>
  </si>
  <si>
    <t>\\acsfs\profiles$\gabrielamdp\Downloads\a14851c2-c9bc-4016-85fb-1cb6e8273e42.tmp</t>
  </si>
  <si>
    <t>01/21/2020 19:21:11</t>
  </si>
  <si>
    <t>01/21/2020 19:23:24</t>
  </si>
  <si>
    <t>01/21/2020 19:23:25</t>
  </si>
  <si>
    <t>01/21/2020 19:23:27</t>
  </si>
  <si>
    <t>01/21/2020 19:25:53</t>
  </si>
  <si>
    <t>01/21/2020 19:27:33</t>
  </si>
  <si>
    <t>63c0c076-66ef-44a1-a4c7-9a2b3921fd11.tmp</t>
  </si>
  <si>
    <t>\\acsfs\profiles$\taylaedoa\Downloads\63c0c076-66ef-44a1-a4c7-9a2b3921fd11.tmp</t>
  </si>
  <si>
    <t>01/21/2020 19:28:33</t>
  </si>
  <si>
    <t>01/21/2020 19:22:40</t>
  </si>
  <si>
    <t>01/21/2020 19:22:44</t>
  </si>
  <si>
    <t>01/21/2020 19:22:49</t>
  </si>
  <si>
    <t>01/21/2020 19:22:53</t>
  </si>
  <si>
    <t>01/21/2020 19:22:57</t>
  </si>
  <si>
    <t>01/21/2020 19:23:01</t>
  </si>
  <si>
    <t>01/21/2020 19:23:05</t>
  </si>
  <si>
    <t>01/21/2020 19:23:09</t>
  </si>
  <si>
    <t>01/21/2020 19:23:13</t>
  </si>
  <si>
    <t>01/21/2020 19:23:18</t>
  </si>
  <si>
    <t>01/21/2020 19:23:22</t>
  </si>
  <si>
    <t>01/21/2020 19:23:26</t>
  </si>
  <si>
    <t>01/21/2020 19:23:30</t>
  </si>
  <si>
    <t>01/21/2020 19:23:34</t>
  </si>
  <si>
    <t>01/21/2020 19:23:38</t>
  </si>
  <si>
    <t>01/21/2020 19:23:42</t>
  </si>
  <si>
    <t>01/21/2020 19:23:46</t>
  </si>
  <si>
    <t>01/21/2020 19:23:51</t>
  </si>
  <si>
    <t>01/21/2020 19:23:55</t>
  </si>
  <si>
    <t>01/21/2020 19:23:59</t>
  </si>
  <si>
    <t>01/21/2020 19:24:03</t>
  </si>
  <si>
    <t>01/21/2020 19:24:07</t>
  </si>
  <si>
    <t>01/21/2020 19:24:11</t>
  </si>
  <si>
    <t>01/21/2020 19:24:15</t>
  </si>
  <si>
    <t>01/21/2020 19:24:20</t>
  </si>
  <si>
    <t>01/21/2020 19:24:24</t>
  </si>
  <si>
    <t>01/21/2020 19:24:28</t>
  </si>
  <si>
    <t>01/21/2020 19:24:32</t>
  </si>
  <si>
    <t>01/21/2020 19:24:36</t>
  </si>
  <si>
    <t>01/21/2020 19:24:40</t>
  </si>
  <si>
    <t>01/21/2020 19:24:44</t>
  </si>
  <si>
    <t>01/21/2020 19:24:49</t>
  </si>
  <si>
    <t>01/21/2020 19:24:53</t>
  </si>
  <si>
    <t>01/21/2020 19:24:57</t>
  </si>
  <si>
    <t>01/21/2020 19:25:01</t>
  </si>
  <si>
    <t>01/21/2020 19:25:05</t>
  </si>
  <si>
    <t>01/21/2020 19:25:09</t>
  </si>
  <si>
    <t>01/21/2020 19:25:13</t>
  </si>
  <si>
    <t>01/21/2020 19:25:17</t>
  </si>
  <si>
    <t>01/21/2020 19:25:19</t>
  </si>
  <si>
    <t>01/21/2020 19:25:22</t>
  </si>
  <si>
    <t>01/21/2020 19:25:26</t>
  </si>
  <si>
    <t>01/21/2020 19:25:30</t>
  </si>
  <si>
    <t>01/21/2020 19:25:34</t>
  </si>
  <si>
    <t>01/21/2020 19:25:38</t>
  </si>
  <si>
    <t>01/21/2020 19:25:43</t>
  </si>
  <si>
    <t>01/21/2020 19:25:46</t>
  </si>
  <si>
    <t>01/21/2020 19:25:51</t>
  </si>
  <si>
    <t>01/21/2020 19:25:55</t>
  </si>
  <si>
    <t>01/21/2020 19:25:56</t>
  </si>
  <si>
    <t>01/21/2020 19:25:59</t>
  </si>
  <si>
    <t>01/21/2020 19:26:03</t>
  </si>
  <si>
    <t>01/21/2020 19:26:08</t>
  </si>
  <si>
    <t>01/21/2020 19:26:12</t>
  </si>
  <si>
    <t>01/21/2020 19:26:16</t>
  </si>
  <si>
    <t>01/21/2020 19:26:20</t>
  </si>
  <si>
    <t>01/21/2020 19:26:24</t>
  </si>
  <si>
    <t>01/21/2020 19:26:29</t>
  </si>
  <si>
    <t>01/21/2020 19:26:37</t>
  </si>
  <si>
    <t>01/21/2020 19:26:41</t>
  </si>
  <si>
    <t>01/21/2020 19:26:45</t>
  </si>
  <si>
    <t>01/21/2020 19:26:49</t>
  </si>
  <si>
    <t>01/21/2020 19:26:53</t>
  </si>
  <si>
    <t>01/21/2020 19:26:57</t>
  </si>
  <si>
    <t>01/21/2020 19:27:02</t>
  </si>
  <si>
    <t>01/21/2020 19:27:06</t>
  </si>
  <si>
    <t>01/21/2020 19:27:10</t>
  </si>
  <si>
    <t>01/21/2020 19:27:14</t>
  </si>
  <si>
    <t>01/21/2020 19:27:18</t>
  </si>
  <si>
    <t>01/21/2020 19:27:22</t>
  </si>
  <si>
    <t>01/21/2020 19:27:27</t>
  </si>
  <si>
    <t>01/21/2020 19:27:31</t>
  </si>
  <si>
    <t>01/21/2020 19:27:35</t>
  </si>
  <si>
    <t>01/21/2020 19:27:39</t>
  </si>
  <si>
    <t>01/21/2020 19:27:43</t>
  </si>
  <si>
    <t>01/21/2020 19:30:34</t>
  </si>
  <si>
    <t>01/21/2020 19:26:11</t>
  </si>
  <si>
    <t>01/21/2020 19:31:33</t>
  </si>
  <si>
    <t>01/21/2020 19:29:12</t>
  </si>
  <si>
    <t>01/21/2020 19:27:47</t>
  </si>
  <si>
    <t>01/21/2020 19:33:33</t>
  </si>
  <si>
    <t>01/21/2020 19:27:51</t>
  </si>
  <si>
    <t>01/21/2020 19:27:55</t>
  </si>
  <si>
    <t>01/21/2020 19:28:00</t>
  </si>
  <si>
    <t>01/21/2020 19:28:04</t>
  </si>
  <si>
    <t>01/21/2020 19:28:08</t>
  </si>
  <si>
    <t>01/21/2020 19:28:12</t>
  </si>
  <si>
    <t>01/21/2020 19:28:16</t>
  </si>
  <si>
    <t>01/21/2020 19:28:20</t>
  </si>
  <si>
    <t>01/21/2020 19:28:24</t>
  </si>
  <si>
    <t>01/21/2020 19:28:28</t>
  </si>
  <si>
    <t>01/21/2020 19:28:37</t>
  </si>
  <si>
    <t>01/21/2020 19:28:41</t>
  </si>
  <si>
    <t>01/21/2020 19:28:45</t>
  </si>
  <si>
    <t>01/21/2020 19:28:49</t>
  </si>
  <si>
    <t>01/21/2020 19:28:53</t>
  </si>
  <si>
    <t>01/21/2020 19:28:57</t>
  </si>
  <si>
    <t>01/21/2020 19:29:02</t>
  </si>
  <si>
    <t>01/21/2020 19:29:06</t>
  </si>
  <si>
    <t>01/21/2020 19:29:10</t>
  </si>
  <si>
    <t>01/21/2020 19:29:14</t>
  </si>
  <si>
    <t>01/21/2020 19:29:18</t>
  </si>
  <si>
    <t>01/21/2020 19:29:22</t>
  </si>
  <si>
    <t>01/21/2020 19:29:26</t>
  </si>
  <si>
    <t>01/21/2020 19:29:31</t>
  </si>
  <si>
    <t>01/21/2020 19:29:35</t>
  </si>
  <si>
    <t>01/21/2020 19:29:39</t>
  </si>
  <si>
    <t>01/21/2020 19:29:43</t>
  </si>
  <si>
    <t>01/21/2020 19:29:47</t>
  </si>
  <si>
    <t>01/21/2020 19:29:51</t>
  </si>
  <si>
    <t>01/21/2020 19:29:56</t>
  </si>
  <si>
    <t>01/21/2020 19:30:00</t>
  </si>
  <si>
    <t>01/21/2020 19:30:04</t>
  </si>
  <si>
    <t>01/21/2020 19:30:08</t>
  </si>
  <si>
    <t>01/21/2020 19:30:12</t>
  </si>
  <si>
    <t>01/21/2020 19:30:16</t>
  </si>
  <si>
    <t>01/21/2020 19:30:20</t>
  </si>
  <si>
    <t>01/21/2020 19:30:24</t>
  </si>
  <si>
    <t>01/21/2020 19:30:29</t>
  </si>
  <si>
    <t>01/21/2020 19:30:33</t>
  </si>
  <si>
    <t>01/21/2020 19:30:37</t>
  </si>
  <si>
    <t>01/21/2020 19:30:41</t>
  </si>
  <si>
    <t>01/21/2020 19:30:45</t>
  </si>
  <si>
    <t>01/21/2020 19:30:49</t>
  </si>
  <si>
    <t>01/21/2020 19:30:53</t>
  </si>
  <si>
    <t>01/21/2020 19:30:58</t>
  </si>
  <si>
    <t>01/21/2020 19:31:02</t>
  </si>
  <si>
    <t>01/21/2020 19:31:07</t>
  </si>
  <si>
    <t>01/21/2020 19:31:10</t>
  </si>
  <si>
    <t>01/21/2020 19:31:14</t>
  </si>
  <si>
    <t>01/21/2020 19:31:18</t>
  </si>
  <si>
    <t>01/21/2020 19:31:22</t>
  </si>
  <si>
    <t>01/21/2020 19:31:27</t>
  </si>
  <si>
    <t>01/21/2020 19:31:31</t>
  </si>
  <si>
    <t>01/21/2020 19:31:36</t>
  </si>
  <si>
    <t>01/21/2020 19:31:40</t>
  </si>
  <si>
    <t>01/21/2020 19:31:44</t>
  </si>
  <si>
    <t>01/21/2020 19:31:48</t>
  </si>
  <si>
    <t>01/21/2020 19:31:52</t>
  </si>
  <si>
    <t>01/21/2020 19:31:56</t>
  </si>
  <si>
    <t>01/21/2020 19:32:01</t>
  </si>
  <si>
    <t>01/21/2020 19:32:05</t>
  </si>
  <si>
    <t>01/21/2020 19:32:09</t>
  </si>
  <si>
    <t>01/21/2020 19:32:13</t>
  </si>
  <si>
    <t>01/21/2020 19:32:17</t>
  </si>
  <si>
    <t>01/21/2020 19:32:21</t>
  </si>
  <si>
    <t>01/21/2020 19:32:25</t>
  </si>
  <si>
    <t>01/21/2020 19:32:29</t>
  </si>
  <si>
    <t>01/21/2020 19:32:34</t>
  </si>
  <si>
    <t>01/21/2020 19:32:38</t>
  </si>
  <si>
    <t>01/21/2020 19:32:42</t>
  </si>
  <si>
    <t>01/21/2020 19:32:46</t>
  </si>
  <si>
    <t>01/21/2020 19:32:50</t>
  </si>
  <si>
    <t>0454977a-34aa-4de3-9b60-153ab32c300c.tmp</t>
  </si>
  <si>
    <t>\\acsfs\profiles$\erichds\Downloads\0454977a-34aa-4de3-9b60-153ab32c300c.tmp</t>
  </si>
  <si>
    <t>01/21/2020 19:33:11</t>
  </si>
  <si>
    <t>94c33f73-d850-49f6-9882-7d2c854003ee.tmp</t>
  </si>
  <si>
    <t>\\acsfs\profiles$\erichds\Downloads\94c33f73-d850-49f6-9882-7d2c854003ee.tmp</t>
  </si>
  <si>
    <t>01/21/2020 19:35:33</t>
  </si>
  <si>
    <t>01/21/2020 19:36:34</t>
  </si>
  <si>
    <t>01/21/2020 19:32:12</t>
  </si>
  <si>
    <t>01/21/2020 19:35:12</t>
  </si>
  <si>
    <t>01/21/2020 19:35:57</t>
  </si>
  <si>
    <t>01/21/2020 19:32:54</t>
  </si>
  <si>
    <t>01/21/2020 19:38:34</t>
  </si>
  <si>
    <t>01/21/2020 19:32:56</t>
  </si>
  <si>
    <t>01/21/2020 19:32:58</t>
  </si>
  <si>
    <t>01/21/2020 19:33:03</t>
  </si>
  <si>
    <t>01/21/2020 19:33:07</t>
  </si>
  <si>
    <t>01/21/2020 19:33:15</t>
  </si>
  <si>
    <t>01/21/2020 19:33:19</t>
  </si>
  <si>
    <t>01/21/2020 19:33:23</t>
  </si>
  <si>
    <t>01/21/2020 19:33:27</t>
  </si>
  <si>
    <t>01/21/2020 19:33:32</t>
  </si>
  <si>
    <t>01/21/2020 19:33:36</t>
  </si>
  <si>
    <t>01/21/2020 19:33:40</t>
  </si>
  <si>
    <t>01/21/2020 19:33:44</t>
  </si>
  <si>
    <t>01/21/2020 19:33:48</t>
  </si>
  <si>
    <t>01/21/2020 19:33:52</t>
  </si>
  <si>
    <t>01/21/2020 19:33:56</t>
  </si>
  <si>
    <t>01/21/2020 19:34:00</t>
  </si>
  <si>
    <t>01/21/2020 19:34:05</t>
  </si>
  <si>
    <t>01/21/2020 19:34:09</t>
  </si>
  <si>
    <t>01/21/2020 19:34:13</t>
  </si>
  <si>
    <t>01/21/2020 19:34:17</t>
  </si>
  <si>
    <t>01/21/2020 19:34:21</t>
  </si>
  <si>
    <t>01/21/2020 19:34:25</t>
  </si>
  <si>
    <t>01/21/2020 19:34:29</t>
  </si>
  <si>
    <t>01/21/2020 19:34:34</t>
  </si>
  <si>
    <t>01/21/2020 19:34:38</t>
  </si>
  <si>
    <t>01/21/2020 19:34:42</t>
  </si>
  <si>
    <t>01/21/2020 19:34:46</t>
  </si>
  <si>
    <t>01/21/2020 19:34:50</t>
  </si>
  <si>
    <t>01/21/2020 19:34:54</t>
  </si>
  <si>
    <t>01/21/2020 19:34:58</t>
  </si>
  <si>
    <t>01/21/2020 19:35:03</t>
  </si>
  <si>
    <t>01/21/2020 19:35:07</t>
  </si>
  <si>
    <t>01/21/2020 19:35:11</t>
  </si>
  <si>
    <t>01/21/2020 19:35:15</t>
  </si>
  <si>
    <t>01/21/2020 19:35:19</t>
  </si>
  <si>
    <t>01/21/2020 19:35:23</t>
  </si>
  <si>
    <t>01/21/2020 19:35:27</t>
  </si>
  <si>
    <t>01/21/2020 19:35:32</t>
  </si>
  <si>
    <t>01/21/2020 19:35:36</t>
  </si>
  <si>
    <t>01/21/2020 19:35:40</t>
  </si>
  <si>
    <t>01/21/2020 19:35:44</t>
  </si>
  <si>
    <t>01/21/2020 19:35:48</t>
  </si>
  <si>
    <t>01/21/2020 19:35:52</t>
  </si>
  <si>
    <t>01/21/2020 19:36:01</t>
  </si>
  <si>
    <t>01/21/2020 19:36:05</t>
  </si>
  <si>
    <t>01/21/2020 19:36:09</t>
  </si>
  <si>
    <t>01/21/2020 19:36:13</t>
  </si>
  <si>
    <t>01/21/2020 19:36:17</t>
  </si>
  <si>
    <t>01/21/2020 19:36:22</t>
  </si>
  <si>
    <t>01/21/2020 19:36:27</t>
  </si>
  <si>
    <t>01/21/2020 19:36:31</t>
  </si>
  <si>
    <t>01/21/2020 19:36:35</t>
  </si>
  <si>
    <t>01/21/2020 19:36:39</t>
  </si>
  <si>
    <t>01/21/2020 19:36:43</t>
  </si>
  <si>
    <t>01/21/2020 19:36:47</t>
  </si>
  <si>
    <t>01/21/2020 19:36:51</t>
  </si>
  <si>
    <t>01/21/2020 19:36:55</t>
  </si>
  <si>
    <t>01/21/2020 19:36:59</t>
  </si>
  <si>
    <t>01/21/2020 19:37:03</t>
  </si>
  <si>
    <t>01/21/2020 19:37:08</t>
  </si>
  <si>
    <t>01/21/2020 19:37:12</t>
  </si>
  <si>
    <t>01/21/2020 19:37:16</t>
  </si>
  <si>
    <t>01/21/2020 19:37:20</t>
  </si>
  <si>
    <t>01/21/2020 19:37:24</t>
  </si>
  <si>
    <t>01/21/2020 19:37:28</t>
  </si>
  <si>
    <t>01/21/2020 19:37:32</t>
  </si>
  <si>
    <t>01/21/2020 19:37:36</t>
  </si>
  <si>
    <t>01/21/2020 19:37:40</t>
  </si>
  <si>
    <t>01/21/2020 19:37:44</t>
  </si>
  <si>
    <t>01/21/2020 19:37:48</t>
  </si>
  <si>
    <t>01/21/2020 19:37:53</t>
  </si>
  <si>
    <t>01/21/2020 19:37:56</t>
  </si>
  <si>
    <t>01/21/2020 19:40:33</t>
  </si>
  <si>
    <t>01/21/2020 19:38:12</t>
  </si>
  <si>
    <t>01/21/2020 19:41:33</t>
  </si>
  <si>
    <t>01/21/2020 19:42:33</t>
  </si>
  <si>
    <t>01/21/2020 19:40:21</t>
  </si>
  <si>
    <t>01/21/2020 19:40:25</t>
  </si>
  <si>
    <t>01/21/2020 19:43:33</t>
  </si>
  <si>
    <t>01/21/2020 19:37:57</t>
  </si>
  <si>
    <t>01/21/2020 19:38:01</t>
  </si>
  <si>
    <t>01/21/2020 19:38:05</t>
  </si>
  <si>
    <t>01/21/2020 19:38:09</t>
  </si>
  <si>
    <t>01/21/2020 19:38:13</t>
  </si>
  <si>
    <t>01/21/2020 19:38:17</t>
  </si>
  <si>
    <t>01/21/2020 19:38:21</t>
  </si>
  <si>
    <t>01/21/2020 19:38:26</t>
  </si>
  <si>
    <t>01/21/2020 19:38:30</t>
  </si>
  <si>
    <t>01/21/2020 19:38:38</t>
  </si>
  <si>
    <t>01/21/2020 19:38:42</t>
  </si>
  <si>
    <t>01/21/2020 19:38:46</t>
  </si>
  <si>
    <t>01/21/2020 19:38:50</t>
  </si>
  <si>
    <t>01/21/2020 19:38:54</t>
  </si>
  <si>
    <t>01/21/2020 19:38:58</t>
  </si>
  <si>
    <t>01/21/2020 19:39:02</t>
  </si>
  <si>
    <t>01/21/2020 19:39:06</t>
  </si>
  <si>
    <t>01/21/2020 19:39:11</t>
  </si>
  <si>
    <t>01/21/2020 19:39:15</t>
  </si>
  <si>
    <t>01/21/2020 19:39:19</t>
  </si>
  <si>
    <t>01/21/2020 19:39:23</t>
  </si>
  <si>
    <t>01/21/2020 19:39:27</t>
  </si>
  <si>
    <t>01/21/2020 19:39:31</t>
  </si>
  <si>
    <t>01/21/2020 19:39:35</t>
  </si>
  <si>
    <t>01/21/2020 19:39:39</t>
  </si>
  <si>
    <t>01/21/2020 19:39:43</t>
  </si>
  <si>
    <t>01/21/2020 19:39:48</t>
  </si>
  <si>
    <t>01/21/2020 19:39:52</t>
  </si>
  <si>
    <t>01/21/2020 19:39:56</t>
  </si>
  <si>
    <t>01/21/2020 19:40:00</t>
  </si>
  <si>
    <t>01/21/2020 19:40:04</t>
  </si>
  <si>
    <t>01/21/2020 19:40:08</t>
  </si>
  <si>
    <t>01/21/2020 19:40:12</t>
  </si>
  <si>
    <t>01/21/2020 19:40:16</t>
  </si>
  <si>
    <t>01/21/2020 19:40:29</t>
  </si>
  <si>
    <t>01/21/2020 19:40:34</t>
  </si>
  <si>
    <t>01/21/2020 19:40:38</t>
  </si>
  <si>
    <t>01/21/2020 19:40:42</t>
  </si>
  <si>
    <t>01/21/2020 19:40:46</t>
  </si>
  <si>
    <t>01/21/2020 19:40:50</t>
  </si>
  <si>
    <t>01/21/2020 19:40:54</t>
  </si>
  <si>
    <t>01/21/2020 19:40:58</t>
  </si>
  <si>
    <t>01/21/2020 19:41:03</t>
  </si>
  <si>
    <t>01/21/2020 19:41:07</t>
  </si>
  <si>
    <t>01/21/2020 19:41:11</t>
  </si>
  <si>
    <t>01/21/2020 19:41:15</t>
  </si>
  <si>
    <t>01/21/2020 19:41:19</t>
  </si>
  <si>
    <t>01/21/2020 19:41:23</t>
  </si>
  <si>
    <t>01/21/2020 19:41:27</t>
  </si>
  <si>
    <t>01/21/2020 19:41:31</t>
  </si>
  <si>
    <t>01/21/2020 19:41:35</t>
  </si>
  <si>
    <t>01/21/2020 19:41:40</t>
  </si>
  <si>
    <t>01/21/2020 19:41:44</t>
  </si>
  <si>
    <t>01/21/2020 19:41:48</t>
  </si>
  <si>
    <t>01/21/2020 19:41:52</t>
  </si>
  <si>
    <t>01/21/2020 19:41:56</t>
  </si>
  <si>
    <t>01/21/2020 19:42:00</t>
  </si>
  <si>
    <t>01/21/2020 19:42:04</t>
  </si>
  <si>
    <t>01/21/2020 19:42:08</t>
  </si>
  <si>
    <t>01/21/2020 19:42:13</t>
  </si>
  <si>
    <t>01/21/2020 19:42:17</t>
  </si>
  <si>
    <t>01/21/2020 19:42:21</t>
  </si>
  <si>
    <t>01/21/2020 19:42:25</t>
  </si>
  <si>
    <t>01/21/2020 19:42:29</t>
  </si>
  <si>
    <t>01/21/2020 19:42:37</t>
  </si>
  <si>
    <t>01/21/2020 19:42:41</t>
  </si>
  <si>
    <t>01/21/2020 19:42:45</t>
  </si>
  <si>
    <t>01/21/2020 19:42:49</t>
  </si>
  <si>
    <t>01/21/2020 19:42:54</t>
  </si>
  <si>
    <t>01/21/2020 19:42:58</t>
  </si>
  <si>
    <t>01/21/2020 19:43:02</t>
  </si>
  <si>
    <t>01/21/2020 19:43:06</t>
  </si>
  <si>
    <t>01/21/2020 19:45:33</t>
  </si>
  <si>
    <t>01/21/2020 19:41:12</t>
  </si>
  <si>
    <t>01/21/2020 19:46:33</t>
  </si>
  <si>
    <t>01/21/2020 19:44:12</t>
  </si>
  <si>
    <t>01/21/2020 19:46:32</t>
  </si>
  <si>
    <t>01/21/2020 19:47:33</t>
  </si>
  <si>
    <t>66945090-cbbc-4a56-8911-54087c57e4b9.tmp</t>
  </si>
  <si>
    <t>\\acsfs\profiles$\henriqueco\Downloads\66945090-cbbc-4a56-8911-54087c57e4b9.tmp</t>
  </si>
  <si>
    <t>01/21/2020 19:44:46</t>
  </si>
  <si>
    <t>01/21/2020 19:48:33</t>
  </si>
  <si>
    <t>01/21/2020 19:43:10</t>
  </si>
  <si>
    <t>01/21/2020 19:43:14</t>
  </si>
  <si>
    <t>01/21/2020 19:43:18</t>
  </si>
  <si>
    <t>01/21/2020 19:43:22</t>
  </si>
  <si>
    <t>01/21/2020 19:43:26</t>
  </si>
  <si>
    <t>01/21/2020 19:43:30</t>
  </si>
  <si>
    <t>01/21/2020 19:43:34</t>
  </si>
  <si>
    <t>01/21/2020 19:43:39</t>
  </si>
  <si>
    <t>01/21/2020 19:43:43</t>
  </si>
  <si>
    <t>01/21/2020 19:43:47</t>
  </si>
  <si>
    <t>01/21/2020 19:43:51</t>
  </si>
  <si>
    <t>01/21/2020 19:43:55</t>
  </si>
  <si>
    <t>01/21/2020 19:43:56</t>
  </si>
  <si>
    <t>01/21/2020 19:43:59</t>
  </si>
  <si>
    <t>01/21/2020 19:44:03</t>
  </si>
  <si>
    <t>01/21/2020 19:44:07</t>
  </si>
  <si>
    <t>01/21/2020 19:44:11</t>
  </si>
  <si>
    <t>01/21/2020 19:44:15</t>
  </si>
  <si>
    <t>01/21/2020 19:44:25</t>
  </si>
  <si>
    <t>01/21/2020 19:44:29</t>
  </si>
  <si>
    <t>01/21/2020 19:44:33</t>
  </si>
  <si>
    <t>01/21/2020 19:44:37</t>
  </si>
  <si>
    <t>01/21/2020 19:44:41</t>
  </si>
  <si>
    <t>01/21/2020 19:44:50</t>
  </si>
  <si>
    <t>01/21/2020 19:44:54</t>
  </si>
  <si>
    <t>01/21/2020 19:44:58</t>
  </si>
  <si>
    <t>01/21/2020 19:45:02</t>
  </si>
  <si>
    <t>01/21/2020 19:45:06</t>
  </si>
  <si>
    <t>01/21/2020 19:45:11</t>
  </si>
  <si>
    <t>01/21/2020 19:45:15</t>
  </si>
  <si>
    <t>01/21/2020 19:45:19</t>
  </si>
  <si>
    <t>01/21/2020 19:45:23</t>
  </si>
  <si>
    <t>01/21/2020 19:45:27</t>
  </si>
  <si>
    <t>01/21/2020 19:45:31</t>
  </si>
  <si>
    <t>01/21/2020 19:45:35</t>
  </si>
  <si>
    <t>01/21/2020 19:45:39</t>
  </si>
  <si>
    <t>01/21/2020 19:45:44</t>
  </si>
  <si>
    <t>01/21/2020 19:45:49</t>
  </si>
  <si>
    <t>01/21/2020 19:45:50</t>
  </si>
  <si>
    <t>01/21/2020 19:45:51</t>
  </si>
  <si>
    <t>01/21/2020 19:45:52</t>
  </si>
  <si>
    <t>01/21/2020 19:45:56</t>
  </si>
  <si>
    <t>01/21/2020 19:46:01</t>
  </si>
  <si>
    <t>01/21/2020 19:46:05</t>
  </si>
  <si>
    <t>01/21/2020 19:46:09</t>
  </si>
  <si>
    <t>01/21/2020 19:46:13</t>
  </si>
  <si>
    <t>01/21/2020 19:46:17</t>
  </si>
  <si>
    <t>01/21/2020 19:46:21</t>
  </si>
  <si>
    <t>01/21/2020 19:46:25</t>
  </si>
  <si>
    <t>01/21/2020 19:46:29</t>
  </si>
  <si>
    <t>01/21/2020 19:46:34</t>
  </si>
  <si>
    <t>01/21/2020 19:46:38</t>
  </si>
  <si>
    <t>01/21/2020 19:46:42</t>
  </si>
  <si>
    <t>01/21/2020 19:46:46</t>
  </si>
  <si>
    <t>01/21/2020 19:46:50</t>
  </si>
  <si>
    <t>01/21/2020 19:46:55</t>
  </si>
  <si>
    <t>01/21/2020 19:46:59</t>
  </si>
  <si>
    <t>01/21/2020 19:47:03</t>
  </si>
  <si>
    <t>01/21/2020 19:47:07</t>
  </si>
  <si>
    <t>01/21/2020 19:47:11</t>
  </si>
  <si>
    <t>01/21/2020 19:47:15</t>
  </si>
  <si>
    <t>01/21/2020 19:47:19</t>
  </si>
  <si>
    <t>01/21/2020 19:47:23</t>
  </si>
  <si>
    <t>01/21/2020 19:47:27</t>
  </si>
  <si>
    <t>01/21/2020 19:47:32</t>
  </si>
  <si>
    <t>01/21/2020 19:47:36</t>
  </si>
  <si>
    <t>01/21/2020 19:47:40</t>
  </si>
  <si>
    <t>01/21/2020 19:47:44</t>
  </si>
  <si>
    <t>01/21/2020 19:47:48</t>
  </si>
  <si>
    <t>01/21/2020 19:47:52</t>
  </si>
  <si>
    <t>01/21/2020 19:47:56</t>
  </si>
  <si>
    <t>01/21/2020 19:48:00</t>
  </si>
  <si>
    <t>01/21/2020 19:48:04</t>
  </si>
  <si>
    <t>01/21/2020 19:48:09</t>
  </si>
  <si>
    <t>01/21/2020 19:48:11</t>
  </si>
  <si>
    <t>01/21/2020 19:48:13</t>
  </si>
  <si>
    <t>01/21/2020 19:50:33</t>
  </si>
  <si>
    <t>01/21/2020 19:47:12</t>
  </si>
  <si>
    <t>01/21/2020 19:51:33</t>
  </si>
  <si>
    <t>01/21/2020 19:50:12</t>
  </si>
  <si>
    <t>01/21/2020 19:50:30</t>
  </si>
  <si>
    <t>01/21/2020 19:50:31</t>
  </si>
  <si>
    <t>01/21/2020 19:50:26</t>
  </si>
  <si>
    <t>9b44d503-17b9-42aa-b5cf-60a991137f2a.tmp</t>
  </si>
  <si>
    <t>\\acsfs\profiles$\KARENJSS\Downloads\9b44d503-17b9-42aa-b5cf-60a991137f2a.tmp</t>
  </si>
  <si>
    <t>01/21/2020 19:50:29</t>
  </si>
  <si>
    <t>ab73a2c5-5c30-4b8b-9272-9f02317b1930.tmp</t>
  </si>
  <si>
    <t>\\acsfs\profiles$\KARENJSS\Downloads\ab73a2c5-5c30-4b8b-9272-9f02317b1930.tmp</t>
  </si>
  <si>
    <t>01/21/2020 19:52:33</t>
  </si>
  <si>
    <t>01/21/2020 19:47:37</t>
  </si>
  <si>
    <t>9832035f-5ca6-4503-b34b-db44460e6b22.tmp</t>
  </si>
  <si>
    <t>\\acsfs\profiles$\nathaliaos\Downloads\9832035f-5ca6-4503-b34b-db44460e6b22.tmp</t>
  </si>
  <si>
    <t>01/21/2020 19:48:17</t>
  </si>
  <si>
    <t>01/21/2020 19:53:33</t>
  </si>
  <si>
    <t>01/21/2020 19:48:21</t>
  </si>
  <si>
    <t>01/21/2020 19:48:25</t>
  </si>
  <si>
    <t>01/21/2020 19:48:29</t>
  </si>
  <si>
    <t>01/21/2020 19:48:37</t>
  </si>
  <si>
    <t>01/21/2020 19:48:42</t>
  </si>
  <si>
    <t>01/21/2020 19:48:46</t>
  </si>
  <si>
    <t>01/21/2020 19:48:50</t>
  </si>
  <si>
    <t>01/21/2020 19:48:54</t>
  </si>
  <si>
    <t>01/21/2020 19:48:58</t>
  </si>
  <si>
    <t>01/21/2020 19:49:02</t>
  </si>
  <si>
    <t>01/21/2020 19:49:06</t>
  </si>
  <si>
    <t>01/21/2020 19:49:10</t>
  </si>
  <si>
    <t>01/21/2020 19:49:14</t>
  </si>
  <si>
    <t>01/21/2020 19:49:19</t>
  </si>
  <si>
    <t>01/21/2020 19:49:23</t>
  </si>
  <si>
    <t>01/21/2020 19:49:27</t>
  </si>
  <si>
    <t>01/21/2020 19:49:31</t>
  </si>
  <si>
    <t>01/21/2020 19:49:35</t>
  </si>
  <si>
    <t>01/21/2020 19:49:39</t>
  </si>
  <si>
    <t>01/21/2020 19:49:43</t>
  </si>
  <si>
    <t>01/21/2020 19:49:47</t>
  </si>
  <si>
    <t>01/21/2020 19:49:51</t>
  </si>
  <si>
    <t>01/21/2020 19:49:55</t>
  </si>
  <si>
    <t>01/21/2020 19:49:56</t>
  </si>
  <si>
    <t>01/21/2020 19:50:00</t>
  </si>
  <si>
    <t>01/21/2020 19:50:04</t>
  </si>
  <si>
    <t>01/21/2020 19:50:08</t>
  </si>
  <si>
    <t>01/21/2020 19:50:16</t>
  </si>
  <si>
    <t>01/21/2020 19:50:20</t>
  </si>
  <si>
    <t>01/21/2020 19:50:24</t>
  </si>
  <si>
    <t>01/21/2020 19:50:28</t>
  </si>
  <si>
    <t>01/21/2020 19:50:32</t>
  </si>
  <si>
    <t>01/21/2020 19:50:37</t>
  </si>
  <si>
    <t>01/21/2020 19:50:41</t>
  </si>
  <si>
    <t>01/21/2020 19:50:46</t>
  </si>
  <si>
    <t>01/21/2020 19:50:50</t>
  </si>
  <si>
    <t>01/21/2020 19:50:54</t>
  </si>
  <si>
    <t>01/21/2020 19:50:58</t>
  </si>
  <si>
    <t>01/21/2020 19:51:02</t>
  </si>
  <si>
    <t>01/21/2020 19:51:06</t>
  </si>
  <si>
    <t>01/21/2020 19:51:10</t>
  </si>
  <si>
    <t>01/21/2020 19:51:14</t>
  </si>
  <si>
    <t>01/21/2020 19:51:18</t>
  </si>
  <si>
    <t>01/21/2020 19:51:22</t>
  </si>
  <si>
    <t>01/21/2020 19:51:26</t>
  </si>
  <si>
    <t>01/21/2020 19:51:30</t>
  </si>
  <si>
    <t>01/21/2020 19:51:35</t>
  </si>
  <si>
    <t>01/21/2020 19:51:39</t>
  </si>
  <si>
    <t>01/21/2020 19:51:43</t>
  </si>
  <si>
    <t>01/21/2020 19:51:47</t>
  </si>
  <si>
    <t>01/21/2020 19:51:51</t>
  </si>
  <si>
    <t>01/21/2020 19:51:55</t>
  </si>
  <si>
    <t>01/21/2020 19:51:59</t>
  </si>
  <si>
    <t>01/21/2020 19:52:03</t>
  </si>
  <si>
    <t>01/21/2020 19:52:07</t>
  </si>
  <si>
    <t>01/21/2020 19:52:12</t>
  </si>
  <si>
    <t>01/21/2020 19:52:16</t>
  </si>
  <si>
    <t>01/21/2020 19:52:20</t>
  </si>
  <si>
    <t>01/21/2020 19:52:24</t>
  </si>
  <si>
    <t>01/21/2020 19:52:28</t>
  </si>
  <si>
    <t>01/21/2020 19:52:32</t>
  </si>
  <si>
    <t>01/21/2020 19:52:36</t>
  </si>
  <si>
    <t>01/21/2020 19:52:40</t>
  </si>
  <si>
    <t>01/21/2020 19:52:44</t>
  </si>
  <si>
    <t>01/21/2020 19:52:49</t>
  </si>
  <si>
    <t>01/21/2020 19:52:53</t>
  </si>
  <si>
    <t>01/21/2020 19:52:57</t>
  </si>
  <si>
    <t>01/21/2020 19:53:01</t>
  </si>
  <si>
    <t>01/21/2020 19:53:05</t>
  </si>
  <si>
    <t>01/21/2020 19:53:09</t>
  </si>
  <si>
    <t>01/21/2020 19:53:13</t>
  </si>
  <si>
    <t>01/21/2020 19:53:18</t>
  </si>
  <si>
    <t>01/21/2020 19:55:33</t>
  </si>
  <si>
    <t>01/21/2020 19:52:22</t>
  </si>
  <si>
    <t>01/21/2020 19:56:33</t>
  </si>
  <si>
    <t>1a768ee7-a753-4d75-a11f-7bc0d09c0648.tmp</t>
  </si>
  <si>
    <t>\\acsfs\profiles$\KARENJSS\Downloads\1a768ee7-a753-4d75-a11f-7bc0d09c0648.tmp</t>
  </si>
  <si>
    <t>01/21/2020 19:54:32</t>
  </si>
  <si>
    <t>01/21/2020 19:58:33</t>
  </si>
  <si>
    <t>01/21/2020 19:53:22</t>
  </si>
  <si>
    <t>01/21/2020 19:53:27</t>
  </si>
  <si>
    <t>01/21/2020 19:53:31</t>
  </si>
  <si>
    <t>01/21/2020 19:53:35</t>
  </si>
  <si>
    <t>01/21/2020 19:53:39</t>
  </si>
  <si>
    <t>01/21/2020 19:53:43</t>
  </si>
  <si>
    <t>01/21/2020 19:53:47</t>
  </si>
  <si>
    <t>01/21/2020 19:53:51</t>
  </si>
  <si>
    <t>01/21/2020 19:53:55</t>
  </si>
  <si>
    <t>01/21/2020 19:53:59</t>
  </si>
  <si>
    <t>01/21/2020 19:54:03</t>
  </si>
  <si>
    <t>01/21/2020 19:54:08</t>
  </si>
  <si>
    <t>01/21/2020 19:54:12</t>
  </si>
  <si>
    <t>01/21/2020 19:54:16</t>
  </si>
  <si>
    <t>01/21/2020 19:54:20</t>
  </si>
  <si>
    <t>01/21/2020 19:54:24</t>
  </si>
  <si>
    <t>01/21/2020 19:54:28</t>
  </si>
  <si>
    <t>01/21/2020 19:54:36</t>
  </si>
  <si>
    <t>01/21/2020 19:54:40</t>
  </si>
  <si>
    <t>01/21/2020 19:54:45</t>
  </si>
  <si>
    <t>01/21/2020 19:54:49</t>
  </si>
  <si>
    <t>01/21/2020 19:54:53</t>
  </si>
  <si>
    <t>01/21/2020 19:54:57</t>
  </si>
  <si>
    <t>01/21/2020 19:55:01</t>
  </si>
  <si>
    <t>01/21/2020 19:55:05</t>
  </si>
  <si>
    <t>01/21/2020 19:55:09</t>
  </si>
  <si>
    <t>01/21/2020 19:55:13</t>
  </si>
  <si>
    <t>01/21/2020 19:55:18</t>
  </si>
  <si>
    <t>01/21/2020 19:55:22</t>
  </si>
  <si>
    <t>01/21/2020 19:55:27</t>
  </si>
  <si>
    <t>01/21/2020 19:55:31</t>
  </si>
  <si>
    <t>01/21/2020 19:55:35</t>
  </si>
  <si>
    <t>01/21/2020 19:55:39</t>
  </si>
  <si>
    <t>01/21/2020 19:55:43</t>
  </si>
  <si>
    <t>01/21/2020 19:55:45</t>
  </si>
  <si>
    <t>01/21/2020 19:55:47</t>
  </si>
  <si>
    <t>01/21/2020 19:55:51</t>
  </si>
  <si>
    <t>01/21/2020 19:55:55</t>
  </si>
  <si>
    <t>01/21/2020 19:55:56</t>
  </si>
  <si>
    <t>01/21/2020 19:56:00</t>
  </si>
  <si>
    <t>01/21/2020 19:56:04</t>
  </si>
  <si>
    <t>01/21/2020 19:56:08</t>
  </si>
  <si>
    <t>01/21/2020 19:56:12</t>
  </si>
  <si>
    <t>01/21/2020 19:56:16</t>
  </si>
  <si>
    <t>01/21/2020 19:56:20</t>
  </si>
  <si>
    <t>01/21/2020 19:56:24</t>
  </si>
  <si>
    <t>01/21/2020 19:56:28</t>
  </si>
  <si>
    <t>01/21/2020 19:56:32</t>
  </si>
  <si>
    <t>01/21/2020 19:56:37</t>
  </si>
  <si>
    <t>01/21/2020 19:56:41</t>
  </si>
  <si>
    <t>01/21/2020 19:56:45</t>
  </si>
  <si>
    <t>01/21/2020 19:56:49</t>
  </si>
  <si>
    <t>01/21/2020 19:56:53</t>
  </si>
  <si>
    <t>01/21/2020 19:56:57</t>
  </si>
  <si>
    <t>01/21/2020 19:57:01</t>
  </si>
  <si>
    <t>01/21/2020 19:57:05</t>
  </si>
  <si>
    <t>01/21/2020 19:57:10</t>
  </si>
  <si>
    <t>01/21/2020 19:57:14</t>
  </si>
  <si>
    <t>01/21/2020 19:57:18</t>
  </si>
  <si>
    <t>01/21/2020 19:57:22</t>
  </si>
  <si>
    <t>01/21/2020 19:57:26</t>
  </si>
  <si>
    <t>01/21/2020 19:57:30</t>
  </si>
  <si>
    <t>01/21/2020 19:57:34</t>
  </si>
  <si>
    <t>01/21/2020 19:57:38</t>
  </si>
  <si>
    <t>01/21/2020 19:57:42</t>
  </si>
  <si>
    <t>01/21/2020 19:57:46</t>
  </si>
  <si>
    <t>01/21/2020 19:57:51</t>
  </si>
  <si>
    <t>01/21/2020 19:57:55</t>
  </si>
  <si>
    <t>01/21/2020 19:57:59</t>
  </si>
  <si>
    <t>01/21/2020 19:58:03</t>
  </si>
  <si>
    <t>01/21/2020 19:58:07</t>
  </si>
  <si>
    <t>01/21/2020 19:58:11</t>
  </si>
  <si>
    <t>01/21/2020 19:58:15</t>
  </si>
  <si>
    <t>01/21/2020 19:58:19</t>
  </si>
  <si>
    <t>01/21/2020 19:58:23</t>
  </si>
  <si>
    <t>01/21/2020 19:56:39</t>
  </si>
  <si>
    <t>01/21/2020 19:59:33</t>
  </si>
  <si>
    <t>01/21/2020 20:00:33</t>
  </si>
  <si>
    <t>01/21/2020 20:01:34</t>
  </si>
  <si>
    <t>01/21/2020 19:58:28</t>
  </si>
  <si>
    <t>01/21/2020 20:03:34</t>
  </si>
  <si>
    <t>01/21/2020 19:58:32</t>
  </si>
  <si>
    <t>01/21/2020 19:58:36</t>
  </si>
  <si>
    <t>01/21/2020 19:58:40</t>
  </si>
  <si>
    <t>01/21/2020 19:58:44</t>
  </si>
  <si>
    <t>01/21/2020 19:58:48</t>
  </si>
  <si>
    <t>01/21/2020 19:58:52</t>
  </si>
  <si>
    <t>01/21/2020 19:58:56</t>
  </si>
  <si>
    <t>01/21/2020 19:59:00</t>
  </si>
  <si>
    <t>01/21/2020 19:59:05</t>
  </si>
  <si>
    <t>01/21/2020 19:59:07</t>
  </si>
  <si>
    <t>01/21/2020 19:59:08</t>
  </si>
  <si>
    <t>01/21/2020 20:04:33</t>
  </si>
  <si>
    <t>01/21/2020 20:01:56</t>
  </si>
  <si>
    <t>01/21/2020 20:03:27</t>
  </si>
  <si>
    <t>01/21/2020 20:05:34</t>
  </si>
  <si>
    <t>01/21/2020 20:06:34</t>
  </si>
  <si>
    <t>01/21/2020 20:02:11</t>
  </si>
  <si>
    <t>01/21/2020 20:02:12</t>
  </si>
  <si>
    <t>lu5123671lbrd.tmp</t>
  </si>
  <si>
    <t>\\acsfs\profiles$\LUCASBS\RENEG BV\Consolidado\lu5123671lbrd.tmp</t>
  </si>
  <si>
    <t>\\acsfs\profiles$\LUCASBS\RENEG BV\Consolidado\lu5123671lbrd.tmp\</t>
  </si>
  <si>
    <t>\\acsfs\profiles$\LUCASBS\RENEG BV\Consolidado\lu5123671lbrd.tmp\META-INF\</t>
  </si>
  <si>
    <t>\\acsfs\profiles$\LUCASBS\RENEG BV\Consolidado\lu5123671lbrd.tmp\Thumbnails\</t>
  </si>
  <si>
    <t>01/21/2020 20:05:46</t>
  </si>
  <si>
    <t>01/21/2020 20:05:47</t>
  </si>
  <si>
    <t>lu5123671lbri.tmp</t>
  </si>
  <si>
    <t>\\acsfs\profiles$\LUCASBS\RENEG BV\Consolidado\lu5123671lbri.tmp</t>
  </si>
  <si>
    <t>\\acsfs\profiles$\LUCASBS\RENEG BV\Consolidado\lu5123671lbri.tmp\</t>
  </si>
  <si>
    <t>\\acsfs\profiles$\LUCASBS\RENEG BV\Consolidado\lu5123671lbri.tmp\META-INF\</t>
  </si>
  <si>
    <t>\\acsfs\profiles$\LUCASBS\RENEG BV\Consolidado\lu5123671lbri.tmp\Thumbnails\</t>
  </si>
  <si>
    <t>01/21/2020 20:07:33</t>
  </si>
  <si>
    <t>01/21/2020 20:04:00</t>
  </si>
  <si>
    <t>01/21/2020 20:04:56</t>
  </si>
  <si>
    <t>01/21/2020 20:09:33</t>
  </si>
  <si>
    <t>01/21/2020 20:07:56</t>
  </si>
  <si>
    <t>01/21/2020 20:10:33</t>
  </si>
  <si>
    <t>01/21/2020 20:10:34</t>
  </si>
  <si>
    <t>01/21/2020 20:06:33</t>
  </si>
  <si>
    <t>01/21/2020 20:11:33</t>
  </si>
  <si>
    <t>lu5123671lbrn.tmp</t>
  </si>
  <si>
    <t>\\acsfs\profiles$\LUCASBS\RENEG BV\Consolidado\lu5123671lbrn.tmp</t>
  </si>
  <si>
    <t>\\acsfs\profiles$\LUCASBS\RENEG BV\Consolidado\lu5123671lbrn.tmp\</t>
  </si>
  <si>
    <t>\\acsfs\profiles$\LUCASBS\RENEG BV\Consolidado\lu5123671lbrn.tmp\META-INF\</t>
  </si>
  <si>
    <t>\\acsfs\profiles$\LUCASBS\RENEG BV\Consolidado\lu5123671lbrn.tmp\Thumbnails\</t>
  </si>
  <si>
    <t>01/21/2020 20:06:49</t>
  </si>
  <si>
    <t>lu5123671lbrs.tmp</t>
  </si>
  <si>
    <t>\\acsfs\profiles$\LUCASBS\RENEG BV\Consolidado\lu5123671lbrs.tmp</t>
  </si>
  <si>
    <t>\\acsfs\profiles$\LUCASBS\RENEG BV\Consolidado\lu5123671lbrs.tmp\</t>
  </si>
  <si>
    <t>\\acsfs\profiles$\LUCASBS\RENEG BV\Consolidado\lu5123671lbrs.tmp\META-INF\</t>
  </si>
  <si>
    <t>\\acsfs\profiles$\LUCASBS\RENEG BV\Consolidado\lu5123671lbrs.tmp\Thumbnails\</t>
  </si>
  <si>
    <t>01/21/2020 20:08:12</t>
  </si>
  <si>
    <t>01/21/2020 20:10:56</t>
  </si>
  <si>
    <t>01/21/2020 20:14:33</t>
  </si>
  <si>
    <t>01/21/2020 20:11:23</t>
  </si>
  <si>
    <t>01/21/2020 20:15:33</t>
  </si>
  <si>
    <t>01/21/2020 20:14:12</t>
  </si>
  <si>
    <t>01/21/2020 20:16:33</t>
  </si>
  <si>
    <t>01/21/2020 20:12:40</t>
  </si>
  <si>
    <t>01/21/2020 20:17:33</t>
  </si>
  <si>
    <t>01/21/2020 20:12:47</t>
  </si>
  <si>
    <t>01/21/2020 20:12:58</t>
  </si>
  <si>
    <t>01/21/2020 20:13:16</t>
  </si>
  <si>
    <t>01/21/2020 20:15:01</t>
  </si>
  <si>
    <t>image2020-01-21-194331.pdf</t>
  </si>
  <si>
    <t>01/21/2020 20:13:56</t>
  </si>
  <si>
    <t>01/21/2020 20:19:33</t>
  </si>
  <si>
    <t>01/21/2020 20:16:56</t>
  </si>
  <si>
    <t>01/21/2020 20:20:33</t>
  </si>
  <si>
    <t>01/21/2020 20:20:12</t>
  </si>
  <si>
    <t>01/21/2020 20:21:34</t>
  </si>
  <si>
    <t>01/21/2020 20:18:54</t>
  </si>
  <si>
    <t>01/21/2020 20:24:33</t>
  </si>
  <si>
    <t>01/21/2020 20:19:56</t>
  </si>
  <si>
    <t>01/21/2020 20:22:56</t>
  </si>
  <si>
    <t>01/21/2020 20:25:33</t>
  </si>
  <si>
    <t>01/21/2020 20:23:39</t>
  </si>
  <si>
    <t>01/21/2020 20:26:34</t>
  </si>
  <si>
    <t>01/21/2020 20:23:40</t>
  </si>
  <si>
    <t>01/21/2020 20:25:56</t>
  </si>
  <si>
    <t>01/21/2020 20:29:33</t>
  </si>
  <si>
    <t>01/21/2020 20:26:25</t>
  </si>
  <si>
    <t>01/21/2020 20:30:33</t>
  </si>
  <si>
    <t>01/21/2020 20:30:34</t>
  </si>
  <si>
    <t>01/21/2020 20:26:12</t>
  </si>
  <si>
    <t>01/21/2020 20:31:33</t>
  </si>
  <si>
    <t>01/21/2020 20:29:12</t>
  </si>
  <si>
    <t>01/21/2020 20:28:56</t>
  </si>
  <si>
    <t>01/21/2020 20:34:33</t>
  </si>
  <si>
    <t>01/21/2020 20:29:04</t>
  </si>
  <si>
    <t>01/21/2020 20:29:05</t>
  </si>
  <si>
    <t>01/21/2020 20:29:06</t>
  </si>
  <si>
    <t>01/21/2020 20:31:57</t>
  </si>
  <si>
    <t>01/21/2020 20:35:33</t>
  </si>
  <si>
    <t>01/21/2020 20:32:12</t>
  </si>
  <si>
    <t>01/21/2020 20:36:34</t>
  </si>
  <si>
    <t>01/21/2020 20:35:12</t>
  </si>
  <si>
    <t>01/21/2020 20:33:27</t>
  </si>
  <si>
    <t>01/21/2020 20:38:33</t>
  </si>
  <si>
    <t>1117704b-d551-41f3-bef4-13813f6fdbc7.tmp</t>
  </si>
  <si>
    <t>\\acsfs\profiles$\edicarlosdl\Downloads\1117704b-d551-41f3-bef4-13813f6fdbc7.tmp</t>
  </si>
  <si>
    <t>01/21/2020 20:34:19</t>
  </si>
  <si>
    <t>01/21/2020 20:39:34</t>
  </si>
  <si>
    <t>01/21/2020 20:34:56</t>
  </si>
  <si>
    <t>01/21/2020 20:37:56</t>
  </si>
  <si>
    <t>01/21/2020 20:40:33</t>
  </si>
  <si>
    <t>01/21/2020 20:38:12</t>
  </si>
  <si>
    <t>01/21/2020 20:41:34</t>
  </si>
  <si>
    <t>01/21/2020 20:39:43</t>
  </si>
  <si>
    <t>01/21/2020 20:42:33</t>
  </si>
  <si>
    <t>4ddf4e2e-a0ba-435f-a14e-4d9b7b7da5d0.tmp</t>
  </si>
  <si>
    <t>\\acsfs\profiles$\Angelicacldr\Downloads\4ddf4e2e-a0ba-435f-a14e-4d9b7b7da5d0.tmp</t>
  </si>
  <si>
    <t>01/21/2020 20:41:27</t>
  </si>
  <si>
    <t>\\acsfs\profiles$\Angelicacldr\My Documents\xworkcenter\logs\</t>
  </si>
  <si>
    <t>XLOG_Angelicacldr_13012020_084547.log</t>
  </si>
  <si>
    <t>\\acsfs\profiles$\Angelicacldr\My Documents\xworkcenter\logs\XLOG_Angelicacldr_13012020_084547.log</t>
  </si>
  <si>
    <t>01/21/2020 20:40:56</t>
  </si>
  <si>
    <t>01/21/2020 20:44:33</t>
  </si>
  <si>
    <t>01/21/2020 20:42:15</t>
  </si>
  <si>
    <t>01/21/2020 20:45:33</t>
  </si>
  <si>
    <t>01/21/2020 20:41:12</t>
  </si>
  <si>
    <t>01/21/2020 20:46:33</t>
  </si>
  <si>
    <t>01/21/2020 20:44:12</t>
  </si>
  <si>
    <t>01/21/2020 20:47:33</t>
  </si>
  <si>
    <t>01/21/2020 20:45:20</t>
  </si>
  <si>
    <t>24133f97-1232-4e2e-a6e5-4d7f26f5133c.tmp</t>
  </si>
  <si>
    <t>\\acsfs\profiles$\Angelicacldr\Downloads\24133f97-1232-4e2e-a6e5-4d7f26f5133c.tmp</t>
  </si>
  <si>
    <t>01/21/2020 20:49:33</t>
  </si>
  <si>
    <t>01/21/2020 20:43:56</t>
  </si>
  <si>
    <t>01/21/2020 20:46:56</t>
  </si>
  <si>
    <t>01/21/2020 20:50:33</t>
  </si>
  <si>
    <t>01/21/2020 20:47:12</t>
  </si>
  <si>
    <t>01/21/2020 20:51:33</t>
  </si>
  <si>
    <t>01/21/2020 20:49:17</t>
  </si>
  <si>
    <t>01/21/2020 20:50:12</t>
  </si>
  <si>
    <t>01/21/2020 20:47:22</t>
  </si>
  <si>
    <t>01/21/2020 20:52:33</t>
  </si>
  <si>
    <t>8d6b794b-af97-4ac1-83c0-1766746e7096.tmp</t>
  </si>
  <si>
    <t>\\acsfs\profiles$\Angelicacldr\Downloads\8d6b794b-af97-4ac1-83c0-1766746e7096.tmp</t>
  </si>
  <si>
    <t>01/21/2020 20:50:35</t>
  </si>
  <si>
    <t>1487cf92-c1f9-46a2-83e0-03136ba8dba3.tmp</t>
  </si>
  <si>
    <t>\\acsfs\profiles$\fabianobmf\Downloads\1487cf92-c1f9-46a2-83e0-03136ba8dba3.tmp</t>
  </si>
  <si>
    <t>01/21/2020 20:49:08</t>
  </si>
  <si>
    <t>01/21/2020 20:54:33</t>
  </si>
  <si>
    <t>01/21/2020 20:49:56</t>
  </si>
  <si>
    <t>01/21/2020 20:52:56</t>
  </si>
  <si>
    <t>01/21/2020 20:55:33</t>
  </si>
  <si>
    <t>01/21/2020 20:55:12</t>
  </si>
  <si>
    <t>01/21/2020 20:56:33</t>
  </si>
  <si>
    <t>01/21/2020 20:57:34</t>
  </si>
  <si>
    <t>01/21/2020 20:56:43</t>
  </si>
  <si>
    <t>XLOG_anakcs_21012020_125717.log</t>
  </si>
  <si>
    <t>\\acsfs\profiles$\anakcs\My Documents\xworkcenter\logs\XLOG_anakcs_21012020_125717.log</t>
  </si>
  <si>
    <t>01/21/2020 20:56:45</t>
  </si>
  <si>
    <t>\\acsfs\profiles$\anakcs\My Documents\xworkcenter\logs\wrapper.log</t>
  </si>
  <si>
    <t>01/21/2020 20:56:47</t>
  </si>
  <si>
    <t>\\acsfs\profiles$\anakcs\My Documents\</t>
  </si>
  <si>
    <t>Anotações.txt</t>
  </si>
  <si>
    <t>\\acsfs\profiles$\anakcs\My Documents\Anotações.txt</t>
  </si>
  <si>
    <t>01/21/2020 20:54:56</t>
  </si>
  <si>
    <t>2866ab4d-b8a6-4419-904d-ec398c63afb4.tmp</t>
  </si>
  <si>
    <t>\\acsfs\profiles$\Adrieledgc\Downloads\2866ab4d-b8a6-4419-904d-ec398c63afb4.tmp</t>
  </si>
  <si>
    <t>01/21/2020 20:55:56</t>
  </si>
  <si>
    <t>01/21/2020 20:59:34</t>
  </si>
  <si>
    <t>01/21/2020 20:57:14</t>
  </si>
  <si>
    <t>01/21/2020 21:00:33</t>
  </si>
  <si>
    <t>01/21/2020 20:56:12</t>
  </si>
  <si>
    <t>01/21/2020 21:01:34</t>
  </si>
  <si>
    <t>01/21/2020 20:58:57</t>
  </si>
  <si>
    <t>01/21/2020 21:04:34</t>
  </si>
  <si>
    <t>01/21/2020 21:01:57</t>
  </si>
  <si>
    <t>01/21/2020 21:05:33</t>
  </si>
  <si>
    <t>01/21/2020 21:01:12</t>
  </si>
  <si>
    <t>01/21/2020 21:06:33</t>
  </si>
  <si>
    <t>01/21/2020 21:02:12</t>
  </si>
  <si>
    <t>01/21/2020 21:04:52</t>
  </si>
  <si>
    <t>01/21/2020 21:07:33</t>
  </si>
  <si>
    <t>01/21/2020 21:07:18</t>
  </si>
  <si>
    <t>87e469f5-0488-4df3-9779-b27485cc3d4e.tmp</t>
  </si>
  <si>
    <t>\\acsfs\profiles$\layonmof\Downloads\87e469f5-0488-4df3-9779-b27485cc3d4e.tmp</t>
  </si>
  <si>
    <t>01/21/2020 21:04:57</t>
  </si>
  <si>
    <t>01/21/2020 21:09:34</t>
  </si>
  <si>
    <t>01/21/2020 21:07:57</t>
  </si>
  <si>
    <t>01/21/2020 21:10:33</t>
  </si>
  <si>
    <t>01/21/2020 21:07:12</t>
  </si>
  <si>
    <t>01/21/2020 21:11:33</t>
  </si>
  <si>
    <t>01/21/2020 21:08:12</t>
  </si>
  <si>
    <t>01/21/2020 21:10:57</t>
  </si>
  <si>
    <t>01/21/2020 21:14:34</t>
  </si>
  <si>
    <t>01/21/2020 21:12:28</t>
  </si>
  <si>
    <t>01/21/2020 21:15:33</t>
  </si>
  <si>
    <t>01/21/2020 21:13:12</t>
  </si>
  <si>
    <t>01/21/2020 21:16:33</t>
  </si>
  <si>
    <t>01/21/2020 21:14:12</t>
  </si>
  <si>
    <t>01/21/2020 21:14:23</t>
  </si>
  <si>
    <t>01/21/2020 21:17:33</t>
  </si>
  <si>
    <t>ulog_AcroARM2_Reader_3b8210f9-3618-47e4-b9cc-5aaaba62831a_54eda7c1-f451-41c9-b4d7-3cfb023f1890_0.log</t>
  </si>
  <si>
    <t>C:\Users\flaviacno\AppData\Roaming\Adobe\LogTransport2\Logs\ulog_AcroARM2_Reader_3b8210f9-3618-47e4-b9cc-5aaaba62831a_54eda7c1-f451-41c9-b4d7-3cfb023f1890_0.log\</t>
  </si>
  <si>
    <t>01/21/2020 21:13:57</t>
  </si>
  <si>
    <t>01/21/2020 21:19:33</t>
  </si>
  <si>
    <t>01/21/2020 21:16:57</t>
  </si>
  <si>
    <t>01/21/2020 21:20:34</t>
  </si>
  <si>
    <t>01/21/2020 21:21:33</t>
  </si>
  <si>
    <t>01/21/2020 21:19:12</t>
  </si>
  <si>
    <t>01/21/2020 21:20:13</t>
  </si>
  <si>
    <t>01/21/2020 21:19:57</t>
  </si>
  <si>
    <t>01/21/2020 21:24:33</t>
  </si>
  <si>
    <t>01/21/2020 21:20:27</t>
  </si>
  <si>
    <t>01/21/2020 21:22:57</t>
  </si>
  <si>
    <t>01/21/2020 21:25:34</t>
  </si>
  <si>
    <t>01/21/2020 21:26:33</t>
  </si>
  <si>
    <t>01/21/2020 21:23:22</t>
  </si>
  <si>
    <t>01/21/2020 21:25:57</t>
  </si>
  <si>
    <t>01/21/2020 21:29:34</t>
  </si>
  <si>
    <t>01/21/2020 21:28:10</t>
  </si>
  <si>
    <t>01/21/2020 21:30:33</t>
  </si>
  <si>
    <t>01/21/2020 21:26:12</t>
  </si>
  <si>
    <t>01/21/2020 21:31:33</t>
  </si>
  <si>
    <t>01/21/2020 21:29:12</t>
  </si>
  <si>
    <t>01/21/2020 21:28:57</t>
  </si>
  <si>
    <t>01/21/2020 21:34:33</t>
  </si>
  <si>
    <t>01/21/2020 21:31:58</t>
  </si>
  <si>
    <t>01/21/2020 21:35:33</t>
  </si>
  <si>
    <t>01/21/2020 21:32:12</t>
  </si>
  <si>
    <t>01/21/2020 21:36:33</t>
  </si>
  <si>
    <t>01/21/2020 21:35:12</t>
  </si>
  <si>
    <t>01/21/2020 21:32:02</t>
  </si>
  <si>
    <t>b4a6cbdc-7eda-4c4c-8871-9d53940f9a7b.tmp</t>
  </si>
  <si>
    <t>\\acsfs\profiles$\ROBERTM\Downloads\b4a6cbdc-7eda-4c4c-8871-9d53940f9a7b.tmp</t>
  </si>
  <si>
    <t>01/21/2020 21:33:00</t>
  </si>
  <si>
    <t>df3e21f5-15b0-4000-9976-bfb04ebbe69e.tmp</t>
  </si>
  <si>
    <t>\\acsfs\profiles$\ROBERTM\Downloads\df3e21f5-15b0-4000-9976-bfb04ebbe69e.tmp</t>
  </si>
  <si>
    <t>01/21/2020 21:36:20</t>
  </si>
  <si>
    <t>01/21/2020 21:37:34</t>
  </si>
  <si>
    <t>1b8c950f-65d8-404f-8cc6-d4a6b0405dc5.tmp</t>
  </si>
  <si>
    <t>\\acsfs\profiles$\nathaliaos\Downloads\1b8c950f-65d8-404f-8cc6-d4a6b0405dc5.tmp</t>
  </si>
  <si>
    <t>01/21/2020 21:38:33</t>
  </si>
  <si>
    <t>01/21/2020 21:37:23</t>
  </si>
  <si>
    <t>124257f0-970f-4be0-830c-68d09071c9e9.tmp</t>
  </si>
  <si>
    <t>\\acsfs\profiles$\nycolleemdj\Downloads\124257f0-970f-4be0-830c-68d09071c9e9.tmp</t>
  </si>
  <si>
    <t>01/21/2020 21:34:10</t>
  </si>
  <si>
    <t>01/21/2020 21:39:34</t>
  </si>
  <si>
    <t>01/21/2020 21:34:57</t>
  </si>
  <si>
    <t>01/21/2020 21:37:57</t>
  </si>
  <si>
    <t>01/21/2020 21:40:33</t>
  </si>
  <si>
    <t>01/21/2020 21:38:12</t>
  </si>
  <si>
    <t>01/21/2020 21:41:33</t>
  </si>
  <si>
    <t>01/21/2020 21:41:12</t>
  </si>
  <si>
    <t>01/21/2020 21:40:57</t>
  </si>
  <si>
    <t>01/21/2020 21:44:33</t>
  </si>
  <si>
    <t>01/21/2020 21:42:16</t>
  </si>
  <si>
    <t>01/21/2020 21:45:33</t>
  </si>
  <si>
    <t>01/21/2020 21:44:12</t>
  </si>
  <si>
    <t>01/21/2020 21:46:34</t>
  </si>
  <si>
    <t>d40d7512-12fc-4cbc-be5c-80b00d501ea7.tmp</t>
  </si>
  <si>
    <t>\\acsfs\profiles$\ROBERTM\Downloads\d40d7512-12fc-4cbc-be5c-80b00d501ea7.tmp</t>
  </si>
  <si>
    <t>01/21/2020 21:44:00</t>
  </si>
  <si>
    <t>c82eb246-feb9-4a1c-bbf0-16353490d7a2.tmp</t>
  </si>
  <si>
    <t>\\acsfs\profiles$\ROBERTM\Downloads\c82eb246-feb9-4a1c-bbf0-16353490d7a2.tmp</t>
  </si>
  <si>
    <t>01/21/2020 21:43:57</t>
  </si>
  <si>
    <t>01/21/2020 21:49:33</t>
  </si>
  <si>
    <t>01/21/2020 21:46:57</t>
  </si>
  <si>
    <t>01/21/2020 21:50:34</t>
  </si>
  <si>
    <t>01/21/2020 21:51:33</t>
  </si>
  <si>
    <t>01/21/2020 21:47:12</t>
  </si>
  <si>
    <t>01/21/2020 21:50:12</t>
  </si>
  <si>
    <t>01/21/2020 21:49:57</t>
  </si>
  <si>
    <t>01/21/2020 21:54:33</t>
  </si>
  <si>
    <t>01/21/2020 21:52:57</t>
  </si>
  <si>
    <t>01/21/2020 21:49:48</t>
  </si>
  <si>
    <t>MARCOS VINICIUS NARCIZO DA SILVA (29131).contact</t>
  </si>
  <si>
    <t>\\acsfs\profiles$\marcosvnds\Contacts\MARCOS VINICIUS NARCIZO DA SILVA (29131).contact</t>
  </si>
  <si>
    <t>01/21/2020 21:50:00</t>
  </si>
  <si>
    <t>01/21/2020 21:50:01</t>
  </si>
  <si>
    <t>01/21/2020 21:50:02</t>
  </si>
  <si>
    <t>01/21/2020 21:50:03</t>
  </si>
  <si>
    <t>01/21/2020 21:50:04</t>
  </si>
  <si>
    <t>01/21/2020 21:50:05</t>
  </si>
  <si>
    <t>01/21/2020 21:50:06</t>
  </si>
  <si>
    <t>01/21/2020 21:50:07</t>
  </si>
  <si>
    <t>01/21/2020 21:50:08</t>
  </si>
  <si>
    <t>01/21/2020 21:50:20</t>
  </si>
  <si>
    <t>01/21/2020 21:50:21</t>
  </si>
  <si>
    <t>01/21/2020 21:55:34</t>
  </si>
  <si>
    <t>01/21/2020 21:53:13</t>
  </si>
  <si>
    <t>01/21/2020 21:56:33</t>
  </si>
  <si>
    <t>01/21/2020 21:56:13</t>
  </si>
  <si>
    <t>01/21/2020 21:58:33</t>
  </si>
  <si>
    <t>01/21/2020 21:57:57</t>
  </si>
  <si>
    <t>26474a50-24f5-48ab-9cbc-1d40cda505be.tmp</t>
  </si>
  <si>
    <t>\\acsfs\profiles$\nycolleemdj\Downloads\26474a50-24f5-48ab-9cbc-1d40cda505be.tmp</t>
  </si>
  <si>
    <t>01/21/2020 21:55:57</t>
  </si>
  <si>
    <t>01/21/2020 21:59:33</t>
  </si>
  <si>
    <t>01/21/2020 21:57:28</t>
  </si>
  <si>
    <t>01/21/2020 22:00:33</t>
  </si>
  <si>
    <t>01/21/2020 21:59:13</t>
  </si>
  <si>
    <t>01/21/2020 22:01:33</t>
  </si>
  <si>
    <t>01/21/2020 21:59:14</t>
  </si>
  <si>
    <t>01/21/2020 22:02:34</t>
  </si>
  <si>
    <t>01/21/2020 22:00:17</t>
  </si>
  <si>
    <t>XLOG_thaisdss_21012020_135102.log</t>
  </si>
  <si>
    <t>\\acsfs\profiles$\thaisdss\My Documents\xworkcenter\logs\XLOG_thaisdss_21012020_135102.log</t>
  </si>
  <si>
    <t>\\acsfs\profiles$\thaisdss\My Documents\xworkcenter\logs\wrapper.log</t>
  </si>
  <si>
    <t>01/21/2020 21:58:57</t>
  </si>
  <si>
    <t>01/21/2020 22:04:33</t>
  </si>
  <si>
    <t>01/21/2020 22:01:57</t>
  </si>
  <si>
    <t>01/21/2020 22:05:33</t>
  </si>
  <si>
    <t>01/21/2020 22:02:13</t>
  </si>
  <si>
    <t>01/21/2020 22:06:33</t>
  </si>
  <si>
    <t>01/21/2020 22:05:13</t>
  </si>
  <si>
    <t>01/21/2020 22:04:57</t>
  </si>
  <si>
    <t>01/21/2020 22:09:34</t>
  </si>
  <si>
    <t>01/21/2020 22:05:28</t>
  </si>
  <si>
    <t>01/21/2020 22:07:48</t>
  </si>
  <si>
    <t>01/21/2020 22:07:49</t>
  </si>
  <si>
    <t>01/21/2020 22:07:57</t>
  </si>
  <si>
    <t>01/21/2020 22:10:33</t>
  </si>
  <si>
    <t>01/21/2020 22:08:13</t>
  </si>
  <si>
    <t>01/21/2020 22:11:33</t>
  </si>
  <si>
    <t>01/21/2020 22:11:13</t>
  </si>
  <si>
    <t>01/21/2020 22:12:33</t>
  </si>
  <si>
    <t>01/21/2020 22:08:38</t>
  </si>
  <si>
    <t>4b9ffba8-2377-406a-961d-98e4d6aeff3c.tmp</t>
  </si>
  <si>
    <t>\\acsfs\profiles$\taylaedoa\Downloads\4b9ffba8-2377-406a-961d-98e4d6aeff3c.tmp</t>
  </si>
  <si>
    <t>01/21/2020 22:10:03</t>
  </si>
  <si>
    <t>75cd3719-9f1b-4359-9991-024cc0d9e722.tmp</t>
  </si>
  <si>
    <t>\\acsfs\profiles$\taylaedoa\Downloads\75cd3719-9f1b-4359-9991-024cc0d9e722.tmp</t>
  </si>
  <si>
    <t>01/21/2020 22:12:57</t>
  </si>
  <si>
    <t>01/21/2020 22:14:33</t>
  </si>
  <si>
    <t>01/21/2020 22:13:24</t>
  </si>
  <si>
    <t>01/21/2020 22:15:33</t>
  </si>
  <si>
    <t>01/21/2020 22:14:13</t>
  </si>
  <si>
    <t>01/21/2020 22:16:33</t>
  </si>
  <si>
    <t>01/21/2020 22:13:57</t>
  </si>
  <si>
    <t>01/21/2020 22:19:33</t>
  </si>
  <si>
    <t>01/21/2020 22:20:33</t>
  </si>
  <si>
    <t>01/21/2020 22:21:33</t>
  </si>
  <si>
    <t>01/21/2020 22:17:13</t>
  </si>
  <si>
    <t>01/21/2020 22:20:13</t>
  </si>
  <si>
    <t>01/21/2020 22:19:42</t>
  </si>
  <si>
    <t>72e7fb92-0fec-4f59-bc39-bb50cd47e96b.tmp</t>
  </si>
  <si>
    <t>\\acsfs\profiles$\ROBERTM\Downloads\72e7fb92-0fec-4f59-bc39-bb50cd47e96b.tmp</t>
  </si>
  <si>
    <t>01/21/2020 22:20:40</t>
  </si>
  <si>
    <t>38d5e3b0-1134-40b4-b8bb-bc8ea2b709d1.tmp</t>
  </si>
  <si>
    <t>\\acsfs\profiles$\ROBERTM\Downloads\38d5e3b0-1134-40b4-b8bb-bc8ea2b709d1.tmp</t>
  </si>
  <si>
    <t>01/21/2020 22:22:34</t>
  </si>
  <si>
    <t>01/21/2020 22:21:23</t>
  </si>
  <si>
    <t>054d4e80-0630-4640-9907-0782b20c165f.tmp</t>
  </si>
  <si>
    <t>\\acsfs\profiles$\taylaedoa\Downloads\054d4e80-0630-4640-9907-0782b20c165f.tmp</t>
  </si>
  <si>
    <t>01/21/2020 22:18:57</t>
  </si>
  <si>
    <t>01/21/2020 22:24:34</t>
  </si>
  <si>
    <t>01/21/2020 22:19:24</t>
  </si>
  <si>
    <t>01/21/2020 22:19:57</t>
  </si>
  <si>
    <t>01/21/2020 22:25:33</t>
  </si>
  <si>
    <t>01/21/2020 22:23:13</t>
  </si>
  <si>
    <t>01/21/2020 22:26:33</t>
  </si>
  <si>
    <t>01/21/2020 22:26:12</t>
  </si>
  <si>
    <t>01/21/2020 22:22:06</t>
  </si>
  <si>
    <t>4ac2c288-bb99-48d5-9a94-cbb85014dfd6.tmp</t>
  </si>
  <si>
    <t>\\acsfs\profiles$\ROBERTM\Downloads\4ac2c288-bb99-48d5-9a94-cbb85014dfd6.tmp</t>
  </si>
  <si>
    <t>01/21/2020 22:22:42</t>
  </si>
  <si>
    <t>236158eb-c07f-42c1-a76f-b41d620e8653.tmp</t>
  </si>
  <si>
    <t>\\acsfs\profiles$\ROBERTM\Downloads\236158eb-c07f-42c1-a76f-b41d620e8653.tmp</t>
  </si>
  <si>
    <t>01/21/2020 22:22:59</t>
  </si>
  <si>
    <t>144be14f-5d64-4ab2-9e39-9621122821f8.tmp</t>
  </si>
  <si>
    <t>\\acsfs\profiles$\ROBERTM\Downloads\144be14f-5d64-4ab2-9e39-9621122821f8.tmp</t>
  </si>
  <si>
    <t>01/21/2020 22:24:57</t>
  </si>
  <si>
    <t>01/21/2020 22:29:33</t>
  </si>
  <si>
    <t>01/21/2020 22:25:57</t>
  </si>
  <si>
    <t>01/21/2020 22:27:27</t>
  </si>
  <si>
    <t>01/21/2020 22:30:34</t>
  </si>
  <si>
    <t>01/21/2020 22:29:12</t>
  </si>
  <si>
    <t>01/21/2020 22:31:33</t>
  </si>
  <si>
    <t>01/21/2020 22:30:57</t>
  </si>
  <si>
    <t>01/21/2020 22:34:33</t>
  </si>
  <si>
    <t>01/21/2020 22:31:58</t>
  </si>
  <si>
    <t>01/21/2020 22:35:34</t>
  </si>
  <si>
    <t>01/21/2020 22:32:12</t>
  </si>
  <si>
    <t>01/21/2020 22:36:33</t>
  </si>
  <si>
    <t>01/21/2020 22:35:12</t>
  </si>
  <si>
    <t>01/21/2020 22:35:23</t>
  </si>
  <si>
    <t>01/21/2020 22:39:33</t>
  </si>
  <si>
    <t>01/21/2020 22:36:57</t>
  </si>
  <si>
    <t>01/21/2020 22:37:57</t>
  </si>
  <si>
    <t>01/21/2020 22:40:34</t>
  </si>
  <si>
    <t>01/21/2020 22:38:12</t>
  </si>
  <si>
    <t>01/21/2020 22:41:33</t>
  </si>
  <si>
    <t>01/21/2020 22:41:12</t>
  </si>
  <si>
    <t>01/21/2020 22:42:58</t>
  </si>
  <si>
    <t>01/21/2020 22:44:34</t>
  </si>
  <si>
    <t>01/21/2020 22:45:33</t>
  </si>
  <si>
    <t>01/21/2020 22:46:33</t>
  </si>
  <si>
    <t>01/21/2020 22:45:55</t>
  </si>
  <si>
    <t>ea8e7a34-1046-4de3-af71-8650d8267dfd.tmp</t>
  </si>
  <si>
    <t>\\acsfs\profiles$\ROBERTM\Downloads\ea8e7a34-1046-4de3-af71-8650d8267dfd.tmp</t>
  </si>
  <si>
    <t>01/21/2020 22:44:12</t>
  </si>
  <si>
    <t>01/21/2020 22:43:58</t>
  </si>
  <si>
    <t>01/21/2020 22:49:34</t>
  </si>
  <si>
    <t>01/21/2020 22:50:33</t>
  </si>
  <si>
    <t>01/21/2020 22:47:12</t>
  </si>
  <si>
    <t>01/21/2020 22:51:34</t>
  </si>
  <si>
    <t>01/21/2020 22:50:13</t>
  </si>
  <si>
    <t>01/21/2020 22:49:58</t>
  </si>
  <si>
    <t>01/21/2020 22:54:33</t>
  </si>
  <si>
    <t>01/21/2020 22:50:29</t>
  </si>
  <si>
    <t>01/21/2020 22:55:33</t>
  </si>
  <si>
    <t>01/21/2020 22:53:13</t>
  </si>
  <si>
    <t>01/21/2020 22:56:33</t>
  </si>
  <si>
    <t>01/21/2020 22:56:13</t>
  </si>
  <si>
    <t>01/21/2020 22:55:58</t>
  </si>
  <si>
    <t>01/21/2020 22:59:33</t>
  </si>
  <si>
    <t>01/21/2020 22:58:27</t>
  </si>
  <si>
    <t>01/21/2020 23:00:34</t>
  </si>
  <si>
    <t>01/21/2020 23:01:33</t>
  </si>
  <si>
    <t>01/21/2020 22:59:13</t>
  </si>
  <si>
    <t>01/21/2020 23:02:33</t>
  </si>
  <si>
    <t>01/21/2020 23:00:01</t>
  </si>
  <si>
    <t>911d46c9-32ce-4c8e-8a3c-e39da72050ce.tmp</t>
  </si>
  <si>
    <t>\\acsfs\profiles$\taylaedoa\Downloads\911d46c9-32ce-4c8e-8a3c-e39da72050ce.tmp</t>
  </si>
  <si>
    <t>01/21/2020 23:01:58</t>
  </si>
  <si>
    <t>01/21/2020 23:04:33</t>
  </si>
  <si>
    <t>01/21/2020 23:05:33</t>
  </si>
  <si>
    <t>01/21/2020 23:02:13</t>
  </si>
  <si>
    <t>01/21/2020 23:06:33</t>
  </si>
  <si>
    <t>01/21/2020 23:05:13</t>
  </si>
  <si>
    <t>01/21/2020 23:09:33</t>
  </si>
  <si>
    <t>01/21/2020 23:04:29</t>
  </si>
  <si>
    <t>01/21/2020 23:07:58</t>
  </si>
  <si>
    <t>01/21/2020 23:10:33</t>
  </si>
  <si>
    <t>01/21/2020 23:08:13</t>
  </si>
  <si>
    <t>01/21/2020 23:11:33</t>
  </si>
  <si>
    <t>01/21/2020 23:11:13</t>
  </si>
  <si>
    <t>01/21/2020 23:12:16</t>
  </si>
  <si>
    <t>01/21/2020 23:14:34</t>
  </si>
  <si>
    <t>01/21/2020 23:12:58</t>
  </si>
  <si>
    <t>01/21/2020 23:15:33</t>
  </si>
  <si>
    <t>01/21/2020 23:14:13</t>
  </si>
  <si>
    <t>01/21/2020 23:16:33</t>
  </si>
  <si>
    <t>01/21/2020 23:13:58</t>
  </si>
  <si>
    <t>01/21/2020 23:19:33</t>
  </si>
  <si>
    <t>01/21/2020 23:17:52</t>
  </si>
  <si>
    <t>$I2K2TKB.txt</t>
  </si>
  <si>
    <t>\\acsfs\profiles$\julianeas\My Documents\$RECYCLE.BIN\$I2K2TKB.txt</t>
  </si>
  <si>
    <t>01/21/2020 23:20:33</t>
  </si>
  <si>
    <t>01/21/2020 23:17:13</t>
  </si>
  <si>
    <t>01/21/2020 23:21:33</t>
  </si>
  <si>
    <t>01/21/2020 23:20:14</t>
  </si>
  <si>
    <t>01/21/2020 23:18:58</t>
  </si>
  <si>
    <t>01/21/2020 23:24:34</t>
  </si>
  <si>
    <t>01/21/2020 23:19:58</t>
  </si>
  <si>
    <t>01/21/2020 23:25:33</t>
  </si>
  <si>
    <t>01/21/2020 23:26:34</t>
  </si>
  <si>
    <t>01/21/2020 23:23:13</t>
  </si>
  <si>
    <t>01/21/2020 23:26:13</t>
  </si>
  <si>
    <t>01/21/2020 23:24:58</t>
  </si>
  <si>
    <t>01/21/2020 23:29:34</t>
  </si>
  <si>
    <t>01/21/2020 23:25:58</t>
  </si>
  <si>
    <t>01/21/2020 23:28:10</t>
  </si>
  <si>
    <t>01/21/2020 23:30:33</t>
  </si>
  <si>
    <t>01/21/2020 23:29:13</t>
  </si>
  <si>
    <t>01/21/2020 23:31:33</t>
  </si>
  <si>
    <t>01/21/2020 23:30:58</t>
  </si>
  <si>
    <t>01/21/2020 23:34:33</t>
  </si>
  <si>
    <t>01/21/2020 23:31:59</t>
  </si>
  <si>
    <t>01/21/2020 23:35:33</t>
  </si>
  <si>
    <t>01/21/2020 23:36:34</t>
  </si>
  <si>
    <t>01/21/2020 23:32:13</t>
  </si>
  <si>
    <t>01/21/2020 23:35:13</t>
  </si>
  <si>
    <t>01/21/2020 23:35:26</t>
  </si>
  <si>
    <t>01/21/2020 23:35:28</t>
  </si>
  <si>
    <t>01/21/2020 23:35:29</t>
  </si>
  <si>
    <t>01/21/2020 23:35:30</t>
  </si>
  <si>
    <t>01/21/2020 23:35:32</t>
  </si>
  <si>
    <t>01/21/2020 23:35:41</t>
  </si>
  <si>
    <t>01/21/2020 23:39:34</t>
  </si>
  <si>
    <t>01/21/2020 23:36:58</t>
  </si>
  <si>
    <t>01/21/2020 23:37:58</t>
  </si>
  <si>
    <t>01/21/2020 23:40:33</t>
  </si>
  <si>
    <t>01/21/2020 23:41:13</t>
  </si>
  <si>
    <t>01/21/2020 23:41:34</t>
  </si>
  <si>
    <t>01/21/2020 23:42:58</t>
  </si>
  <si>
    <t>01/21/2020 23:44:33</t>
  </si>
  <si>
    <t>01/21/2020 23:43:29</t>
  </si>
  <si>
    <t>01/21/2020 23:45:33</t>
  </si>
  <si>
    <t>01/21/2020 23:43:58</t>
  </si>
  <si>
    <t>01/21/2020 23:49:33</t>
  </si>
  <si>
    <t>01/21/2020 23:50:33</t>
  </si>
  <si>
    <t>01/21/2020 23:47:13</t>
  </si>
  <si>
    <t>01/21/2020 23:51:34</t>
  </si>
  <si>
    <t>01/21/2020 23:48:58</t>
  </si>
  <si>
    <t>01/21/2020 23:54:33</t>
  </si>
  <si>
    <t>01/21/2020 23:49:30</t>
  </si>
  <si>
    <t>01/21/2020 23:49:58</t>
  </si>
  <si>
    <t>01/21/2020 23:55:33</t>
  </si>
  <si>
    <t>01/21/2020 23:53:13</t>
  </si>
  <si>
    <t>01/21/2020 23:56:34</t>
  </si>
  <si>
    <t>01/21/2020 23:54:58</t>
  </si>
  <si>
    <t>01/21/2020 23:59:34</t>
  </si>
  <si>
    <t>01/21/2020 23:55:58</t>
  </si>
  <si>
    <t>01/21/2020 23:57:28</t>
  </si>
  <si>
    <t>01/22/2020 00:00:33</t>
  </si>
  <si>
    <t>01/21/2020 23:59:13</t>
  </si>
  <si>
    <t>01/22/2020 00:01:33</t>
  </si>
  <si>
    <t>01/22/2020 00:00:58</t>
  </si>
  <si>
    <t>01/22/2020 00:04:34</t>
  </si>
  <si>
    <t>01/22/2020 00:01:58</t>
  </si>
  <si>
    <t>01/22/2020 00:05:33</t>
  </si>
  <si>
    <t>01/22/2020 00:06:34</t>
  </si>
  <si>
    <t>01/22/2020 00:01:47</t>
  </si>
  <si>
    <t>9d3832a6-6487-4663-a60e-b026528bcf0b.tmp</t>
  </si>
  <si>
    <t>\\acsfs\profiles$\ROBERTM\Downloads\9d3832a6-6487-4663-a60e-b026528bcf0b.tmp</t>
  </si>
  <si>
    <t>01/22/2020 00:02:43</t>
  </si>
  <si>
    <t>ffd8b60f-bd05-45e5-86e3-581c438dee5f.tmp</t>
  </si>
  <si>
    <t>\\acsfs\profiles$\ROBERTM\Downloads\ffd8b60f-bd05-45e5-86e3-581c438dee5f.tmp</t>
  </si>
  <si>
    <t>01/22/2020 00:05:13</t>
  </si>
  <si>
    <t>01/22/2020 00:07:33</t>
  </si>
  <si>
    <t>01/22/2020 00:06:07</t>
  </si>
  <si>
    <t>8ebabe0c-64f6-4fbf-9112-a99778721c3f.tmp</t>
  </si>
  <si>
    <t>\\acsfs\profiles$\marlyannegdls\Downloads\8ebabe0c-64f6-4fbf-9112-a99778721c3f.tmp</t>
  </si>
  <si>
    <t>01/22/2020 00:05:41</t>
  </si>
  <si>
    <t>01/22/2020 00:09:33</t>
  </si>
  <si>
    <t>01/22/2020 00:06:58</t>
  </si>
  <si>
    <t>01/22/2020 00:07:58</t>
  </si>
  <si>
    <t>01/22/2020 00:10:33</t>
  </si>
  <si>
    <t>01/22/2020 00:08:41</t>
  </si>
  <si>
    <t>636fe9be-a39c-4099-98b5-c156efaf29e8.tmp</t>
  </si>
  <si>
    <t>\\acsfs\profiles$\mariaavds\Downloads\636fe9be-a39c-4099-98b5-c156efaf29e8.tmp</t>
  </si>
  <si>
    <t>01/22/2020 00:09:46</t>
  </si>
  <si>
    <t>ec48341a-7c86-431b-a64c-cb5aef738cf2.tmp</t>
  </si>
  <si>
    <t>\\acsfs\profiles$\mariaavds\Downloads\ec48341a-7c86-431b-a64c-cb5aef738cf2.tmp</t>
  </si>
  <si>
    <t>01/22/2020 00:11:34</t>
  </si>
  <si>
    <t>01/22/2020 00:11:13</t>
  </si>
  <si>
    <t>01/22/2020 00:12:33</t>
  </si>
  <si>
    <t>01/22/2020 00:08:24</t>
  </si>
  <si>
    <t>51440056-d7e1-4f9e-8b9b-768c6f2ac00c.tmp</t>
  </si>
  <si>
    <t>\\acsfs\profiles$\marlyannegdls\Downloads\51440056-d7e1-4f9e-8b9b-768c6f2ac00c.tmp</t>
  </si>
  <si>
    <t>01/22/2020 00:12:58</t>
  </si>
  <si>
    <t>01/22/2020 00:14:34</t>
  </si>
  <si>
    <t>01/22/2020 00:13:29</t>
  </si>
  <si>
    <t>01/22/2020 00:15:33</t>
  </si>
  <si>
    <t>01/22/2020 00:13:58</t>
  </si>
  <si>
    <t>01/22/2020 00:19:34</t>
  </si>
  <si>
    <t>01/22/2020 00:20:33</t>
  </si>
  <si>
    <t>01/22/2020 00:19:24</t>
  </si>
  <si>
    <t>20373e2b-e9e2-46c8-9f4d-b9dd46ba65c1.tmp</t>
  </si>
  <si>
    <t>\\acsfs\profiles$\mariaavds\Downloads\20373e2b-e9e2-46c8-9f4d-b9dd46ba65c1.tmp</t>
  </si>
  <si>
    <t>01/22/2020 00:19:32</t>
  </si>
  <si>
    <t>2666201e-11bd-45cc-8cb8-b18968eea44c.tmp</t>
  </si>
  <si>
    <t>\\acsfs\profiles$\mariaavds\Downloads\2666201e-11bd-45cc-8cb8-b18968eea44c.tmp</t>
  </si>
  <si>
    <t>01/22/2020 00:17:13</t>
  </si>
  <si>
    <t>01/22/2020 00:21:34</t>
  </si>
  <si>
    <t>01/22/2020 00:18:58</t>
  </si>
  <si>
    <t>01/22/2020 00:24:33</t>
  </si>
  <si>
    <t>01/22/2020 00:19:58</t>
  </si>
  <si>
    <t>01/22/2020 00:20:59</t>
  </si>
  <si>
    <t>01/22/2020 00:25:33</t>
  </si>
  <si>
    <t>01/22/2020 00:26:33</t>
  </si>
  <si>
    <t>01/22/2020 00:23:14</t>
  </si>
  <si>
    <t>01/22/2020 00:24:59</t>
  </si>
  <si>
    <t>01/22/2020 00:29:34</t>
  </si>
  <si>
    <t>01/22/2020 00:25:59</t>
  </si>
  <si>
    <t>01/22/2020 00:28:30</t>
  </si>
  <si>
    <t>01/22/2020 00:30:33</t>
  </si>
  <si>
    <t>01/22/2020 00:29:13</t>
  </si>
  <si>
    <t>01/22/2020 00:31:34</t>
  </si>
  <si>
    <t>01/22/2020 00:30:59</t>
  </si>
  <si>
    <t>01/22/2020 00:34:33</t>
  </si>
  <si>
    <t>01/22/2020 00:32:00</t>
  </si>
  <si>
    <t>01/22/2020 00:35:33</t>
  </si>
  <si>
    <t>01/22/2020 00:35:13</t>
  </si>
  <si>
    <t>01/22/2020 00:36:34</t>
  </si>
  <si>
    <t>01/22/2020 00:36:59</t>
  </si>
  <si>
    <t>01/22/2020 00:39:33</t>
  </si>
  <si>
    <t>01/22/2020 00:37:59</t>
  </si>
  <si>
    <t>01/22/2020 00:40:33</t>
  </si>
  <si>
    <t>01/22/2020 00:41:34</t>
  </si>
  <si>
    <t>01/22/2020 00:41:13</t>
  </si>
  <si>
    <t>01/22/2020 00:40:05</t>
  </si>
  <si>
    <t>01/22/2020 00:44:33</t>
  </si>
  <si>
    <t>01/22/2020 00:40:06</t>
  </si>
  <si>
    <t>01/22/2020 00:40:07</t>
  </si>
  <si>
    <t>01/22/2020 00:43:13</t>
  </si>
  <si>
    <t>01/22/2020 00:45:33</t>
  </si>
  <si>
    <t>01/22/2020 00:43:59</t>
  </si>
  <si>
    <t>01/22/2020 00:49:33</t>
  </si>
  <si>
    <t>01/22/2020 00:45:59</t>
  </si>
  <si>
    <t>01/22/2020 00:50:33</t>
  </si>
  <si>
    <t>01/22/2020 00:47:13</t>
  </si>
  <si>
    <t>01/22/2020 00:51:34</t>
  </si>
  <si>
    <t>01/22/2020 00:49:59</t>
  </si>
  <si>
    <t>01/22/2020 00:54:33</t>
  </si>
  <si>
    <t>01/22/2020 00:51:29</t>
  </si>
  <si>
    <t>01/22/2020 00:51:59</t>
  </si>
  <si>
    <t>01/22/2020 00:53:34</t>
  </si>
  <si>
    <t>01/22/2020 00:55:33</t>
  </si>
  <si>
    <t>01/22/2020 00:53:13</t>
  </si>
  <si>
    <t>01/22/2020 00:56:33</t>
  </si>
  <si>
    <t>01/22/2020 00:53:29</t>
  </si>
  <si>
    <t>01/22/2020 00:54:29</t>
  </si>
  <si>
    <t>01/22/2020 00:59:34</t>
  </si>
  <si>
    <t>01/22/2020 00:54:19</t>
  </si>
  <si>
    <t>01/22/2020 01:00:33</t>
  </si>
  <si>
    <t>01/22/2020 01:16:34</t>
  </si>
  <si>
    <t>01/22/2020 01:00:13</t>
  </si>
  <si>
    <t>01/22/2020 00:59:13</t>
  </si>
  <si>
    <t>01/22/2020 00:59:59</t>
  </si>
  <si>
    <t>01/22/2020 01:01:17</t>
  </si>
  <si>
    <t>01/22/2020 01:01:30</t>
  </si>
  <si>
    <t>01/22/2020 01:02:08</t>
  </si>
  <si>
    <t>01/22/2020 01:05:53</t>
  </si>
  <si>
    <t>01/22/2020 01:10:51</t>
  </si>
  <si>
    <t>2f10d899-88e2-4427-8e14-7092e3ec2b54.tmp</t>
  </si>
  <si>
    <t>\\acsfs\profiles$\ROBERTM\Downloads\2f10d899-88e2-4427-8e14-7092e3ec2b54.tmp</t>
  </si>
  <si>
    <t>01/22/2020 01:17:34</t>
  </si>
  <si>
    <t>01/22/2020 01:05:59</t>
  </si>
  <si>
    <t>01/22/2020 01:06:07</t>
  </si>
  <si>
    <t>01/22/2020 01:06:08</t>
  </si>
  <si>
    <t>01/22/2020 01:06:09</t>
  </si>
  <si>
    <t>01/22/2020 01:06:11</t>
  </si>
  <si>
    <t>01/22/2020 01:06:12</t>
  </si>
  <si>
    <t>01/22/2020 01:06:14</t>
  </si>
  <si>
    <t>01/22/2020 01:06:15</t>
  </si>
  <si>
    <t>01/22/2020 01:06:16</t>
  </si>
  <si>
    <t>01/22/2020 01:06:27</t>
  </si>
  <si>
    <t>01/22/2020 01:06:28</t>
  </si>
  <si>
    <t>01/22/2020 01:06:29</t>
  </si>
  <si>
    <t>01/22/2020 01:06:30</t>
  </si>
  <si>
    <t>01/22/2020 01:11:40</t>
  </si>
  <si>
    <t>01/22/2020 01:14:29</t>
  </si>
  <si>
    <t>01/22/2020 01:07:16</t>
  </si>
  <si>
    <t>01/22/2020 01:09:41</t>
  </si>
  <si>
    <t>01/22/2020 01:11:59</t>
  </si>
  <si>
    <t>01/22/2020 01:15:06</t>
  </si>
  <si>
    <t>01/22/2020 01:17:41</t>
  </si>
  <si>
    <t>01/22/2020 01:22:34</t>
  </si>
  <si>
    <t>01/22/2020 01:17:30</t>
  </si>
  <si>
    <t>01/22/2020 01:17:59</t>
  </si>
  <si>
    <t>01/22/2020 01:20:11</t>
  </si>
  <si>
    <t>01/22/2020 01:22:00</t>
  </si>
  <si>
    <t>01/22/2020 01:27:34</t>
  </si>
  <si>
    <t>01/22/2020 01:23:43</t>
  </si>
  <si>
    <t>01/22/2020 01:23:59</t>
  </si>
  <si>
    <t>01/22/2020 01:25:00</t>
  </si>
  <si>
    <t>01/22/2020 01:29:31</t>
  </si>
  <si>
    <t>01/22/2020 01:32:35</t>
  </si>
  <si>
    <t>01/22/2020 01:29:41</t>
  </si>
  <si>
    <t>01/22/2020 01:27:42</t>
  </si>
  <si>
    <t>01/22/2020 01:29:59</t>
  </si>
  <si>
    <t>01/22/2020 01:37:35</t>
  </si>
  <si>
    <t>01/22/2020 01:35:41</t>
  </si>
  <si>
    <t>01/22/2020 01:33:06</t>
  </si>
  <si>
    <t>01/22/2020 01:35:32</t>
  </si>
  <si>
    <t>01/22/2020 01:35:59</t>
  </si>
  <si>
    <t>01/22/2020 01:37:02</t>
  </si>
  <si>
    <t>01/22/2020 01:42:34</t>
  </si>
  <si>
    <t>01/22/2020 01:40:53</t>
  </si>
  <si>
    <t>01/22/2020 01:41:41</t>
  </si>
  <si>
    <t>01/22/2020 01:47:34</t>
  </si>
  <si>
    <t>01/22/2020 01:44:47</t>
  </si>
  <si>
    <t>01/22/2020 01:41:59</t>
  </si>
  <si>
    <t>01/22/2020 01:44:49</t>
  </si>
  <si>
    <t>01/22/2020 01:47:41</t>
  </si>
  <si>
    <t>01/22/2020 01:52:34</t>
  </si>
  <si>
    <t>01/22/2020 01:48:49</t>
  </si>
  <si>
    <t>01/22/2020 01:49:59</t>
  </si>
  <si>
    <t>01/22/2020 01:51:18</t>
  </si>
  <si>
    <t>01/22/2020 01:52:35</t>
  </si>
  <si>
    <t>01/22/2020 01:57:34</t>
  </si>
  <si>
    <t>01/22/2020 01:53:41</t>
  </si>
  <si>
    <t>01/22/2020 01:55:59</t>
  </si>
  <si>
    <t>01/22/2020 01:56:20</t>
  </si>
  <si>
    <t>01/22/2020 01:59:41</t>
  </si>
  <si>
    <t>01/22/2020 02:02:34</t>
  </si>
  <si>
    <t>01/22/2020 02:00:08</t>
  </si>
  <si>
    <t>01/22/2020 01:59:05</t>
  </si>
  <si>
    <t>01/22/2020 02:05:41</t>
  </si>
  <si>
    <t>01/22/2020 02:07:34</t>
  </si>
  <si>
    <t>01/22/2020 02:01:59</t>
  </si>
  <si>
    <t>01/22/2020 02:03:33</t>
  </si>
  <si>
    <t>01/22/2020 02:03:34</t>
  </si>
  <si>
    <t>01/22/2020 02:04:00</t>
  </si>
  <si>
    <t>01/22/2020 02:05:29</t>
  </si>
  <si>
    <t>01/22/2020 02:07:39</t>
  </si>
  <si>
    <t>01/22/2020 02:12:34</t>
  </si>
  <si>
    <t>01/22/2020 02:11:41</t>
  </si>
  <si>
    <t>01/22/2020 02:08:59</t>
  </si>
  <si>
    <t>01/22/2020 02:15:42</t>
  </si>
  <si>
    <t>01/22/2020 02:17:34</t>
  </si>
  <si>
    <t>01/22/2020 02:12:06</t>
  </si>
  <si>
    <t>01/22/2020 02:13:36</t>
  </si>
  <si>
    <t>01/22/2020 02:15:00</t>
  </si>
  <si>
    <t>01/22/2020 02:17:41</t>
  </si>
  <si>
    <t>01/22/2020 02:22:35</t>
  </si>
  <si>
    <t>01/22/2020 02:19:54</t>
  </si>
  <si>
    <t>01/22/2020 02:21:00</t>
  </si>
  <si>
    <t>01/22/2020 02:21:31</t>
  </si>
  <si>
    <t>01/22/2020 02:23:30</t>
  </si>
  <si>
    <t>01/22/2020 02:27:34</t>
  </si>
  <si>
    <t>01/22/2020 02:23:41</t>
  </si>
  <si>
    <t>01/22/2020 02:29:42</t>
  </si>
  <si>
    <t>01/22/2020 02:32:34</t>
  </si>
  <si>
    <t>01/22/2020 02:31:02</t>
  </si>
  <si>
    <t>01/22/2020 02:27:00</t>
  </si>
  <si>
    <t>01/22/2020 02:27:31</t>
  </si>
  <si>
    <t>01/22/2020 02:29:02</t>
  </si>
  <si>
    <t>01/22/2020 02:35:42</t>
  </si>
  <si>
    <t>01/22/2020 02:37:35</t>
  </si>
  <si>
    <t>01/22/2020 02:33:00</t>
  </si>
  <si>
    <t>01/22/2020 02:35:11</t>
  </si>
  <si>
    <t>01/22/2020 02:36:41</t>
  </si>
  <si>
    <t>01/22/2020 02:38:48</t>
  </si>
  <si>
    <t>01/22/2020 02:42:35</t>
  </si>
  <si>
    <t>01/22/2020 02:41:43</t>
  </si>
  <si>
    <t>01/22/2020 02:39:00</t>
  </si>
  <si>
    <t>01/22/2020 02:46:38</t>
  </si>
  <si>
    <t>01/22/2020 02:47:36</t>
  </si>
  <si>
    <t>01/22/2020 02:43:00</t>
  </si>
  <si>
    <t>01/22/2020 02:44:13</t>
  </si>
  <si>
    <t>01/22/2020 02:45:00</t>
  </si>
  <si>
    <t>01/22/2020 02:47:43</t>
  </si>
  <si>
    <t>01/22/2020 02:52:35</t>
  </si>
  <si>
    <t>01/22/2020 02:50:48</t>
  </si>
  <si>
    <t>01/22/2020 02:51:00</t>
  </si>
  <si>
    <t>01/22/2020 02:53:02</t>
  </si>
  <si>
    <t>01/22/2020 02:57:36</t>
  </si>
  <si>
    <t>01/22/2020 02:53:09</t>
  </si>
  <si>
    <t>01/22/2020 02:53:14</t>
  </si>
  <si>
    <t>01/22/2020 02:53:21</t>
  </si>
  <si>
    <t>01/22/2020 02:53:22</t>
  </si>
  <si>
    <t>01/22/2020 02:53:23</t>
  </si>
  <si>
    <t>01/22/2020 02:53:24</t>
  </si>
  <si>
    <t>01/22/2020 02:53:26</t>
  </si>
  <si>
    <t>01/22/2020 02:53:27</t>
  </si>
  <si>
    <t>01/22/2020 02:58:50</t>
  </si>
  <si>
    <t>01/22/2020 03:02:35</t>
  </si>
  <si>
    <t>01/22/2020 03:01:02</t>
  </si>
  <si>
    <t>01/22/2020 02:57:00</t>
  </si>
  <si>
    <t>01/22/2020 02:58:19</t>
  </si>
  <si>
    <t>01/22/2020 03:04:50</t>
  </si>
  <si>
    <t>01/22/2020 03:07:36</t>
  </si>
  <si>
    <t>01/22/2020 03:03:00</t>
  </si>
  <si>
    <t>01/22/2020 03:06:25</t>
  </si>
  <si>
    <t>01/22/2020 03:08:33</t>
  </si>
  <si>
    <t>01/22/2020 03:12:36</t>
  </si>
  <si>
    <t>01/22/2020 03:10:50</t>
  </si>
  <si>
    <t>01/22/2020 03:09:00</t>
  </si>
  <si>
    <t>01/22/2020 03:13:56</t>
  </si>
  <si>
    <t>01/22/2020 03:17:36</t>
  </si>
  <si>
    <t>01/22/2020 03:15:00</t>
  </si>
  <si>
    <t>01/22/2020 03:16:50</t>
  </si>
  <si>
    <t>01/22/2020 03:22:35</t>
  </si>
  <si>
    <t>01/22/2020 03:21:00</t>
  </si>
  <si>
    <t>01/22/2020 03:21:27</t>
  </si>
  <si>
    <t>01/22/2020 03:22:50</t>
  </si>
  <si>
    <t>01/22/2020 03:27:35</t>
  </si>
  <si>
    <t>01/22/2020 03:24:07</t>
  </si>
  <si>
    <t>01/22/2020 03:28:51</t>
  </si>
  <si>
    <t>01/22/2020 03:32:35</t>
  </si>
  <si>
    <t>01/22/2020 03:27:00</t>
  </si>
  <si>
    <t>01/22/2020 03:29:12</t>
  </si>
  <si>
    <t>01/22/2020 03:31:57</t>
  </si>
  <si>
    <t>01/22/2020 03:37:35</t>
  </si>
  <si>
    <t>01/22/2020 03:34:50</t>
  </si>
  <si>
    <t>01/22/2020 03:33:01</t>
  </si>
  <si>
    <t>01/22/2020 03:36:08</t>
  </si>
  <si>
    <t>01/22/2020 03:37:36</t>
  </si>
  <si>
    <t>01/22/2020 03:39:44</t>
  </si>
  <si>
    <t>01/22/2020 03:42:35</t>
  </si>
  <si>
    <t>01/22/2020 03:40:50</t>
  </si>
  <si>
    <t>01/22/2020 03:37:38</t>
  </si>
  <si>
    <t>01/22/2020 03:39:00</t>
  </si>
  <si>
    <t>01/22/2020 03:43:56</t>
  </si>
  <si>
    <t>01/22/2020 03:47:35</t>
  </si>
  <si>
    <t>01/22/2020 03:45:00</t>
  </si>
  <si>
    <t>01/22/2020 03:46:50</t>
  </si>
  <si>
    <t>01/22/2020 03:52:35</t>
  </si>
  <si>
    <t>01/22/2020 03:47:17</t>
  </si>
  <si>
    <t>01/22/2020 03:51:01</t>
  </si>
  <si>
    <t>01/22/2020 03:51:27</t>
  </si>
  <si>
    <t>01/22/2020 03:52:50</t>
  </si>
  <si>
    <t>01/22/2020 03:57:35</t>
  </si>
  <si>
    <t>01/22/2020 03:54:48</t>
  </si>
  <si>
    <t>01/22/2020 03:53:13</t>
  </si>
  <si>
    <t>01/22/2020 03:58:50</t>
  </si>
  <si>
    <t>01/22/2020 04:02:35</t>
  </si>
  <si>
    <t>01/22/2020 03:57:01</t>
  </si>
  <si>
    <t>01/22/2020 03:59:13</t>
  </si>
  <si>
    <t>01/22/2020 04:00:44</t>
  </si>
  <si>
    <t>01/22/2020 04:07:36</t>
  </si>
  <si>
    <t>01/22/2020 04:02:50</t>
  </si>
  <si>
    <t>01/22/2020 04:04:51</t>
  </si>
  <si>
    <t>01/22/2020 04:03:01</t>
  </si>
  <si>
    <t>01/22/2020 04:10:39</t>
  </si>
  <si>
    <t>01/22/2020 04:12:36</t>
  </si>
  <si>
    <t>01/22/2020 04:10:51</t>
  </si>
  <si>
    <t>01/22/2020 04:07:00</t>
  </si>
  <si>
    <t>01/22/2020 04:08:30</t>
  </si>
  <si>
    <t>01/22/2020 04:09:01</t>
  </si>
  <si>
    <t>01/22/2020 04:14:50</t>
  </si>
  <si>
    <t>01/22/2020 04:17:36</t>
  </si>
  <si>
    <t>01/22/2020 04:15:00</t>
  </si>
  <si>
    <t>01/22/2020 04:16:18</t>
  </si>
  <si>
    <t>01/22/2020 04:16:51</t>
  </si>
  <si>
    <t>01/22/2020 04:22:36</t>
  </si>
  <si>
    <t>01/22/2020 04:21:00</t>
  </si>
  <si>
    <t>01/22/2020 04:21:09</t>
  </si>
  <si>
    <t>01/22/2020 04:22:51</t>
  </si>
  <si>
    <t>01/22/2020 04:27:36</t>
  </si>
  <si>
    <t>01/22/2020 04:26:34</t>
  </si>
  <si>
    <t>01/22/2020 04:24:26</t>
  </si>
  <si>
    <t>01/22/2020 04:28:52</t>
  </si>
  <si>
    <t>01/22/2020 04:32:35</t>
  </si>
  <si>
    <t>01/22/2020 04:27:00</t>
  </si>
  <si>
    <t>01/22/2020 04:29:13</t>
  </si>
  <si>
    <t>01/22/2020 04:34:51</t>
  </si>
  <si>
    <t>01/22/2020 04:37:35</t>
  </si>
  <si>
    <t>01/22/2020 04:32:31</t>
  </si>
  <si>
    <t>01/22/2020 04:33:02</t>
  </si>
  <si>
    <t>01/22/2020 04:40:51</t>
  </si>
  <si>
    <t>01/22/2020 04:42:35</t>
  </si>
  <si>
    <t>01/22/2020 04:37:02</t>
  </si>
  <si>
    <t>01/22/2020 04:39:00</t>
  </si>
  <si>
    <t>01/22/2020 04:40:01</t>
  </si>
  <si>
    <t>01/22/2020 04:42:13</t>
  </si>
  <si>
    <t>01/22/2020 04:47:35</t>
  </si>
  <si>
    <t>01/22/2020 04:46:51</t>
  </si>
  <si>
    <t>01/22/2020 04:45:01</t>
  </si>
  <si>
    <t>01/22/2020 04:49:57</t>
  </si>
  <si>
    <t>01/22/2020 04:52:35</t>
  </si>
  <si>
    <t>01/22/2020 04:48:06</t>
  </si>
  <si>
    <t>01/22/2020 04:51:01</t>
  </si>
  <si>
    <t>01/22/2020 04:52:51</t>
  </si>
  <si>
    <t>01/22/2020 04:57:35</t>
  </si>
  <si>
    <t>01/22/2020 04:52:31</t>
  </si>
  <si>
    <t>01/22/2020 04:55:37</t>
  </si>
  <si>
    <t>01/22/2020 04:57:36</t>
  </si>
  <si>
    <t>01/22/2020 05:06:35</t>
  </si>
  <si>
    <t>01/22/2020 04:57:47</t>
  </si>
  <si>
    <t>01/22/2020 04:57:01</t>
  </si>
  <si>
    <t>01/22/2020 04:58:51</t>
  </si>
  <si>
    <t>01/22/2020 05:00:06</t>
  </si>
  <si>
    <t>01/22/2020 05:09:35</t>
  </si>
  <si>
    <t>01/22/2020 05:04:52</t>
  </si>
  <si>
    <t>01/22/2020 05:05:19</t>
  </si>
  <si>
    <t>01/22/2020 05:03:01</t>
  </si>
  <si>
    <t>01/22/2020 05:03:08</t>
  </si>
  <si>
    <t>01/22/2020 05:06:24</t>
  </si>
  <si>
    <t>01/22/2020 05:11:35</t>
  </si>
  <si>
    <t>01/22/2020 05:14:35</t>
  </si>
  <si>
    <t>01/22/2020 05:09:01</t>
  </si>
  <si>
    <t>01/22/2020 05:10:58</t>
  </si>
  <si>
    <t>01/22/2020 05:10:52</t>
  </si>
  <si>
    <t>01/22/2020 05:13:04</t>
  </si>
  <si>
    <t>01/22/2020 05:16:35</t>
  </si>
  <si>
    <t>01/22/2020 05:14:13</t>
  </si>
  <si>
    <t>01/22/2020 05:19:36</t>
  </si>
  <si>
    <t>01/22/2020 05:15:01</t>
  </si>
  <si>
    <t>01/22/2020 05:16:52</t>
  </si>
  <si>
    <t>01/22/2020 05:21:36</t>
  </si>
  <si>
    <t>01/22/2020 05:19:00</t>
  </si>
  <si>
    <t>01/22/2020 05:24:35</t>
  </si>
  <si>
    <t>01/22/2020 05:21:01</t>
  </si>
  <si>
    <t>01/22/2020 05:21:44</t>
  </si>
  <si>
    <t>01/22/2020 05:20:52</t>
  </si>
  <si>
    <t>01/22/2020 05:22:52</t>
  </si>
  <si>
    <t>01/22/2020 05:26:35</t>
  </si>
  <si>
    <t>01/22/2020 05:23:19</t>
  </si>
  <si>
    <t>01/22/2020 05:27:35</t>
  </si>
  <si>
    <t>3637c991-1f1e-46a2-9614-0baa1e8da8e5.tmp</t>
  </si>
  <si>
    <t>\\acsfs\profiles$\ROBERTM\Downloads\3637c991-1f1e-46a2-9614-0baa1e8da8e5.tmp</t>
  </si>
  <si>
    <t>01/22/2020 05:26:50</t>
  </si>
  <si>
    <t>01/22/2020 05:29:35</t>
  </si>
  <si>
    <t>01/22/2020 05:27:02</t>
  </si>
  <si>
    <t>01/22/2020 05:28:40</t>
  </si>
  <si>
    <t>01/22/2020 05:28:53</t>
  </si>
  <si>
    <t>01/22/2020 05:31:35</t>
  </si>
  <si>
    <t>01/22/2020 05:29:15</t>
  </si>
  <si>
    <t>01/22/2020 05:34:35</t>
  </si>
  <si>
    <t>01/22/2020 05:33:01</t>
  </si>
  <si>
    <t>01/22/2020 05:36:35</t>
  </si>
  <si>
    <t>01/22/2020 05:34:21</t>
  </si>
  <si>
    <t>01/22/2020 05:39:35</t>
  </si>
  <si>
    <t>01/22/2020 05:36:46</t>
  </si>
  <si>
    <t>01/22/2020 05:34:52</t>
  </si>
  <si>
    <t>01/22/2020 05:36:11</t>
  </si>
  <si>
    <t>01/22/2020 05:41:35</t>
  </si>
  <si>
    <t>01/22/2020 05:44:35</t>
  </si>
  <si>
    <t>01/22/2020 05:39:01</t>
  </si>
  <si>
    <t>01/22/2020 05:42:44</t>
  </si>
  <si>
    <t>01/22/2020 05:40:52</t>
  </si>
  <si>
    <t>01/22/2020 05:43:57</t>
  </si>
  <si>
    <t>01/22/2020 05:46:35</t>
  </si>
  <si>
    <t>01/22/2020 05:45:01</t>
  </si>
  <si>
    <t>01/22/2020 05:49:35</t>
  </si>
  <si>
    <t>01/22/2020 05:45:02</t>
  </si>
  <si>
    <t>01/22/2020 05:46:52</t>
  </si>
  <si>
    <t>01/22/2020 05:51:35</t>
  </si>
  <si>
    <t>01/22/2020 05:47:25</t>
  </si>
  <si>
    <t>01/22/2020 05:52:36</t>
  </si>
  <si>
    <t>287f485c-799b-4fa7-ae21-09c5f257ad42.tmp</t>
  </si>
  <si>
    <t>\\acsfs\profiles$\ROZENCAM\Downloads\287f485c-799b-4fa7-ae21-09c5f257ad42.tmp</t>
  </si>
  <si>
    <t>01/22/2020 05:51:02</t>
  </si>
  <si>
    <t>01/22/2020 05:54:35</t>
  </si>
  <si>
    <t>01/22/2020 05:52:20</t>
  </si>
  <si>
    <t>01/22/2020 05:51:47</t>
  </si>
  <si>
    <t>01/22/2020 05:52:52</t>
  </si>
  <si>
    <t>01/22/2020 05:56:35</t>
  </si>
  <si>
    <t>01/22/2020 05:57:02</t>
  </si>
  <si>
    <t>01/22/2020 05:59:35</t>
  </si>
  <si>
    <t>01/22/2020 05:58:52</t>
  </si>
  <si>
    <t>01/22/2020 06:01:35</t>
  </si>
  <si>
    <t>01/22/2020 06:00:33</t>
  </si>
  <si>
    <t>01/22/2020 06:03:36</t>
  </si>
  <si>
    <t>dfc56106-8338-43f4-bcb7-a74105cda2bd.tmp</t>
  </si>
  <si>
    <t>\\acsfs\profiles$\lucasqdss\Downloads\dfc56106-8338-43f4-bcb7-a74105cda2bd.tmp</t>
  </si>
  <si>
    <t>01/22/2020 06:02:38</t>
  </si>
  <si>
    <t>e5fb6752-ee8a-4dbe-977b-926cd907b8ca.tmp</t>
  </si>
  <si>
    <t>\\acsfs\profiles$\lucasqdss\Downloads\e5fb6752-ee8a-4dbe-977b-926cd907b8ca.tmp</t>
  </si>
  <si>
    <t>01/22/2020 05:59:14</t>
  </si>
  <si>
    <t>01/22/2020 06:04:35</t>
  </si>
  <si>
    <t>01/22/2020 06:00:44</t>
  </si>
  <si>
    <t>01/22/2020 06:03:02</t>
  </si>
  <si>
    <t>01/22/2020 06:06:35</t>
  </si>
  <si>
    <t>01/22/2020 06:06:45</t>
  </si>
  <si>
    <t>01/22/2020 06:09:35</t>
  </si>
  <si>
    <t>01/22/2020 06:08:15</t>
  </si>
  <si>
    <t>01/22/2020 06:04:52</t>
  </si>
  <si>
    <t>01/22/2020 06:07:05</t>
  </si>
  <si>
    <t>01/22/2020 06:11:35</t>
  </si>
  <si>
    <t>01/22/2020 06:09:02</t>
  </si>
  <si>
    <t>01/22/2020 06:14:35</t>
  </si>
  <si>
    <t>01/22/2020 06:10:52</t>
  </si>
  <si>
    <t>01/22/2020 06:16:35</t>
  </si>
  <si>
    <t>01/22/2020 06:14:33</t>
  </si>
  <si>
    <t>01/22/2020 06:19:35</t>
  </si>
  <si>
    <t>01/22/2020 06:15:02</t>
  </si>
  <si>
    <t>01/22/2020 06:15:47</t>
  </si>
  <si>
    <t>01/22/2020 06:14:52</t>
  </si>
  <si>
    <t>01/22/2020 06:16:52</t>
  </si>
  <si>
    <t>01/22/2020 06:17:20</t>
  </si>
  <si>
    <t>01/22/2020 06:21:36</t>
  </si>
  <si>
    <t>0212bcf4-0c2d-42f8-b801-78823b679a45.tmp</t>
  </si>
  <si>
    <t>\\acsfs\profiles$\felipetds\Downloads\0212bcf4-0c2d-42f8-b801-78823b679a45.tmp</t>
  </si>
  <si>
    <t>01/22/2020 06:18:43</t>
  </si>
  <si>
    <t>7c65a79a-577a-4895-b43d-d644b661a2d4.tmp</t>
  </si>
  <si>
    <t>\\acsfs\profiles$\felipetds\Downloads\7c65a79a-577a-4895-b43d-d644b661a2d4.tmp</t>
  </si>
  <si>
    <t>01/22/2020 06:21:02</t>
  </si>
  <si>
    <t>01/22/2020 06:24:35</t>
  </si>
  <si>
    <t>01/22/2020 06:22:21</t>
  </si>
  <si>
    <t>01/22/2020 06:23:51</t>
  </si>
  <si>
    <t>01/22/2020 06:22:40</t>
  </si>
  <si>
    <t>01/22/2020 06:22:52</t>
  </si>
  <si>
    <t>01/22/2020 06:26:36</t>
  </si>
  <si>
    <t>01/22/2020 06:24:39</t>
  </si>
  <si>
    <t>ea400c1e-9ef3-4dd2-88ac-d580644f20c1.tmp</t>
  </si>
  <si>
    <t>\\acsfs\profiles$\BRUNAAR\Downloads\ea400c1e-9ef3-4dd2-88ac-d580644f20c1.tmp</t>
  </si>
  <si>
    <t>01/22/2020 06:27:02</t>
  </si>
  <si>
    <t>01/22/2020 06:29:35</t>
  </si>
  <si>
    <t>01/22/2020 06:28:54</t>
  </si>
  <si>
    <t>01/22/2020 06:31:36</t>
  </si>
  <si>
    <t>01/22/2020 06:26:07</t>
  </si>
  <si>
    <t>81bbc42d-e301-4d81-8091-4a6b1c456a0c.tmp</t>
  </si>
  <si>
    <t>\\acsfs\profiles$\BRUNAAR\Downloads\81bbc42d-e301-4d81-8091-4a6b1c456a0c.tmp</t>
  </si>
  <si>
    <t>01/22/2020 06:30:08</t>
  </si>
  <si>
    <t>01/22/2020 06:34:35</t>
  </si>
  <si>
    <t>01/22/2020 06:31:39</t>
  </si>
  <si>
    <t>01/22/2020 06:33:02</t>
  </si>
  <si>
    <t>01/22/2020 06:30:12</t>
  </si>
  <si>
    <t>01/22/2020 06:36:36</t>
  </si>
  <si>
    <t>01/22/2020 06:37:56</t>
  </si>
  <si>
    <t>01/22/2020 06:39:35</t>
  </si>
  <si>
    <t>01/22/2020 06:34:52</t>
  </si>
  <si>
    <t>01/22/2020 06:37:59</t>
  </si>
  <si>
    <t>01/22/2020 06:41:36</t>
  </si>
  <si>
    <t>01/22/2020 06:40:07</t>
  </si>
  <si>
    <t>01/22/2020 06:37:43</t>
  </si>
  <si>
    <t>01/22/2020 06:42:35</t>
  </si>
  <si>
    <t>fc57dbe7-1f36-4035-8df1-5a6507a7c9ec.tmp</t>
  </si>
  <si>
    <t>\\acsfs\profiles$\ALYNYA\Downloads\fc57dbe7-1f36-4035-8df1-5a6507a7c9ec.tmp</t>
  </si>
  <si>
    <t>01/22/2020 06:38:51</t>
  </si>
  <si>
    <t>401a3663-5c5b-4b9f-96cb-83b0dd340b87.tmp</t>
  </si>
  <si>
    <t>\\acsfs\profiles$\ALYNYA\Downloads\401a3663-5c5b-4b9f-96cb-83b0dd340b87.tmp</t>
  </si>
  <si>
    <t>01/22/2020 06:40:15</t>
  </si>
  <si>
    <t>01/22/2020 06:40:52</t>
  </si>
  <si>
    <t>8d0bb84c-30b3-4c25-88cd-a3540e557c00.tmp</t>
  </si>
  <si>
    <t>\\acsfs\profiles$\ALYNYA\Downloads\8d0bb84c-30b3-4c25-88cd-a3540e557c00.tmp</t>
  </si>
  <si>
    <t>01/22/2020 06:39:02</t>
  </si>
  <si>
    <t>01/22/2020 06:44:36</t>
  </si>
  <si>
    <t>01/22/2020 06:42:50</t>
  </si>
  <si>
    <t>ccc267f1-de5e-4ae6-a3be-6379da0bc2b5.tmp</t>
  </si>
  <si>
    <t>\\acsfs\profiles$\monicargds\Downloads\ccc267f1-de5e-4ae6-a3be-6379da0bc2b5.tmp</t>
  </si>
  <si>
    <t>01/22/2020 06:42:52</t>
  </si>
  <si>
    <t>447c91df-ab39-4074-979e-35b7b986481e.tmp</t>
  </si>
  <si>
    <t>\\acsfs\profiles$\monicargds\Downloads\447c91df-ab39-4074-979e-35b7b986481e.tmp</t>
  </si>
  <si>
    <t>01/22/2020 06:46:36</t>
  </si>
  <si>
    <t>01/22/2020 06:44:25</t>
  </si>
  <si>
    <t>01/22/2020 06:47:35</t>
  </si>
  <si>
    <t>01/22/2020 06:45:02</t>
  </si>
  <si>
    <t>01/22/2020 06:49:35</t>
  </si>
  <si>
    <t>01/22/2020 06:45:32</t>
  </si>
  <si>
    <t>01/22/2020 06:45:33</t>
  </si>
  <si>
    <t>01/22/2020 06:46:34</t>
  </si>
  <si>
    <t>01/22/2020 06:45:47</t>
  </si>
  <si>
    <t>01/22/2020 06:46:52</t>
  </si>
  <si>
    <t>01/22/2020 06:44:56</t>
  </si>
  <si>
    <t>0d5f27cb-c54e-4f92-84e9-353cab1d7d12.tmp</t>
  </si>
  <si>
    <t>\\acsfs\profiles$\monicargds\Downloads\0d5f27cb-c54e-4f92-84e9-353cab1d7d12.tmp</t>
  </si>
  <si>
    <t>01/22/2020 06:45:26</t>
  </si>
  <si>
    <t>aa77d666-2822-4a52-986a-0fdc74470be2.tmp</t>
  </si>
  <si>
    <t>\\acsfs\profiles$\monicargds\Downloads\aa77d666-2822-4a52-986a-0fdc74470be2.tmp</t>
  </si>
  <si>
    <t>01/22/2020 06:48:06</t>
  </si>
  <si>
    <t>574d28ba-5ad6-49a1-bf8d-76d463d73430.tmp</t>
  </si>
  <si>
    <t>\\acsfs\profiles$\monicargds\Downloads\574d28ba-5ad6-49a1-bf8d-76d463d73430.tmp</t>
  </si>
  <si>
    <t>01/22/2020 06:51:35</t>
  </si>
  <si>
    <t>01/22/2020 06:52:02</t>
  </si>
  <si>
    <t>01/22/2020 06:54:35</t>
  </si>
  <si>
    <t>01/22/2020 06:53:19</t>
  </si>
  <si>
    <t>01/22/2020 06:52:52</t>
  </si>
  <si>
    <t>01/22/2020 06:53:40</t>
  </si>
  <si>
    <t>01/22/2020 06:56:35</t>
  </si>
  <si>
    <t>01/22/2020 06:56:34</t>
  </si>
  <si>
    <t>01/22/2020 06:57:36</t>
  </si>
  <si>
    <t>01/22/2020 06:54:18</t>
  </si>
  <si>
    <t>01/22/2020 06:59:36</t>
  </si>
  <si>
    <t>01/22/2020 06:58:02</t>
  </si>
  <si>
    <t>01/22/2020 06:55:10</t>
  </si>
  <si>
    <t>32d9c56b-ebba-40eb-9b97-4011d148e80e.tmp</t>
  </si>
  <si>
    <t>\\acsfs\profiles$\anafsb\Downloads\32d9c56b-ebba-40eb-9b97-4011d148e80e.tmp</t>
  </si>
  <si>
    <t>01/22/2020 06:55:11</t>
  </si>
  <si>
    <t>39797350-64d7-4d6e-a8a3-469ab1ac8685.tmp</t>
  </si>
  <si>
    <t>\\acsfs\profiles$\anafsb\Downloads\39797350-64d7-4d6e-a8a3-469ab1ac8685.tmp</t>
  </si>
  <si>
    <t>01/22/2020 06:55:12</t>
  </si>
  <si>
    <t>9d528d71-32ba-4f50-875c-0808bed2dde9.tmp</t>
  </si>
  <si>
    <t>\\acsfs\profiles$\anafsb\Downloads\9d528d71-32ba-4f50-875c-0808bed2dde9.tmp</t>
  </si>
  <si>
    <t>01/22/2020 06:55:41</t>
  </si>
  <si>
    <t>d8b7dc25-939b-4a25-81ce-42b5f841d06d.tmp</t>
  </si>
  <si>
    <t>\\acsfs\profiles$\anafsb\Downloads\d8b7dc25-939b-4a25-81ce-42b5f841d06d.tmp</t>
  </si>
  <si>
    <t>01/22/2020 06:58:28</t>
  </si>
  <si>
    <t>bb609a28-f30f-4f03-a839-201363bdcc8b.tmp</t>
  </si>
  <si>
    <t>\\acsfs\profiles$\anafsb\Downloads\bb609a28-f30f-4f03-a839-201363bdcc8b.tmp</t>
  </si>
  <si>
    <t>01/22/2020 06:58:30</t>
  </si>
  <si>
    <t>c8039375-820b-4409-885a-c552ae8c30ae.tmp</t>
  </si>
  <si>
    <t>\\acsfs\profiles$\anafsb\Downloads\c8039375-820b-4409-885a-c552ae8c30ae.tmp</t>
  </si>
  <si>
    <t>01/22/2020 06:58:53</t>
  </si>
  <si>
    <t>01/22/2020 07:01:36</t>
  </si>
  <si>
    <t>01/22/2020 06:58:24</t>
  </si>
  <si>
    <t>01/22/2020 07:02:35</t>
  </si>
  <si>
    <t>01/22/2020 07:04:36</t>
  </si>
  <si>
    <t>01/22/2020 07:01:09</t>
  </si>
  <si>
    <t>01/22/2020 07:01:59</t>
  </si>
  <si>
    <t>01/22/2020 07:04:51</t>
  </si>
  <si>
    <t>01/22/2020 07:05:35</t>
  </si>
  <si>
    <t>01/22/2020 07:04:52</t>
  </si>
  <si>
    <t>01/22/2020 07:04:53</t>
  </si>
  <si>
    <t>01/22/2020 07:04:54</t>
  </si>
  <si>
    <t>01/22/2020 07:04:55</t>
  </si>
  <si>
    <t>01/22/2020 07:04:56</t>
  </si>
  <si>
    <t>01/22/2020 07:04:57</t>
  </si>
  <si>
    <t>01/22/2020 07:04:58</t>
  </si>
  <si>
    <t>01/22/2020 07:04:59</t>
  </si>
  <si>
    <t>01/22/2020 07:06:36</t>
  </si>
  <si>
    <t>01/22/2020 07:01:48</t>
  </si>
  <si>
    <t>06a149a5-4c89-47d5-a4bd-d4f1b65ff5fe.tmp</t>
  </si>
  <si>
    <t>\\acsfs\profiles$\cintiadcf\Downloads\06a149a5-4c89-47d5-a4bd-d4f1b65ff5fe.tmp</t>
  </si>
  <si>
    <t>01/22/2020 07:01:49</t>
  </si>
  <si>
    <t>4aa4edaf-ae99-48f3-b8f3-88f24070b80a.tmp</t>
  </si>
  <si>
    <t>\\acsfs\profiles$\cintiadcf\Downloads\4aa4edaf-ae99-48f3-b8f3-88f24070b80a.tmp</t>
  </si>
  <si>
    <t>01/22/2020 07:03:41</t>
  </si>
  <si>
    <t>69292ec1-6c89-4564-9ebd-833a36ca701d.tmp</t>
  </si>
  <si>
    <t>\\acsfs\profiles$\cintiadcf\Downloads\69292ec1-6c89-4564-9ebd-833a36ca701d.tmp</t>
  </si>
  <si>
    <t>01/22/2020 07:03:08</t>
  </si>
  <si>
    <t>01/22/2020 07:07:35</t>
  </si>
  <si>
    <t>01/22/2020 07:06:52</t>
  </si>
  <si>
    <t>01/22/2020 07:06:53</t>
  </si>
  <si>
    <t>01/22/2020 07:06:54</t>
  </si>
  <si>
    <t>01/22/2020 07:06:55</t>
  </si>
  <si>
    <t>01/22/2020 07:06:56</t>
  </si>
  <si>
    <t>01/22/2020 07:06:57</t>
  </si>
  <si>
    <t>01/22/2020 07:06:58</t>
  </si>
  <si>
    <t>01/22/2020 07:06:59</t>
  </si>
  <si>
    <t>01/22/2020 07:08:36</t>
  </si>
  <si>
    <t>01/22/2020 07:07:00</t>
  </si>
  <si>
    <t>01/22/2020 07:07:01</t>
  </si>
  <si>
    <t>01/22/2020 07:07:02</t>
  </si>
  <si>
    <t>01/22/2020 07:07:03</t>
  </si>
  <si>
    <t>01/22/2020 07:07:04</t>
  </si>
  <si>
    <t>01/22/2020 07:07:05</t>
  </si>
  <si>
    <t>01/22/2020 07:07:06</t>
  </si>
  <si>
    <t>01/22/2020 07:07:07</t>
  </si>
  <si>
    <t>01/22/2020 07:07:08</t>
  </si>
  <si>
    <t>01/22/2020 07:07:09</t>
  </si>
  <si>
    <t>01/22/2020 07:07:10</t>
  </si>
  <si>
    <t>01/22/2020 07:07:11</t>
  </si>
  <si>
    <t>01/22/2020 07:07:12</t>
  </si>
  <si>
    <t>01/22/2020 07:04:02</t>
  </si>
  <si>
    <t>01/22/2020 07:09:35</t>
  </si>
  <si>
    <t>01/22/2020 07:08:56</t>
  </si>
  <si>
    <t>01/22/2020 07:04:05</t>
  </si>
  <si>
    <t>074c4138-3205-4743-a3c9-04c51ac8255d.tmp</t>
  </si>
  <si>
    <t>\\acsfs\profiles$\anafsb\Downloads\074c4138-3205-4743-a3c9-04c51ac8255d.tmp</t>
  </si>
  <si>
    <t>01/22/2020 07:10:36</t>
  </si>
  <si>
    <t>01/22/2020 07:05:00</t>
  </si>
  <si>
    <t>01/22/2020 07:05:01</t>
  </si>
  <si>
    <t>01/22/2020 07:05:02</t>
  </si>
  <si>
    <t>01/22/2020 07:05:03</t>
  </si>
  <si>
    <t>01/22/2020 07:05:04</t>
  </si>
  <si>
    <t>01/22/2020 07:05:05</t>
  </si>
  <si>
    <t>01/22/2020 07:05:06</t>
  </si>
  <si>
    <t>01/22/2020 07:05:07</t>
  </si>
  <si>
    <t>01/22/2020 07:05:08</t>
  </si>
  <si>
    <t>01/22/2020 07:05:09</t>
  </si>
  <si>
    <t>01/22/2020 07:05:10</t>
  </si>
  <si>
    <t>01/22/2020 07:05:11</t>
  </si>
  <si>
    <t>01/22/2020 07:11:35</t>
  </si>
  <si>
    <t>01/22/2020 07:13:35</t>
  </si>
  <si>
    <t>01/22/2020 07:07:13</t>
  </si>
  <si>
    <t>01/22/2020 07:10:12</t>
  </si>
  <si>
    <t>61654348-6261-4f43-9b43-50d97564f238.tmp</t>
  </si>
  <si>
    <t>\\acsfs\profiles$\lucasgpe\Downloads\61654348-6261-4f43-9b43-50d97564f238.tmp</t>
  </si>
  <si>
    <t>01/22/2020 07:11:26</t>
  </si>
  <si>
    <t>b04ea14d-3473-48cd-8138-cc7bfa2f647a.tmp</t>
  </si>
  <si>
    <t>\\acsfs\profiles$\lucasgpe\Downloads\b04ea14d-3473-48cd-8138-cc7bfa2f647a.tmp</t>
  </si>
  <si>
    <t>01/22/2020 07:10:02</t>
  </si>
  <si>
    <t>01/22/2020 07:14:35</t>
  </si>
  <si>
    <t>01/22/2020 07:09:47</t>
  </si>
  <si>
    <t>01/22/2020 07:10:53</t>
  </si>
  <si>
    <t>01/22/2020 07:11:42</t>
  </si>
  <si>
    <t>0cc650d7-1750-414f-95bd-cea38a8ea3b4.tmp</t>
  </si>
  <si>
    <t>\\acsfs\profiles$\mariajra\Downloads\0cc650d7-1750-414f-95bd-cea38a8ea3b4.tmp</t>
  </si>
  <si>
    <t>01/22/2020 07:13:24</t>
  </si>
  <si>
    <t>797b8afb-a1fa-4711-a5fd-f8a6c83c7f92.tmp</t>
  </si>
  <si>
    <t>\\acsfs\profiles$\mariajra\Downloads\797b8afb-a1fa-4711-a5fd-f8a6c83c7f92.tmp</t>
  </si>
  <si>
    <t>01/22/2020 07:13:59</t>
  </si>
  <si>
    <t>5e79e552-4c2f-46d6-82bf-9d506f40efff.tmp</t>
  </si>
  <si>
    <t>\\acsfs\profiles$\mariajra\Downloads\5e79e552-4c2f-46d6-82bf-9d506f40efff.tmp</t>
  </si>
  <si>
    <t>01/22/2020 07:14:10</t>
  </si>
  <si>
    <t>ff1d02a9-57d8-453c-85b9-594463f49b7f.tmp</t>
  </si>
  <si>
    <t>\\acsfs\profiles$\mariajra\Downloads\ff1d02a9-57d8-453c-85b9-594463f49b7f.tmp</t>
  </si>
  <si>
    <t>01/22/2020 07:16:35</t>
  </si>
  <si>
    <t>01/22/2020 07:16:03</t>
  </si>
  <si>
    <t>01/22/2020 07:19:35</t>
  </si>
  <si>
    <t>01/22/2020 07:16:27</t>
  </si>
  <si>
    <t>01/22/2020 07:16:53</t>
  </si>
  <si>
    <t>01/22/2020 07:17:23</t>
  </si>
  <si>
    <t>01/22/2020 07:21:35</t>
  </si>
  <si>
    <t>01/22/2020 07:20:09</t>
  </si>
  <si>
    <t>01/22/2020 07:24:35</t>
  </si>
  <si>
    <t>cf52fceb-1090-45f7-aaef-d2a4d53de971.tmp</t>
  </si>
  <si>
    <t>\\acsfs\profiles$\websondsa\Downloads\cf52fceb-1090-45f7-aaef-d2a4d53de971.tmp</t>
  </si>
  <si>
    <t>01/22/2020 07:20:10</t>
  </si>
  <si>
    <t>33caa47f-6fc3-496e-b505-296b7501b44e.tmp</t>
  </si>
  <si>
    <t>\\acsfs\profiles$\websondsa\Downloads\33caa47f-6fc3-496e-b505-296b7501b44e.tmp</t>
  </si>
  <si>
    <t>01/22/2020 07:20:55</t>
  </si>
  <si>
    <t>01/22/2020 07:21:20</t>
  </si>
  <si>
    <t>d1817fb2-3e65-4ce9-9849-07ec103751c7.tmp</t>
  </si>
  <si>
    <t>\\acsfs\profiles$\websondsa\Downloads\d1817fb2-3e65-4ce9-9849-07ec103751c7.tmp</t>
  </si>
  <si>
    <t>01/22/2020 07:21:31</t>
  </si>
  <si>
    <t>974675c1-8e9e-44ac-83ec-430d0f5a291b.tmp</t>
  </si>
  <si>
    <t>\\acsfs\profiles$\websondsa\Downloads\974675c1-8e9e-44ac-83ec-430d0f5a291b.tmp</t>
  </si>
  <si>
    <t>01/22/2020 07:21:32</t>
  </si>
  <si>
    <t>4ba6fbe7-2ef9-489f-a05f-661054c14554.tmp</t>
  </si>
  <si>
    <t>\\acsfs\profiles$\websondsa\Downloads\4ba6fbe7-2ef9-489f-a05f-661054c14554.tmp</t>
  </si>
  <si>
    <t>01/22/2020 07:21:33</t>
  </si>
  <si>
    <t>ebb2a043-c1ca-4774-8fae-4bbe383d7df7.tmp</t>
  </si>
  <si>
    <t>\\acsfs\profiles$\websondsa\Downloads\ebb2a043-c1ca-4774-8fae-4bbe383d7df7.tmp</t>
  </si>
  <si>
    <t>01/22/2020 07:22:03</t>
  </si>
  <si>
    <t>01/22/2020 07:23:21</t>
  </si>
  <si>
    <t>01/22/2020 07:22:53</t>
  </si>
  <si>
    <t>01/22/2020 07:23:51</t>
  </si>
  <si>
    <t>43988cc9-805b-482c-9da0-00916bc47611.tmp</t>
  </si>
  <si>
    <t>\\acsfs\profiles$\claudiajca\Downloads\43988cc9-805b-482c-9da0-00916bc47611.tmp</t>
  </si>
  <si>
    <t>01/22/2020 07:23:50</t>
  </si>
  <si>
    <t>fa66bb3f-22f2-44c1-ad7c-c9ff50489b67.tmp</t>
  </si>
  <si>
    <t>\\acsfs\profiles$\mariajra\Downloads\fa66bb3f-22f2-44c1-ad7c-c9ff50489b67.tmp</t>
  </si>
  <si>
    <t>01/22/2020 07:24:12</t>
  </si>
  <si>
    <t>01/22/2020 07:25:35</t>
  </si>
  <si>
    <t>23cb5dc6-ea5e-45f0-ab66-9847c6f659c6.tmp</t>
  </si>
  <si>
    <t>\\acsfs\profiles$\danielpdl\Downloads\23cb5dc6-ea5e-45f0-ab66-9847c6f659c6.tmp</t>
  </si>
  <si>
    <t>01/22/2020 07:23:01</t>
  </si>
  <si>
    <t>8d5c4ee9-1df7-458e-a737-cfcbc18fe404.tmp</t>
  </si>
  <si>
    <t>\\acsfs\profiles$\georgendsq\Downloads\8d5c4ee9-1df7-458e-a737-cfcbc18fe404.tmp</t>
  </si>
  <si>
    <t>01/22/2020 07:23:45</t>
  </si>
  <si>
    <t>afb544eb-2152-4f79-a1b3-fb8c7cc99b99.tmp</t>
  </si>
  <si>
    <t>\\acsfs\profiles$\georgendsq\Downloads\afb544eb-2152-4f79-a1b3-fb8c7cc99b99.tmp</t>
  </si>
  <si>
    <t>01/22/2020 07:24:28</t>
  </si>
  <si>
    <t>42ee8687-06f9-46b6-9fed-7b2f09568390.tmp</t>
  </si>
  <si>
    <t>\\acsfs\profiles$\georgendsq\Downloads\42ee8687-06f9-46b6-9fed-7b2f09568390.tmp</t>
  </si>
  <si>
    <t>01/22/2020 07:24:42</t>
  </si>
  <si>
    <t>f12e8bda-8834-40bb-8a40-db00d332539e.tmp</t>
  </si>
  <si>
    <t>\\acsfs\profiles$\georgendsq\Downloads\f12e8bda-8834-40bb-8a40-db00d332539e.tmp</t>
  </si>
  <si>
    <t>01/22/2020 07:24:55</t>
  </si>
  <si>
    <t>9bf12400-ef60-46db-b4b0-94078d4ee9d8.tmp</t>
  </si>
  <si>
    <t>\\acsfs\profiles$\georgendsq\Downloads\9bf12400-ef60-46db-b4b0-94078d4ee9d8.tmp</t>
  </si>
  <si>
    <t>01/22/2020 07:24:56</t>
  </si>
  <si>
    <t>01/22/2020 07:26:35</t>
  </si>
  <si>
    <t>32234325-7396-4f30-99f5-9d6f1d87d0fb.tmp</t>
  </si>
  <si>
    <t>\\acsfs\profiles$\inarajst\Downloads\32234325-7396-4f30-99f5-9d6f1d87d0fb.tmp</t>
  </si>
  <si>
    <t>01/22/2020 07:24:59</t>
  </si>
  <si>
    <t>c74754bd-53e6-441f-b28e-d41f33f66dac.tmp</t>
  </si>
  <si>
    <t>\\acsfs\profiles$\inarajst\Downloads\c74754bd-53e6-441f-b28e-d41f33f66dac.tmp</t>
  </si>
  <si>
    <t>01/22/2020 07:25:04</t>
  </si>
  <si>
    <t>3910659f-2534-4c4e-9627-b23cd42e7398.tmp</t>
  </si>
  <si>
    <t>\\acsfs\profiles$\inarajst\Downloads\3910659f-2534-4c4e-9627-b23cd42e7398.tmp</t>
  </si>
  <si>
    <t>01/22/2020 07:25:20</t>
  </si>
  <si>
    <t>df5f357c-8621-4a97-99ac-01d78ed708d1.tmp</t>
  </si>
  <si>
    <t>\\acsfs\profiles$\inarajst\Downloads\df5f357c-8621-4a97-99ac-01d78ed708d1.tmp</t>
  </si>
  <si>
    <t>01/22/2020 07:24:40</t>
  </si>
  <si>
    <t>01/22/2020 07:27:35</t>
  </si>
  <si>
    <t>01/22/2020 07:24:41</t>
  </si>
  <si>
    <t>01/22/2020 07:23:58</t>
  </si>
  <si>
    <t>01/22/2020 07:29:35</t>
  </si>
  <si>
    <t>01/22/2020 07:28:03</t>
  </si>
  <si>
    <t>01/22/2020 07:28:41</t>
  </si>
  <si>
    <t>01/22/2020 07:28:42</t>
  </si>
  <si>
    <t>036e54d6-ccc0-4c29-8358-954cc7b7a2ec.tmp</t>
  </si>
  <si>
    <t>\\acsfs\profiles$\claudiajca\Downloads\036e54d6-ccc0-4c29-8358-954cc7b7a2ec.tmp</t>
  </si>
  <si>
    <t>01/22/2020 07:25:42</t>
  </si>
  <si>
    <t>01/22/2020 07:30:35</t>
  </si>
  <si>
    <t>33393eff-7555-40ca-a6f6-d95f456ded8d.tmp</t>
  </si>
  <si>
    <t>\\acsfs\profiles$\danielpdl\Downloads\33393eff-7555-40ca-a6f6-d95f456ded8d.tmp</t>
  </si>
  <si>
    <t>01/22/2020 07:25:47</t>
  </si>
  <si>
    <t>bdb1cab9-8fd1-4c44-b443-88c92ad01b46.tmp</t>
  </si>
  <si>
    <t>\\acsfs\profiles$\danielpdl\Downloads\bdb1cab9-8fd1-4c44-b443-88c92ad01b46.tmp</t>
  </si>
  <si>
    <t>01/22/2020 07:25:52</t>
  </si>
  <si>
    <t>e1e4edb4-20be-4e40-935e-8b9950c0840e.tmp</t>
  </si>
  <si>
    <t>\\acsfs\profiles$\danielpdl\Downloads\e1e4edb4-20be-4e40-935e-8b9950c0840e.tmp</t>
  </si>
  <si>
    <t>01/22/2020 07:26:56</t>
  </si>
  <si>
    <t>5ef0ebfe-6503-40f7-9d8a-8eaea2bc5b88.tmp</t>
  </si>
  <si>
    <t>\\acsfs\profiles$\danielpdl\Downloads\5ef0ebfe-6503-40f7-9d8a-8eaea2bc5b88.tmp</t>
  </si>
  <si>
    <t>01/22/2020 07:25:15</t>
  </si>
  <si>
    <t>013973aa-ca99-425d-b60c-446f2554f766.tmp</t>
  </si>
  <si>
    <t>\\acsfs\profiles$\georgendsq\Downloads\013973aa-ca99-425d-b60c-446f2554f766.tmp</t>
  </si>
  <si>
    <t>01/22/2020 07:28:29</t>
  </si>
  <si>
    <t>01/22/2020 07:31:35</t>
  </si>
  <si>
    <t>936f29fe-47d0-48ba-93ed-5346b31af88f.tmp</t>
  </si>
  <si>
    <t>\\acsfs\profiles$\sarahbal\Downloads\936f29fe-47d0-48ba-93ed-5346b31af88f.tmp</t>
  </si>
  <si>
    <t>01/22/2020 07:29:39</t>
  </si>
  <si>
    <t>cc1fbd2c-de71-4fa7-b823-c113dc8ff090.tmp</t>
  </si>
  <si>
    <t>\\acsfs\profiles$\sarahbal\Downloads\cc1fbd2c-de71-4fa7-b823-c113dc8ff090.tmp</t>
  </si>
  <si>
    <t>01/22/2020 07:29:54</t>
  </si>
  <si>
    <t>cd44b3d2-7d0c-4cc2-bc86-ba130bf7a846.tmp</t>
  </si>
  <si>
    <t>\\acsfs\profiles$\sarahbal\Downloads\cd44b3d2-7d0c-4cc2-bc86-ba130bf7a846.tmp</t>
  </si>
  <si>
    <t>01/22/2020 07:30:05</t>
  </si>
  <si>
    <t>ba434d00-8524-4abb-8413-140901f4ef71.tmp</t>
  </si>
  <si>
    <t>\\acsfs\profiles$\sarahbal\Downloads\ba434d00-8524-4abb-8413-140901f4ef71.tmp</t>
  </si>
  <si>
    <t>01/22/2020 07:28:34</t>
  </si>
  <si>
    <t>dc24fa06-4e7a-4d1c-8955-bb40f2c13fdb.tmp</t>
  </si>
  <si>
    <t>\\acsfs\profiles$\inarajst\Downloads\dc24fa06-4e7a-4d1c-8955-bb40f2c13fdb.tmp</t>
  </si>
  <si>
    <t>01/22/2020 07:29:56</t>
  </si>
  <si>
    <t>b5e316d8-9705-4795-a1ca-5dafbde9eba9.tmp</t>
  </si>
  <si>
    <t>\\acsfs\profiles$\inarajst\Downloads\b5e316d8-9705-4795-a1ca-5dafbde9eba9.tmp</t>
  </si>
  <si>
    <t>01/22/2020 07:27:00</t>
  </si>
  <si>
    <t>01/22/2020 07:32:35</t>
  </si>
  <si>
    <t>89619482-f4da-4b59-b9d1-bd1fd681591e.tmp</t>
  </si>
  <si>
    <t>\\acsfs\profiles$\ROZENCAM\Downloads\89619482-f4da-4b59-b9d1-bd1fd681591e.tmp</t>
  </si>
  <si>
    <t>01/22/2020 07:31:09</t>
  </si>
  <si>
    <t>01/22/2020 07:34:35</t>
  </si>
  <si>
    <t>01/22/2020 07:31:40</t>
  </si>
  <si>
    <t>01/22/2020 07:33:18</t>
  </si>
  <si>
    <t>01/22/2020 07:33:53</t>
  </si>
  <si>
    <t>01/22/2020 07:36:35</t>
  </si>
  <si>
    <t>01/22/2020 07:34:03</t>
  </si>
  <si>
    <t>01/22/2020 07:39:35</t>
  </si>
  <si>
    <t>01/22/2020 07:38:57</t>
  </si>
  <si>
    <t>01/22/2020 07:35:37</t>
  </si>
  <si>
    <t>01/22/2020 07:40:36</t>
  </si>
  <si>
    <t>c2e320d6-0330-4fd2-9880-dd7078e8fe8b.tmp</t>
  </si>
  <si>
    <t>\\acsfs\profiles$\vivianalds\Downloads\c2e320d6-0330-4fd2-9880-dd7078e8fe8b.tmp</t>
  </si>
  <si>
    <t>01/22/2020 07:36:53</t>
  </si>
  <si>
    <t>3e02c784-bc54-4202-b328-5851a41988c3.tmp</t>
  </si>
  <si>
    <t>\\acsfs\profiles$\vivianalds\Downloads\3e02c784-bc54-4202-b328-5851a41988c3.tmp</t>
  </si>
  <si>
    <t>01/22/2020 07:39:15</t>
  </si>
  <si>
    <t>01/22/2020 07:39:36</t>
  </si>
  <si>
    <t>01/22/2020 07:39:37</t>
  </si>
  <si>
    <t>lu9872zhn8g.tmp</t>
  </si>
  <si>
    <t>\\acsfs\profiles$\VIVIANALDS\My Documents\lu9872zhn8g.tmp</t>
  </si>
  <si>
    <t>\\acsfs\profiles$\VIVIANALDS\My Documents\lu9872zhn8g.tmp\</t>
  </si>
  <si>
    <t>\\acsfs\profiles$\VIVIANALDS\My Documents\lu9872zhn8g.tmp\META-INF\</t>
  </si>
  <si>
    <t>01/22/2020 07:35:38</t>
  </si>
  <si>
    <t>01/22/2020 07:41:35</t>
  </si>
  <si>
    <t>01/22/2020 07:38:15</t>
  </si>
  <si>
    <t>01/22/2020 07:43:36</t>
  </si>
  <si>
    <t>01/22/2020 07:39:32</t>
  </si>
  <si>
    <t>01/22/2020 07:39:28</t>
  </si>
  <si>
    <t>01/22/2020 07:44:36</t>
  </si>
  <si>
    <t>01/22/2020 07:40:03</t>
  </si>
  <si>
    <t>01/22/2020 07:39:54</t>
  </si>
  <si>
    <t>01/22/2020 07:41:12</t>
  </si>
  <si>
    <t>01/22/2020 07:45:36</t>
  </si>
  <si>
    <t>\\acsfs\profiles$\VIVIANALDS\My Documents\lu9872zhn8g.tmp\Thumbnails\</t>
  </si>
  <si>
    <t>01/22/2020 07:45:40</t>
  </si>
  <si>
    <t>01/22/2020 07:46:37</t>
  </si>
  <si>
    <t>6f58b4c6-a26a-47de-af8a-c09ca9f57ea9.tmp</t>
  </si>
  <si>
    <t>\\acsfs\profiles$\inarajst\Downloads\6f58b4c6-a26a-47de-af8a-c09ca9f57ea9.tmp</t>
  </si>
  <si>
    <t>01/22/2020 07:46:43</t>
  </si>
  <si>
    <t>01/22/2020 07:47:36</t>
  </si>
  <si>
    <t>e79d2d05-eabd-4d69-9865-7bbb9fad40e1.tmp</t>
  </si>
  <si>
    <t>\\acsfs\profiles$\nayarasds\Downloads\e79d2d05-eabd-4d69-9865-7bbb9fad40e1.tmp</t>
  </si>
  <si>
    <t>01/22/2020 07:47:24</t>
  </si>
  <si>
    <t>e726caa7-38c6-4104-8aa4-4339df7d143f.tmp</t>
  </si>
  <si>
    <t>\\acsfs\profiles$\nayarasds\Downloads\e726caa7-38c6-4104-8aa4-4339df7d143f.tmp</t>
  </si>
  <si>
    <t>01/22/2020 07:46:03</t>
  </si>
  <si>
    <t>01/22/2020 07:49:36</t>
  </si>
  <si>
    <t>01/22/2020 07:46:30</t>
  </si>
  <si>
    <t>01/22/2020 07:47:01</t>
  </si>
  <si>
    <t>01/22/2020 07:45:53</t>
  </si>
  <si>
    <t>01/22/2020 07:49:00</t>
  </si>
  <si>
    <t>01/22/2020 07:50:36</t>
  </si>
  <si>
    <t>01/22/2020 07:51:37</t>
  </si>
  <si>
    <t>01/22/2020 07:50:07</t>
  </si>
  <si>
    <t>01/22/2020 07:52:36</t>
  </si>
  <si>
    <t>fa053cba-59af-4427-8f3b-a3c56b8315bc.tmp</t>
  </si>
  <si>
    <t>\\acsfs\profiles$\wenderbnm\Downloads\fa053cba-59af-4427-8f3b-a3c56b8315bc.tmp</t>
  </si>
  <si>
    <t>4016d23c-0970-4937-a160-02131aea7c8b.tmp</t>
  </si>
  <si>
    <t>\\acsfs\profiles$\wenderbnm\Downloads\4016d23c-0970-4937-a160-02131aea7c8b.tmp</t>
  </si>
  <si>
    <t>01/22/2020 07:48:22</t>
  </si>
  <si>
    <t>e7f2ae1a-eff9-406c-9a8f-19a55b34581f.tmp</t>
  </si>
  <si>
    <t>\\acsfs\profiles$\nayarasds\Downloads\e7f2ae1a-eff9-406c-9a8f-19a55b34581f.tmp</t>
  </si>
  <si>
    <t>01/22/2020 07:50:09</t>
  </si>
  <si>
    <t>c1e711e8-97d1-47c6-90a6-fc551909b820.tmp</t>
  </si>
  <si>
    <t>\\acsfs\profiles$\nayarasds\Downloads\c1e711e8-97d1-47c6-90a6-fc551909b820.tmp</t>
  </si>
  <si>
    <t>01/22/2020 07:50:27</t>
  </si>
  <si>
    <t>0e0f9ab4-64d6-4f08-ba99-29fc5c4d7f2c.tmp</t>
  </si>
  <si>
    <t>\\acsfs\profiles$\nayarasds\Downloads\0e0f9ab4-64d6-4f08-ba99-29fc5c4d7f2c.tmp</t>
  </si>
  <si>
    <t>01/22/2020 07:50:31</t>
  </si>
  <si>
    <t>e6415c0b-4ceb-43e1-a05b-9798a1dfa9d6.tmp</t>
  </si>
  <si>
    <t>\\acsfs\profiles$\nayarasds\Downloads\e6415c0b-4ceb-43e1-a05b-9798a1dfa9d6.tmp</t>
  </si>
  <si>
    <t>01/22/2020 07:51:38</t>
  </si>
  <si>
    <t>bb271495-f341-4604-806a-e42696dcef28.tmp</t>
  </si>
  <si>
    <t>\\acsfs\profiles$\nayarasds\Downloads\bb271495-f341-4604-806a-e42696dcef28.tmp</t>
  </si>
  <si>
    <t>01/22/2020 07:49:34</t>
  </si>
  <si>
    <t>01/22/2020 07:53:37</t>
  </si>
  <si>
    <t>a28d1b38-ef12-42fb-bb76-d6cbfaf61362.tmp</t>
  </si>
  <si>
    <t>\\acsfs\profiles$\lucasgpe\Downloads\a28d1b38-ef12-42fb-bb76-d6cbfaf61362.tmp</t>
  </si>
  <si>
    <t>01/22/2020 07:52:03</t>
  </si>
  <si>
    <t>01/22/2020 07:54:36</t>
  </si>
  <si>
    <t>01/22/2020 07:51:53</t>
  </si>
  <si>
    <t>01/22/2020 07:54:45</t>
  </si>
  <si>
    <t>01/22/2020 07:56:37</t>
  </si>
  <si>
    <t>01/22/2020 07:57:20</t>
  </si>
  <si>
    <t>01/22/2020 07:58:36</t>
  </si>
  <si>
    <t>10.200.67.12</t>
  </si>
  <si>
    <t>laianear</t>
  </si>
  <si>
    <t>\\acsfs\profiles$\laianear\Contacts\</t>
  </si>
  <si>
    <t>LAIANE ANGELINA RIBEIRO (2967).contact</t>
  </si>
  <si>
    <t>\\acsfs\profiles$\laianear\Contacts\LAIANE ANGELINA RIBEIRO (2967).contact</t>
  </si>
  <si>
    <t>01/22/2020 07:57:34</t>
  </si>
  <si>
    <t>\\acsfs\profiles$\laianear\My Documents\My Videos\</t>
  </si>
  <si>
    <t>\\acsfs\profiles$\laianear\My Documents\My Videos\desktop.ini</t>
  </si>
  <si>
    <t>01/22/2020 07:57:35</t>
  </si>
  <si>
    <t>01/22/2020 07:56:57</t>
  </si>
  <si>
    <t>81aac33a-23b0-435c-ac54-0dfeeb2f345d.tmp</t>
  </si>
  <si>
    <t>\\acsfs\profiles$\maxmillianosv\Downloads\81aac33a-23b0-435c-ac54-0dfeeb2f345d.tmp</t>
  </si>
  <si>
    <t>01/22/2020 07:54:14</t>
  </si>
  <si>
    <t>01/22/2020 07:59:37</t>
  </si>
  <si>
    <t>01/22/2020 07:58:03</t>
  </si>
  <si>
    <t>01/22/2020 07:56:47</t>
  </si>
  <si>
    <t>01/22/2020 07:57:53</t>
  </si>
  <si>
    <t>01/22/2020 07:57:12</t>
  </si>
  <si>
    <t>f038e998-e65f-401e-9e15-4c558e7d9691.tmp</t>
  </si>
  <si>
    <t>\\acsfs\profiles$\geovannasm\Downloads\f038e998-e65f-401e-9e15-4c558e7d9691.tmp</t>
  </si>
  <si>
    <t>01/22/2020 07:58:12</t>
  </si>
  <si>
    <t>659c8bb2-1499-4495-8b0e-2144d8c03527.tmp</t>
  </si>
  <si>
    <t>\\acsfs\profiles$\geovannasm\Downloads\659c8bb2-1499-4495-8b0e-2144d8c03527.tmp</t>
  </si>
  <si>
    <t>01/22/2020 07:58:30</t>
  </si>
  <si>
    <t>01/22/2020 08:00:36</t>
  </si>
  <si>
    <t>49e7d85d-01df-4961-9f95-fc79d9cec1b2.tmp</t>
  </si>
  <si>
    <t>\\acsfs\profiles$\vivianalds\Downloads\49e7d85d-01df-4961-9f95-fc79d9cec1b2.tmp</t>
  </si>
  <si>
    <t>01/22/2020 07:57:45</t>
  </si>
  <si>
    <t>bfd52ca5-3dd2-4a7e-97e8-0df7fefb32fa.tmp</t>
  </si>
  <si>
    <t>\\acsfs\profiles$\ERICALSR\Downloads\bfd52ca5-3dd2-4a7e-97e8-0df7fefb32fa.tmp</t>
  </si>
  <si>
    <t>01/22/2020 07:58:55</t>
  </si>
  <si>
    <t>432ca72b-9525-4446-887a-d824cf11f84b.tmp</t>
  </si>
  <si>
    <t>\\acsfs\profiles$\ERICALSR\Downloads\432ca72b-9525-4446-887a-d824cf11f84b.tmp</t>
  </si>
  <si>
    <t>01/22/2020 07:58:44</t>
  </si>
  <si>
    <t>81da87ec-f36e-4e80-90d7-1ad9072546ef.tmp</t>
  </si>
  <si>
    <t>\\acsfs\profiles$\danielpdl\Downloads\81da87ec-f36e-4e80-90d7-1ad9072546ef.tmp</t>
  </si>
  <si>
    <t>01/22/2020 08:00:19</t>
  </si>
  <si>
    <t>88679ae2-9a3e-4b91-9d7a-93e3b7c0ada0.tmp</t>
  </si>
  <si>
    <t>\\acsfs\profiles$\luanarda\Downloads\88679ae2-9a3e-4b91-9d7a-93e3b7c0ada0.tmp</t>
  </si>
  <si>
    <t>01/22/2020 08:00:33</t>
  </si>
  <si>
    <t>01/22/2020 08:01:37</t>
  </si>
  <si>
    <t>64ddd4c1-a411-4c0b-a2ba-a37d8efe93c3.tmp</t>
  </si>
  <si>
    <t>\\acsfs\profiles$\cintiadcf\Downloads\64ddd4c1-a411-4c0b-a2ba-a37d8efe93c3.tmp</t>
  </si>
  <si>
    <t>01/22/2020 08:03:37</t>
  </si>
  <si>
    <t>01/22/2020 07:57:36</t>
  </si>
  <si>
    <t>\\acsfs\profiles$\laianear\My Documents\My Pictures\</t>
  </si>
  <si>
    <t>\\acsfs\profiles$\laianear\My Documents\My Pictures\desktop.ini</t>
  </si>
  <si>
    <t>01/22/2020 07:57:37</t>
  </si>
  <si>
    <t>\\acsfs\profiles$\laianear\Contacts\desktop.ini</t>
  </si>
  <si>
    <t>\\acsfs\profiles$\laianear\Favorites\</t>
  </si>
  <si>
    <t>\\acsfs\profiles$\laianear\Favorites\desktop.ini</t>
  </si>
  <si>
    <t>01/22/2020 07:57:38</t>
  </si>
  <si>
    <t>\\acsfs\profiles$\laianear\My Documents\My Music\</t>
  </si>
  <si>
    <t>\\acsfs\profiles$\laianear\My Documents\My Music\desktop.ini</t>
  </si>
  <si>
    <t>01/22/2020 07:57:39</t>
  </si>
  <si>
    <t>\\acsfs\profiles$\laianear\Searches\</t>
  </si>
  <si>
    <t>\\acsfs\profiles$\laianear\Searches\desktop.ini</t>
  </si>
  <si>
    <t>01/22/2020 07:57:40</t>
  </si>
  <si>
    <t>\\acsfs\profiles$\laianear\Downloads\</t>
  </si>
  <si>
    <t>\\acsfs\profiles$\laianear\Downloads\desktop.ini</t>
  </si>
  <si>
    <t>\\acsfs\profiles$\laianear\My Documents\</t>
  </si>
  <si>
    <t>\\acsfs\profiles$\laianear\My Documents\desktop.ini</t>
  </si>
  <si>
    <t>01/22/2020 07:57:41</t>
  </si>
  <si>
    <t>\\acsfs\profiles$\laianear\Saved Games\</t>
  </si>
  <si>
    <t>\\acsfs\profiles$\laianear\Saved Games\desktop.ini</t>
  </si>
  <si>
    <t>01/22/2020 07:57:42</t>
  </si>
  <si>
    <t>01/22/2020 07:57:56</t>
  </si>
  <si>
    <t>\\acsfs\profiles$\laianear\Favorites\Links for Brasil\</t>
  </si>
  <si>
    <t>\\acsfs\profiles$\laianear\Favorites\Links for Brasil\desktop.ini</t>
  </si>
  <si>
    <t>01/22/2020 07:57:57</t>
  </si>
  <si>
    <t>\\acsfs\profiles$\laianear\Favorites\Links for Brasil\Microsoft Brasil.url</t>
  </si>
  <si>
    <t>\\acsfs\profiles$\laianear\Favorites\Links for Brasil\Windows Brasil.url</t>
  </si>
  <si>
    <t>\\acsfs\profiles$\laianear\Favorites\Links for Brasil\MSN Brasil.url</t>
  </si>
  <si>
    <t>01/22/2020 07:57:58</t>
  </si>
  <si>
    <t>01/22/2020 07:59:28</t>
  </si>
  <si>
    <t>aabb1afb-9537-4297-ae01-e392a30fd210.tmp</t>
  </si>
  <si>
    <t>\\acsfs\profiles$\laianear\Downloads\aabb1afb-9537-4297-ae01-e392a30fd210.tmp</t>
  </si>
  <si>
    <t>01/22/2020 07:59:35</t>
  </si>
  <si>
    <t>68d0de47-aee8-482d-a0b3-adc458f2459d.tmp</t>
  </si>
  <si>
    <t>\\acsfs\profiles$\laianear\Downloads\68d0de47-aee8-482d-a0b3-adc458f2459d.tmp</t>
  </si>
  <si>
    <t>01/22/2020 08:01:21</t>
  </si>
  <si>
    <t>1be316c9-654d-4636-acde-08d6f7a967a5.tmp</t>
  </si>
  <si>
    <t>\\acsfs\profiles$\laianear\Downloads\1be316c9-654d-4636-acde-08d6f7a967a5.tmp</t>
  </si>
  <si>
    <t>01/22/2020 08:01:32</t>
  </si>
  <si>
    <t>47737d62-8e5f-467a-852b-89d2681c83ef.tmp</t>
  </si>
  <si>
    <t>\\acsfs\profiles$\laianear\Downloads\47737d62-8e5f-467a-852b-89d2681c83ef.tmp</t>
  </si>
  <si>
    <t>01/22/2020 08:01:12</t>
  </si>
  <si>
    <t>87a3275d-3a6c-477e-8186-8cd9487fa189.tmp</t>
  </si>
  <si>
    <t>\\acsfs\profiles$\DALVADFB\Downloads\87a3275d-3a6c-477e-8186-8cd9487fa189.tmp</t>
  </si>
  <si>
    <t>01/22/2020 07:59:47</t>
  </si>
  <si>
    <t>37e5a200-d8d0-49a1-b47d-14510f7165bd.tmp</t>
  </si>
  <si>
    <t>\\acsfs\profiles$\paulovadc\Downloads\37e5a200-d8d0-49a1-b47d-14510f7165bd.tmp</t>
  </si>
  <si>
    <t>01/22/2020 08:02:28</t>
  </si>
  <si>
    <t>2a326dab-ac38-4bd5-b8d8-a86b6ee815b8.tmp</t>
  </si>
  <si>
    <t>\\acsfs\profiles$\paulovadc\Downloads\2a326dab-ac38-4bd5-b8d8-a86b6ee815b8.tmp</t>
  </si>
  <si>
    <t>7348dbc2-3421-41a5-888c-11ed8ae05e7b.tmp</t>
  </si>
  <si>
    <t>\\acsfs\profiles$\maxmillianosv\Downloads\7348dbc2-3421-41a5-888c-11ed8ae05e7b.tmp</t>
  </si>
  <si>
    <t>01/22/2020 07:58:59</t>
  </si>
  <si>
    <t>e69a52f9-ff72-4220-b7a7-751dbad2edd8.tmp</t>
  </si>
  <si>
    <t>\\acsfs\profiles$\maxmillianosv\Downloads\e69a52f9-ff72-4220-b7a7-751dbad2edd8.tmp</t>
  </si>
  <si>
    <t>01/22/2020 07:59:04</t>
  </si>
  <si>
    <t>1b7e4cef-7cc8-4246-959f-1f162ebf3f06.tmp</t>
  </si>
  <si>
    <t>\\acsfs\profiles$\maxmillianosv\Downloads\1b7e4cef-7cc8-4246-959f-1f162ebf3f06.tmp</t>
  </si>
  <si>
    <t>01/22/2020 08:00:31</t>
  </si>
  <si>
    <t>5da00e0c-fe66-4db4-ace9-aa55d32bd6c3.tmp</t>
  </si>
  <si>
    <t>\\acsfs\profiles$\maxmillianosv\Downloads\5da00e0c-fe66-4db4-ace9-aa55d32bd6c3.tmp</t>
  </si>
  <si>
    <t>01/22/2020 08:01:58</t>
  </si>
  <si>
    <t>8266aa16-3987-409d-8e44-bbc149bba5ff.tmp</t>
  </si>
  <si>
    <t>\\acsfs\profiles$\maxmillianosv\Downloads\8266aa16-3987-409d-8e44-bbc149bba5ff.tmp</t>
  </si>
  <si>
    <t>01/22/2020 08:04:36</t>
  </si>
  <si>
    <t>01/22/2020 08:02:04</t>
  </si>
  <si>
    <t>01/22/2020 08:02:35</t>
  </si>
  <si>
    <t>01/22/2020 08:03:42</t>
  </si>
  <si>
    <t>"mozilla/5.0 (windows nt 6.1) applewebkit/537.36 (khtml;0;0.371;0.371];0.668;0];0]4;0]\\\\\\\)\\\\\\\u2�2)\;0]\\\\\\]\\\)\);0]l;0]ngcwvvymf5y8gk;0]x�g��䒟qvm�7����?)\);0]�_x0011_2;1;104.93000000133179;1044.724999985192;1101.7899999860674;1119934;1119994;1133789;1159.734999993816;11c5m9ycfufsc7krihjn5d9wg8jcyqlqk;12.854];13;13.568;131;1311374;1316.9699999853037;1344469;1349384;135.741;13700014;13700109;13700167;13700185;13700235;13700451;13700563;13700563�;13700607;13700883;13700946;13700951;13700982;13701078;13701139;13701207;13701214;13701235;13701239;13701262;13701276;13701298;13701418;13701422;13701430;13701450;13701458;13701486;13701506;13701506]];13701506]]];13701510;13701534;13701537;13701573;13701577;13701589;13701609;13701613;13701625;13701653;13701657;13701693;13701709]];13701709]]];13701749;13701825;13701833;13701901;13701905;13701909;13701921;13701945;13701949;13701953;13701957;13701969;13702064;13702068;13702084;13702088;1388000;1427.624999982072;1458239;1490604;15.344;15.344];15.552;15.552];1566309;1579</t>
  </si>
  <si>
    <t>"mozilla/5.0 (windows nt 6.1) applewebkit/537.36 (khtml,0,0.371,0.371],0.668,0],0]4,0]\\\\\\\)\\\\\\\u2�2)\,0]\\\\\\]\\\)\),0]l,0]ngcwvvymf5y8gk,0]x�g��䒟qvm�7����?)\),0]�_x0011_2,1,104.93000000133179,1044.724999985192,1101.7899999860674,1119934,1119994,1133789,1159.734999993816,11c5m9ycfufsc7krihjn5d9wg8jcyqlqk,12.854],13,13.568,131,1311374,1316.9699999853037,1344469,1349384,135.741,13700014,13700109,13700167,13700185,13700235,13700451,13700563,13700563�,13700607,13700883,13700946,13700951,13700982,13701078,13701139,13701207,13701214,13701235,13701239,13701262,13701276,13701298,13701418,13701422,13701430,13701450,13701458,13701486,13701506,13701506]],13701506]]],13701510,13701534,13701537,13701573,13701577,13701589,13701609,13701613,13701625,13701653,13701657,13701693,13701709]],13701709]]],13701749,13701825,13701833,13701901,13701905,13701909,13701921,13701945,13701949,13701953,13701957,13701969,13702064,13702068,13702084,13702088,1388000,1427.624999982072,1458239,1490604,15.344,15.344],15.552,15.552],1566309,1579</t>
  </si>
  <si>
    <t>01/22/2020 08:03:53</t>
  </si>
  <si>
    <t>01/22/2020 08:04:04</t>
  </si>
  <si>
    <t>"mozilla/5.0 (windows nt 6.1) applewebkit/537.36 (khtml;0]\\\\\\\)\\\\\\\]\\\)\);1;114;13;137;13700109;13700563�;13700607;13700883;13701139;13701214;13701298;13701418;13701458;13701577;13701589;13701613;13701625;13701657;13701749;13701825;13701901;13701921;13701949;13701953;13701969;13702064;13702088;1579520900840000;1579520901989000;1579538275752000]]];1579543792044;1579545297171;1579555580068;1579642099366;1579649925267;376;402;621969351;77;82;[[13701450;[];[]]];aaae2viaaaapmqfnlxg8eswlx84tnrp_lbfgr4yxvbxozhgu3xv9z1njxy8j9btgxulcgwsjgloh9q7pjnzexrk8nmzquryqi2y8vghklsw9wukancgsf64sxyvdeqayxi2ojwu9aneyanj1o6pkm0tqpagxxutx-senhmks85mfej7uiuup5xs1;aaae2viaaaaqmqfnlxg8eswlx84tnrp_lbfgr4yxvbxozhgu3xv9z1njxy8j9btgxulcgwsjgloh9q7pjnzexrk8nmzquryqi2y8vghklsw9wukancgsf64sxyvdeqayxi2ojwu9aneyanj1o6pkm0tqpagxxutx-senhmks85mfej7uiuup5xs1;aaae2viaaaarmqfnlxg8eswlx84tnrp_lbfgr4yxvbxozhgu3xv9z1njxy8j9btgxulcgwsjgloh9q7pjnzexrk8nmzquryqi2y8vghklsw9wukancgsf64sxyvdeqayxi2ojwu9aneyanj1o6pkm0tqpagxxutx-senhmks85mfej7uiuup5xs1;</t>
  </si>
  <si>
    <t>"mozilla/5.0 (windows nt 6.1) applewebkit/537.36 (khtml,0]\\\\\\\)\\\\\\\]\\\)\),1,114,13,137,13700109,13700563�,13700607,13700883,13701139,13701214,13701298,13701418,13701458,13701577,13701589,13701613,13701625,13701657,13701749,13701825,13701901,13701921,13701949,13701953,13701969,13702064,13702088,1579520900840000,1579520901989000,1579538275752000]]],1579543792044,1579545297171,1579555580068,1579642099366,1579649925267,376,402,621969351,77,82,[[13701450,[],[]]],aaae2viaaaapmqfnlxg8eswlx84tnrp_lbfgr4yxvbxozhgu3xv9z1njxy8j9btgxulcgwsjgloh9q7pjnzexrk8nmzquryqi2y8vghklsw9wukancgsf64sxyvdeqayxi2ojwu9aneyanj1o6pkm0tqpagxxutx-senhmks85mfej7uiuup5xs1,aaae2viaaaaqmqfnlxg8eswlx84tnrp_lbfgr4yxvbxozhgu3xv9z1njxy8j9btgxulcgwsjgloh9q7pjnzexrk8nmzquryqi2y8vghklsw9wukancgsf64sxyvdeqayxi2ojwu9aneyanj1o6pkm0tqpagxxutx-senhmks85mfej7uiuup5xs1,aaae2viaaaarmqfnlxg8eswlx84tnrp_lbfgr4yxvbxozhgu3xv9z1njxy8j9btgxulcgwsjgloh9q7pjnzexrk8nmzquryqi2y8vghklsw9wukancgsf64sxyvdeqayxi2ojwu9aneyanj1o6pkm0tqpagxxutx-senhmks85mfej7uiuup5xs1,</t>
  </si>
  <si>
    <t>01/22/2020 08:00:23</t>
  </si>
  <si>
    <t>60ec1cef-cfb7-4bb1-acb3-961f5c99a86b.tmp</t>
  </si>
  <si>
    <t>\\acsfs\profiles$\mariajra\Downloads\60ec1cef-cfb7-4bb1-acb3-961f5c99a86b.tmp</t>
  </si>
  <si>
    <t>01/22/2020 08:03:43</t>
  </si>
  <si>
    <t>01/22/2020 08:05:37</t>
  </si>
  <si>
    <t>a9d5ba22-66fa-489c-ac42-6483f84e949c.tmp</t>
  </si>
  <si>
    <t>\\acsfs\profiles$\quindaizaagds\Downloads\a9d5ba22-66fa-489c-ac42-6483f84e949c.tmp</t>
  </si>
  <si>
    <t>01/22/2020 08:03:10</t>
  </si>
  <si>
    <t>f8a8139c-d4da-416e-8506-9b3b5b47ff5b.tmp</t>
  </si>
  <si>
    <t>\\acsfs\profiles$\luanarda\Downloads\f8a8139c-d4da-416e-8506-9b3b5b47ff5b.tmp</t>
  </si>
  <si>
    <t>01/22/2020 08:04:22</t>
  </si>
  <si>
    <t>01/22/2020 08:06:36</t>
  </si>
  <si>
    <t>01/22/2020 08:07:36</t>
  </si>
  <si>
    <t>01/22/2020 08:07:03</t>
  </si>
  <si>
    <t>01/22/2020 08:08:36</t>
  </si>
  <si>
    <t>b49fe2fc-d7f7-4271-a55f-4d7ffb33d98a.tmp</t>
  </si>
  <si>
    <t>\\acsfs\profiles$\laianear\Downloads\b49fe2fc-d7f7-4271-a55f-4d7ffb33d98a.tmp</t>
  </si>
  <si>
    <t>01/22/2020 08:02:58</t>
  </si>
  <si>
    <t>e72a84b9-d62b-4c19-a0d5-32a50514af6d.tmp</t>
  </si>
  <si>
    <t>\\acsfs\profiles$\DALVADFB\Downloads\e72a84b9-d62b-4c19-a0d5-32a50514af6d.tmp</t>
  </si>
  <si>
    <t>01/22/2020 08:03:30</t>
  </si>
  <si>
    <t>a4cbaadd-e842-4fe4-a845-306f4b2c9b9d.tmp</t>
  </si>
  <si>
    <t>\\acsfs\profiles$\lucasqdss\Downloads\a4cbaadd-e842-4fe4-a845-306f4b2c9b9d.tmp</t>
  </si>
  <si>
    <t>01/22/2020 08:05:23</t>
  </si>
  <si>
    <t>01/22/2020 08:04:03</t>
  </si>
  <si>
    <t>01/22/2020 08:09:36</t>
  </si>
  <si>
    <t>01/22/2020 08:08:39</t>
  </si>
  <si>
    <t>01/22/2020 08:04:20</t>
  </si>
  <si>
    <t>01/22/2020 08:04:29</t>
  </si>
  <si>
    <t>"mozilla/5.0 (windows nt 6.1) applewebkit/537.36 (khtml;0]\\\\\\\)\\\\\\\]\\\)\);1;129;13;13700014;13700109;13700167;13700185;13700235;13700451;137005;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1579560095461;1579614356037;1579617470315;1579643002355;1579646915304;1579647517296;1579648721281;1579649022277;296;306;341510534;379;392;394;398;399;5701393;621969351;[[13701450;[[null;[];[]]];[false;aaae2viaaaaqmqfnlxg8eswlx84tnrp_lbfgr4yxvbxozhgu3xv9z1njxy8j9btgxulcgwsjgloh9q7pjnzexrk8nmzquryqi2y8vghklsw9wukancgsf64sxyvdeqayxi2ojwu9aneyanj1o6pkm0tqpagxxutx-senhmks85mfej7uiuup5xs1;</t>
  </si>
  <si>
    <t>"mozilla/5.0 (windows nt 6.1) applewebkit/537.36 (khtml,0]\\\\\\\)\\\\\\\]\\\)\),1,129,13,13700014,13700109,13700167,13700185,13700235,13700451,137005,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1579560095461,1579614356037,1579617470315,1579643002355,1579646915304,1579647517296,1579648721281,1579649022277,296,306,341510534,379,392,394,398,399,5701393,621969351,[[13701450,[[null,[],[]]],[false,aaae2viaaaaqmqfnlxg8eswlx84tnrp_lbfgr4yxvbxozhgu3xv9z1njxy8j9btgxulcgwsjgloh9q7pjnzexrk8nmzquryqi2y8vghklsw9wukancgsf64sxyvdeqayxi2ojwu9aneyanj1o6pkm0tqpagxxutx-senhmks85mfej7uiuup5xs1,</t>
  </si>
  <si>
    <t>01/22/2020 08:05:20</t>
  </si>
  <si>
    <t>"mozilla/5.0 (windows nt 6.1) applewebkit/537.36 (khtml;0]\\\\\\\)\\\\\\\]\\\)\);0]l;0]���_x001D_�^�l��k�_x000F_;1;13;136;13700014;13700109;13700167;13700185;13700235;13700451;13700563;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1579523311957;1579562202649;1579612639817;1579620849604;1579643604346;1579665576068;317;381;454;5701393;602;621969351;9;:8w��:kk1z�}�x4�~=�m_x001D_�g&gt;_x001B_x�_x000E_/_�8x ^mۘ�w��8�l��_]_�)��2p��_x000E_n9]��m&gt;} �]�_x001B_�_x001C_�ְ`��~���jn���rc�܅�5;x4�_x001E_�c�}�{�sw3ݖ}5m�_x0001_7���;[[13701450;[[null;[];[]]];\";aaae2viaaaaqmqfnlxg8eswlx84tnrp_lbfgr4yxvbxozhgu3xv9z1njxy8j9btgxulcgwsjgloh9q7pjnzexrk8nmzqur</t>
  </si>
  <si>
    <t>"mozilla/5.0 (windows nt 6.1) applewebkit/537.36 (khtml,0]\\\\\\\)\\\\\\\]\\\)\),0]l,0]���_x001D_�^�l��k�_x000F_,1,13,136,13700014,13700109,13700167,13700185,13700235,13700451,13700563,13700563�,13700607,13700883,13700946,13700951,13700982,13701078,13701139,13701207,13701214,13701235,13701239,13701262,13701276,13701298,13701418,13701422,13701430,13701458,13701486,13701506,13701510,13701534,13701537,13701573,13701577,13701589,13701609,13701613,13701625,13701653,13701657,13701693,13701709]]],13701749,13701825,13701833,13701901,13701905,13701909,13701921,13701945,13701949,13701953,13701957,13701969,13702064,13702068,13702084,13702088,1579520900840000,1579520901989000,1579523311957,1579562202649,1579612639817,1579620849604,1579643604346,1579665576068,317,381,454,5701393,602,621969351,9,:8w��:kk1z�}�x4�~=�m_x001D_�g&gt;_x001B_x�_x000E_/_�8x ^mۘ�w��8�l��_]_�)��2p��_x000E_n9]��m&gt;} �]�_x001B_�_x001C_�ְ`��~���jn���rc�܅�5;x4�_x001E_�c�}�{�sw3ݖ}5m�_x0001_7���,[[13701450,[[null,[],[]]],\",aaae2viaaaaqmqfnlxg8eswlx84tnrp_lbfgr4yxvbxozhgu3xv9z1njxy8j9btgxulcgwsjgloh9q7pjnzexrk8nmzqur</t>
  </si>
  <si>
    <t>01/22/2020 08:07:47</t>
  </si>
  <si>
    <t>"languagecode":"pt-br";"mozilla/5.0 (windows nt 6.1) applewebkit/537.36 (khtml;"requesttype":"background_request";"scenariotype;"timezone":"-03:00";0]��606;1;13;13700109;13700167;13700235;1370056;13700563�;13700607;13700607�;13700883;13700946;13700951;13701139;13701207;13701214;13701262;13701276;13701298;13701418;13701458;13701486;13701534;13701577;13701589;13701613;13701625;13701657;13701749;13701825;13701901;13701905;13701921;13701945;13701949;13701953;13701957;13701969;13702064;13702084;13702088;144;1579518703539000;1579518704281000;1579520900840000;1579520901989000;1579530836861;1579538372765;1579541985883;1579564610853;1579623257815;325;34;341510534;59;621969351;71;[[13701450;[[13701709;[];[]]];aaae2viaaaalmqfnlxg8eswlx84tnrp_lbfgr4yxvbxozhgu3xv9z1njxy8j9btgxulcgwsjgloh9q7pjnzexrk8nmzquryqi2y8vghklsw9wukancgsf64sxyvdeqayxi2ojwu9aneyanj1o6pkm0tqpagxxutx-senhmks85mfej7uiuup5xs1;aaae2viaaaapmqfnlxg8eswlx84tnrp_lbfgr4yxvbxozhgu3xv9z1njxy8j9btgxulcgwsjgloh9q7pjnzexrk8nmzquryqi2y8vghklsw9wukancgsf64sxyvdeqayxi</t>
  </si>
  <si>
    <t>"languagecode":"pt-br","mozilla/5.0 (windows nt 6.1) applewebkit/537.36 (khtml,"requesttype":"background_request","scenariotype,"timezone":"-03:00",0]��606,1,13,13700109,13700167,13700235,1370056,13700563�,13700607,13700607�,13700883,13700946,13700951,13701139,13701207,13701214,13701262,13701276,13701298,13701418,13701458,13701486,13701534,13701577,13701589,13701613,13701625,13701657,13701749,13701825,13701901,13701905,13701921,13701945,13701949,13701953,13701957,13701969,13702064,13702084,13702088,144,1579518703539000,1579518704281000,1579520900840000,1579520901989000,1579530836861,1579538372765,1579541985883,1579564610853,1579623257815,325,34,341510534,59,621969351,71,[[13701450,[[13701709,[],[]]],aaae2viaaaalmqfnlxg8eswlx84tnrp_lbfgr4yxvbxozhgu3xv9z1njxy8j9btgxulcgwsjgloh9q7pjnzexrk8nmzquryqi2y8vghklsw9wukancgsf64sxyvdeqayxi2ojwu9aneyanj1o6pkm0tqpagxxutx-senhmks85mfej7uiuup5xs1,aaae2viaaaapmqfnlxg8eswlx84tnrp_lbfgr4yxvbxozhgu3xv9z1njxy8j9btgxulcgwsjgloh9q7pjnzexrk8nmzquryqi2y8vghklsw9wukancgsf64sxyvdeqayxi</t>
  </si>
  <si>
    <t>01/22/2020 08:05:15</t>
  </si>
  <si>
    <t>26b8c10a-2408-4019-bedf-eaf593f6b83b.tmp</t>
  </si>
  <si>
    <t>\\acsfs\profiles$\mariajra\Downloads\26b8c10a-2408-4019-bedf-eaf593f6b83b.tmp</t>
  </si>
  <si>
    <t>01/22/2020 08:08:22</t>
  </si>
  <si>
    <t>01/22/2020 08:10:37</t>
  </si>
  <si>
    <t>lu9872zhna9.tmp</t>
  </si>
  <si>
    <t>\\acsfs\profiles$\VIVIANALDS\My Documents\lu9872zhna9.tmp</t>
  </si>
  <si>
    <t>\\acsfs\profiles$\VIVIANALDS\My Documents\lu9872zhna9.tmp\</t>
  </si>
  <si>
    <t>\\acsfs\profiles$\VIVIANALDS\My Documents\lu9872zhna9.tmp\META-INF\</t>
  </si>
  <si>
    <t>\\acsfs\profiles$\VIVIANALDS\My Documents\lu9872zhna9.tmp\Thumbnails\</t>
  </si>
  <si>
    <t>01/22/2020 08:05:36</t>
  </si>
  <si>
    <t>4ce528b2-f4b9-4d98-ba2f-e4c27cf89518.tmp</t>
  </si>
  <si>
    <t>\\acsfs\profiles$\quindaizaagds\Downloads\4ce528b2-f4b9-4d98-ba2f-e4c27cf89518.tmp</t>
  </si>
  <si>
    <t>01/22/2020 08:05:40</t>
  </si>
  <si>
    <t>615a3098-0464-457f-be74-3a800d7e6773.tmp</t>
  </si>
  <si>
    <t>\\acsfs\profiles$\quindaizaagds\Downloads\615a3098-0464-457f-be74-3a800d7e6773.tmp</t>
  </si>
  <si>
    <t>cb7314ad-0d6e-4a95-b373-7a4affdf32c0.tmp</t>
  </si>
  <si>
    <t>\\acsfs\profiles$\quindaizaagds\Downloads\cb7314ad-0d6e-4a95-b373-7a4affdf32c0.tmp</t>
  </si>
  <si>
    <t>01/22/2020 08:11:36</t>
  </si>
  <si>
    <t>a751f88d-e60a-4315-aa75-50682e50fe51.tmp</t>
  </si>
  <si>
    <t>\\acsfs\profiles$\gabrielaff\Downloads\a751f88d-e60a-4315-aa75-50682e50fe51.tmp</t>
  </si>
  <si>
    <t>01/22/2020 08:09:00</t>
  </si>
  <si>
    <t>c02d128f-edb1-48da-9b94-568f55826989.tmp</t>
  </si>
  <si>
    <t>\\acsfs\profiles$\gabrielaff\Downloads\c02d128f-edb1-48da-9b94-568f55826989.tmp</t>
  </si>
  <si>
    <t>01/22/2020 08:12:37</t>
  </si>
  <si>
    <t>01/22/2020 08:07:09</t>
  </si>
  <si>
    <t>60d44e33-b8ef-45cc-a199-70b8ceecf515.tmp</t>
  </si>
  <si>
    <t>\\acsfs\profiles$\ANAPDSB\Downloads\60d44e33-b8ef-45cc-a199-70b8ceecf515.tmp</t>
  </si>
  <si>
    <t>01/22/2020 08:07:35</t>
  </si>
  <si>
    <t>01/22/2020 08:09:47</t>
  </si>
  <si>
    <t>953b912e-7d80-4f95-b1f6-0641fd15e864.tmp</t>
  </si>
  <si>
    <t>\\acsfs\profiles$\ANAPDSB\Downloads\953b912e-7d80-4f95-b1f6-0641fd15e864.tmp</t>
  </si>
  <si>
    <t>01/22/2020 08:09:31</t>
  </si>
  <si>
    <t>01/22/2020 08:13:36</t>
  </si>
  <si>
    <t>b9d65b37-880c-4b7e-a96c-929ac179dd9d.tmp</t>
  </si>
  <si>
    <t>\\acsfs\profiles$\laianear\Downloads\b9d65b37-880c-4b7e-a96c-929ac179dd9d.tmp</t>
  </si>
  <si>
    <t>01/22/2020 08:10:34</t>
  </si>
  <si>
    <t>01/22/2020 08:14:37</t>
  </si>
  <si>
    <t>01/22/2020 08:10:03</t>
  </si>
  <si>
    <t>01/22/2020 08:09:53</t>
  </si>
  <si>
    <t>01/22/2020 08:12:05</t>
  </si>
  <si>
    <t>01/22/2020 08:10:14</t>
  </si>
  <si>
    <t>d69227fc-3a12-443b-8c4b-ae571b2142c2.tmp</t>
  </si>
  <si>
    <t>\\acsfs\profiles$\milenaas\Downloads\d69227fc-3a12-443b-8c4b-ae571b2142c2.tmp</t>
  </si>
  <si>
    <t>b4ca414d-91a9-40fb-974c-f7d5ca3ec50e.tmp</t>
  </si>
  <si>
    <t>\\acsfs\profiles$\milenaas\Downloads\b4ca414d-91a9-40fb-974c-f7d5ca3ec50e.tmp</t>
  </si>
  <si>
    <t>01/22/2020 08:11:56</t>
  </si>
  <si>
    <t>7b00991d-11d1-419c-a51f-efbba4982175.tmp</t>
  </si>
  <si>
    <t>\\acsfs\profiles$\milenaas\Downloads\7b00991d-11d1-419c-a51f-efbba4982175.tmp</t>
  </si>
  <si>
    <t>01/22/2020 08:12:10</t>
  </si>
  <si>
    <t>ec0780e7-6b3d-40f6-b390-b87dfdb9be62.tmp</t>
  </si>
  <si>
    <t>\\acsfs\profiles$\milenaas\Downloads\ec0780e7-6b3d-40f6-b390-b87dfdb9be62.tmp</t>
  </si>
  <si>
    <t>01/22/2020 08:16:36</t>
  </si>
  <si>
    <t>01/22/2020 08:17:36</t>
  </si>
  <si>
    <t>01/22/2020 08:16:33</t>
  </si>
  <si>
    <t>1d31fce5-336b-45f9-95a9-687298ef9e75.tmp</t>
  </si>
  <si>
    <t>\\acsfs\profiles$\nayarasds\Downloads\1d31fce5-336b-45f9-95a9-687298ef9e75.tmp</t>
  </si>
  <si>
    <t>01/22/2020 08:14:38</t>
  </si>
  <si>
    <t>01/22/2020 08:19:36</t>
  </si>
  <si>
    <t>5c8a45b9-18e5-4466-afee-d99bbbd70fb3.tmp</t>
  </si>
  <si>
    <t>\\acsfs\profiles$\websondsa\Downloads\5c8a45b9-18e5-4466-afee-d99bbbd70fb3.tmp</t>
  </si>
  <si>
    <t>01/22/2020 08:16:03</t>
  </si>
  <si>
    <t>01/22/2020 08:16:30</t>
  </si>
  <si>
    <t>01/22/2020 08:18:51</t>
  </si>
  <si>
    <t>01/22/2020 08:20:37</t>
  </si>
  <si>
    <t>01/22/2020 08:19:02</t>
  </si>
  <si>
    <t>abdec72e-ace6-472c-bbf2-e62fab92009a.tmp</t>
  </si>
  <si>
    <t>\\acsfs\profiles$\THYAGOSP\Downloads\abdec72e-ace6-472c-bbf2-e62fab92009a.tmp</t>
  </si>
  <si>
    <t>01/22/2020 08:22:36</t>
  </si>
  <si>
    <t>01/22/2020 08:22:37</t>
  </si>
  <si>
    <t>01/22/2020 08:21:29</t>
  </si>
  <si>
    <t>72a72e01-1e71-4404-8143-21549c1194cc.tmp</t>
  </si>
  <si>
    <t>\\acsfs\profiles$\antoniosva\Downloads\72a72e01-1e71-4404-8143-21549c1194cc.tmp</t>
  </si>
  <si>
    <t>01/22/2020 08:22:02</t>
  </si>
  <si>
    <t>6593e8f8-5593-4694-9930-76c62a456a31.tmp</t>
  </si>
  <si>
    <t>\\acsfs\profiles$\lorraynevam\Downloads\6593e8f8-5593-4694-9930-76c62a456a31.tmp</t>
  </si>
  <si>
    <t>01/22/2020 08:21:52</t>
  </si>
  <si>
    <t>73c24059-1d04-49c5-84ba-2ba05ddeff31.tmp</t>
  </si>
  <si>
    <t>\\acsfs\profiles$\larissaad\Downloads\73c24059-1d04-49c5-84ba-2ba05ddeff31.tmp</t>
  </si>
  <si>
    <t>01/22/2020 08:22:03</t>
  </si>
  <si>
    <t>Não confirmado 907102.crdownload</t>
  </si>
  <si>
    <t>\\acsfs\profiles$\larissaad\Downloads\Não confirmado 907102.crdownload</t>
  </si>
  <si>
    <t>01/22/2020 08:22:17</t>
  </si>
  <si>
    <t>1bc90d73-dcb2-4d4a-84ab-dd0d30b3885b.tmp</t>
  </si>
  <si>
    <t>\\acsfs\profiles$\larissaad\Downloads\1bc90d73-dcb2-4d4a-84ab-dd0d30b3885b.tmp</t>
  </si>
  <si>
    <t>01/22/2020 08:21:51</t>
  </si>
  <si>
    <t>01/22/2020 08:23:36</t>
  </si>
  <si>
    <t>01/22/2020 08:24:36</t>
  </si>
  <si>
    <t>01/22/2020 08:20:47</t>
  </si>
  <si>
    <t>b6199261-c86f-4705-97e4-645ce331aa5a.tmp</t>
  </si>
  <si>
    <t>\\acsfs\profiles$\anafsb\Downloads\b6199261-c86f-4705-97e4-645ce331aa5a.tmp</t>
  </si>
  <si>
    <t>01/22/2020 08:24:11</t>
  </si>
  <si>
    <t>01/22/2020 08:25:36</t>
  </si>
  <si>
    <t>01/22/2020 08:24:12</t>
  </si>
  <si>
    <t>lu9872zhnad.tmp</t>
  </si>
  <si>
    <t>\\acsfs\profiles$\VIVIANALDS\My Documents\lu9872zhnad.tmp</t>
  </si>
  <si>
    <t>\\acsfs\profiles$\VIVIANALDS\My Documents\lu9872zhnad.tmp\</t>
  </si>
  <si>
    <t>\\acsfs\profiles$\VIVIANALDS\My Documents\lu9872zhnad.tmp\META-INF\</t>
  </si>
  <si>
    <t>\\acsfs\profiles$\VIVIANALDS\My Documents\lu9872zhnad.tmp\Thumbnails\</t>
  </si>
  <si>
    <t>01/22/2020 08:24:15</t>
  </si>
  <si>
    <t>lu9872zhnah.tmp</t>
  </si>
  <si>
    <t>\\acsfs\profiles$\VIVIANALDS\My Documents\lu9872zhnah.tmp</t>
  </si>
  <si>
    <t>\\acsfs\profiles$\VIVIANALDS\My Documents\lu9872zhnah.tmp\</t>
  </si>
  <si>
    <t>\\acsfs\profiles$\VIVIANALDS\My Documents\lu9872zhnah.tmp\META-INF\</t>
  </si>
  <si>
    <t>\\acsfs\profiles$\VIVIANALDS\My Documents\lu9872zhnah.tmp\Thumbnails\</t>
  </si>
  <si>
    <t>01/22/2020 08:20:19</t>
  </si>
  <si>
    <t>4cb217c0-5b14-40ac-ba9d-b58a1fc1175f.tmp</t>
  </si>
  <si>
    <t>\\acsfs\profiles$\THYAGOSP\Downloads\4cb217c0-5b14-40ac-ba9d-b58a1fc1175f.tmp</t>
  </si>
  <si>
    <t>01/22/2020 08:21:09</t>
  </si>
  <si>
    <t>c4da3e00-d7f9-4f76-9670-e0d61ea6ef55.tmp</t>
  </si>
  <si>
    <t>\\acsfs\profiles$\THYAGOSP\Downloads\c4da3e00-d7f9-4f76-9670-e0d61ea6ef55.tmp</t>
  </si>
  <si>
    <t>01/22/2020 08:23:19</t>
  </si>
  <si>
    <t>3c3ad4e1-65ab-4659-914e-b75b7c2fb18b.tmp</t>
  </si>
  <si>
    <t>\\acsfs\profiles$\THYAGOSP\Downloads\3c3ad4e1-65ab-4659-914e-b75b7c2fb18b.tmp</t>
  </si>
  <si>
    <t>01/22/2020 08:22:10</t>
  </si>
  <si>
    <t>01/22/2020 08:26:36</t>
  </si>
  <si>
    <t>84cfc009-8a9e-4e73-a877-7a9ae46f226e.tmp</t>
  </si>
  <si>
    <t>\\acsfs\profiles$\cintiadcf\Downloads\84cfc009-8a9e-4e73-a877-7a9ae46f226e.tmp</t>
  </si>
  <si>
    <t>01/22/2020 08:27:36</t>
  </si>
  <si>
    <t>f846ed26-9c99-48a5-b1d7-4f74d5222574.tmp</t>
  </si>
  <si>
    <t>\\acsfs\profiles$\antoniosva\Downloads\f846ed26-9c99-48a5-b1d7-4f74d5222574.tmp</t>
  </si>
  <si>
    <t>01/22/2020 08:22:51</t>
  </si>
  <si>
    <t>6d3e8bc5-f81d-43f3-bb46-1d14eebbf769.tmp</t>
  </si>
  <si>
    <t>\\acsfs\profiles$\antoniosva\Downloads\6d3e8bc5-f81d-43f3-bb46-1d14eebbf769.tmp</t>
  </si>
  <si>
    <t>01/22/2020 08:24:00</t>
  </si>
  <si>
    <t>92df1b1d-5dca-4fb5-a7b1-b3ec613ccfbe.tmp</t>
  </si>
  <si>
    <t>\\acsfs\profiles$\antoniosva\Downloads\92df1b1d-5dca-4fb5-a7b1-b3ec613ccfbe.tmp</t>
  </si>
  <si>
    <t>01/22/2020 08:24:35</t>
  </si>
  <si>
    <t>1d2a34ee-bc67-4210-8dee-18f8c8d3b28b.tmp</t>
  </si>
  <si>
    <t>\\acsfs\profiles$\antoniosva\Downloads\1d2a34ee-bc67-4210-8dee-18f8c8d3b28b.tmp</t>
  </si>
  <si>
    <t>01/22/2020 08:25:11</t>
  </si>
  <si>
    <t>157221ea-cf95-443c-9ca5-f101eb936729.tmp</t>
  </si>
  <si>
    <t>\\acsfs\profiles$\antoniosva\Downloads\157221ea-cf95-443c-9ca5-f101eb936729.tmp</t>
  </si>
  <si>
    <t>01/22/2020 08:23:23</t>
  </si>
  <si>
    <t>1ab96222-88c0-41ca-909b-25ae3886ef6f.tmp</t>
  </si>
  <si>
    <t>\\acsfs\profiles$\larissaad\Downloads\1ab96222-88c0-41ca-909b-25ae3886ef6f.tmp</t>
  </si>
  <si>
    <t>01/22/2020 08:23:32</t>
  </si>
  <si>
    <t>f7e1a379-2f55-42c5-a6c0-fe8ceab065e0.tmp</t>
  </si>
  <si>
    <t>\\acsfs\profiles$\larissaad\Downloads\f7e1a379-2f55-42c5-a6c0-fe8ceab065e0.tmp</t>
  </si>
  <si>
    <t>01/22/2020 08:24:14</t>
  </si>
  <si>
    <t>56dfd299-26f6-43f4-9c75-a9528a754c21.tmp</t>
  </si>
  <si>
    <t>\\acsfs\profiles$\larissaad\Downloads\56dfd299-26f6-43f4-9c75-a9528a754c21.tmp</t>
  </si>
  <si>
    <t>01/22/2020 08:24:38</t>
  </si>
  <si>
    <t>01/22/2020 08:28:36</t>
  </si>
  <si>
    <t>065c70ad-24fb-4683-a2cb-4f19e52d271e.tmp</t>
  </si>
  <si>
    <t>\\acsfs\profiles$\laianear\Downloads\065c70ad-24fb-4683-a2cb-4f19e52d271e.tmp</t>
  </si>
  <si>
    <t>01/22/2020 08:29:36</t>
  </si>
  <si>
    <t>01/22/2020 08:26:39</t>
  </si>
  <si>
    <t>01/22/2020 08:28:03</t>
  </si>
  <si>
    <t>01/22/2020 08:27:29</t>
  </si>
  <si>
    <t>483862a1-64cb-4035-bdec-e34ec72ca7f6.tmp</t>
  </si>
  <si>
    <t>\\acsfs\profiles$\KARENDSR\Downloads\483862a1-64cb-4035-bdec-e34ec72ca7f6.tmp</t>
  </si>
  <si>
    <t>01/22/2020 08:28:08</t>
  </si>
  <si>
    <t>1b51f312-642a-4417-beed-5b7d328fe48c.tmp</t>
  </si>
  <si>
    <t>\\acsfs\profiles$\KARENDSR\Downloads\1b51f312-642a-4417-beed-5b7d328fe48c.tmp</t>
  </si>
  <si>
    <t>01/22/2020 08:28:55</t>
  </si>
  <si>
    <t>ba7943b4-265b-484e-8b97-9c1990400207.tmp</t>
  </si>
  <si>
    <t>\\acsfs\profiles$\KARENDSR\Downloads\ba7943b4-265b-484e-8b97-9c1990400207.tmp</t>
  </si>
  <si>
    <t>8f6ddad3-1469-4fcc-863c-c95793f49329.tmp</t>
  </si>
  <si>
    <t>\\acsfs\profiles$\geovannasm\Downloads\8f6ddad3-1469-4fcc-863c-c95793f49329.tmp</t>
  </si>
  <si>
    <t>01/22/2020 08:29:05</t>
  </si>
  <si>
    <t>0a59d33d-9b1c-49e6-bafb-cdfc35d96dc0.tmp</t>
  </si>
  <si>
    <t>\\acsfs\profiles$\geovannasm\Downloads\0a59d33d-9b1c-49e6-bafb-cdfc35d96dc0.tmp</t>
  </si>
  <si>
    <t>01/22/2020 08:28:14</t>
  </si>
  <si>
    <t>01/22/2020 08:30:36</t>
  </si>
  <si>
    <t>lu9872zhnal.tmp</t>
  </si>
  <si>
    <t>\\acsfs\profiles$\VIVIANALDS\My Documents\lu9872zhnal.tmp</t>
  </si>
  <si>
    <t>\\acsfs\profiles$\VIVIANALDS\My Documents\lu9872zhnal.tmp\</t>
  </si>
  <si>
    <t>\\acsfs\profiles$\VIVIANALDS\My Documents\lu9872zhnal.tmp\META-INF\</t>
  </si>
  <si>
    <t>\\acsfs\profiles$\VIVIANALDS\My Documents\lu9872zhnal.tmp\Thumbnails\</t>
  </si>
  <si>
    <t>01/22/2020 08:25:33</t>
  </si>
  <si>
    <t>01/22/2020 08:32:36</t>
  </si>
  <si>
    <t>01/22/2020 08:29:02</t>
  </si>
  <si>
    <t>be9c371e-5686-4655-a077-fd836b1a3b28.tmp</t>
  </si>
  <si>
    <t>\\acsfs\profiles$\antoniosva\Downloads\be9c371e-5686-4655-a077-fd836b1a3b28.tmp</t>
  </si>
  <si>
    <t>01/22/2020 08:29:24</t>
  </si>
  <si>
    <t>8995a6c8-3b0b-4f8d-adac-9dcaa7cfe066.tmp</t>
  </si>
  <si>
    <t>\\acsfs\profiles$\lorraynevam\Downloads\8995a6c8-3b0b-4f8d-adac-9dcaa7cfe066.tmp</t>
  </si>
  <si>
    <t>01/22/2020 08:30:14</t>
  </si>
  <si>
    <t>11b74649-8dd9-4e82-a434-c0c52a64a7fd.tmp</t>
  </si>
  <si>
    <t>\\acsfs\profiles$\lorraynevam\Downloads\11b74649-8dd9-4e82-a434-c0c52a64a7fd.tmp</t>
  </si>
  <si>
    <t>01/22/2020 08:31:07</t>
  </si>
  <si>
    <t>01/22/2020 08:30:10</t>
  </si>
  <si>
    <t>2992d830-1e3d-4a89-9361-53897acfc3f7.tmp</t>
  </si>
  <si>
    <t>\\acsfs\profiles$\danielac\Downloads\2992d830-1e3d-4a89-9361-53897acfc3f7.tmp</t>
  </si>
  <si>
    <t>01/22/2020 08:31:19</t>
  </si>
  <si>
    <t>22d47770-8a2e-4413-9584-071baf3b9e41.tmp</t>
  </si>
  <si>
    <t>\\acsfs\profiles$\danielac\Downloads\22d47770-8a2e-4413-9584-071baf3b9e41.tmp</t>
  </si>
  <si>
    <t>01/22/2020 08:29:31</t>
  </si>
  <si>
    <t>371624f1-c9cb-44f7-9250-c2c57352226a.tmp</t>
  </si>
  <si>
    <t>\\acsfs\profiles$\larissaad\Downloads\371624f1-c9cb-44f7-9250-c2c57352226a.tmp</t>
  </si>
  <si>
    <t>01/22/2020 08:33:04</t>
  </si>
  <si>
    <t>01/22/2020 08:33:37</t>
  </si>
  <si>
    <t>CASO 00822811 - OPERADOR JONATHAN WILLIAM ALVES PEREIRA_1_6782882657692881396_1_32.wav</t>
  </si>
  <si>
    <t>\\acsfs\Deptos\EDUCACAO EMPRESARIAL\KÉSIA\OUVIDORIA, PROCON, BACEN E RECLAME AQUI\CASO 00822811 - OPERADOR JONATHAN WILLIAM ALVES PEREIRA_1_6782882657692881396_1_32.wav</t>
  </si>
  <si>
    <t>01/22/2020 08:32:04</t>
  </si>
  <si>
    <t>01/22/2020 08:34:36</t>
  </si>
  <si>
    <t>01/22/2020 08:32:42</t>
  </si>
  <si>
    <t>01/22/2020 08:35:36</t>
  </si>
  <si>
    <t>10.200.66.140</t>
  </si>
  <si>
    <t>74-86-7A-FB-16-EA</t>
  </si>
  <si>
    <t>VOTORANT-YB011</t>
  </si>
  <si>
    <t>giovannyaco</t>
  </si>
  <si>
    <t>https://udpwfmniceap02/pt_br/group/control_panel/manage?p_auth=ndnl61ul&amp;p_p_id=2&amp;p_p_lifecycle=1&amp;p_p_state=pop_up&amp;p_p_mode=view&amp;doasgroupid=11454&amp;refererplid=11478&amp;controlpanelcategory=my&amp;_2_struts_action=/my_account/edit_user_portrait</t>
  </si>
  <si>
    <t>C:\Users\giovannyaco\Downloads\</t>
  </si>
  <si>
    <t>8AF9C284-66C2-4B62-8E6C-2211786A5AD6.JPG</t>
  </si>
  <si>
    <t>01/22/2020 08:30:31</t>
  </si>
  <si>
    <t>01/22/2020 08:36:02</t>
  </si>
  <si>
    <t>01/22/2020 08:36:36</t>
  </si>
  <si>
    <t>01/22/2020 08:37:36</t>
  </si>
  <si>
    <t>01/22/2020 08:33:19</t>
  </si>
  <si>
    <t>01/22/2020 08:33:38</t>
  </si>
  <si>
    <t>01/22/2020 08:35:18</t>
  </si>
  <si>
    <t>02b57001-168b-4ddf-8d53-274656462dbd.tmp</t>
  </si>
  <si>
    <t>\\acsfs\profiles$\lorrainerdl\Downloads\02b57001-168b-4ddf-8d53-274656462dbd.tmp</t>
  </si>
  <si>
    <t>01/22/2020 08:36:33</t>
  </si>
  <si>
    <t>d4cd83d2-be01-49cf-8611-905e9133cbc3.tmp</t>
  </si>
  <si>
    <t>\\acsfs\profiles$\lorrainerdl\Downloads\d4cd83d2-be01-49cf-8611-905e9133cbc3.tmp</t>
  </si>
  <si>
    <t>01/22/2020 08:38:37</t>
  </si>
  <si>
    <t>01/22/2020 08:36:24</t>
  </si>
  <si>
    <t>01/22/2020 08:39:36</t>
  </si>
  <si>
    <t>01/22/2020 08:34:48</t>
  </si>
  <si>
    <t>01/22/2020 08:34:03</t>
  </si>
  <si>
    <t>01/22/2020 08:34:10</t>
  </si>
  <si>
    <t>01/22/2020 08:35:54</t>
  </si>
  <si>
    <t>01/22/2020 08:35:13</t>
  </si>
  <si>
    <t>01/22/2020 08:40:36</t>
  </si>
  <si>
    <t>foto.png</t>
  </si>
  <si>
    <t>01/22/2020 08:39:12</t>
  </si>
  <si>
    <t>ec6d64b2-4c15-4627-9ab6-935efd456687.tmp</t>
  </si>
  <si>
    <t>\\acsfs\profiles$\nataliacsl\Downloads\ec6d64b2-4c15-4627-9ab6-935efd456687.tmp</t>
  </si>
  <si>
    <t>01/22/2020 08:42:36</t>
  </si>
  <si>
    <t>01/22/2020 08:41:07</t>
  </si>
  <si>
    <t>cf873d6b-d7b9-4221-a282-47fe5c970b27.tmp</t>
  </si>
  <si>
    <t>\\acsfs\profiles$\lorrainerdl\Downloads\cf873d6b-d7b9-4221-a282-47fe5c970b27.tmp</t>
  </si>
  <si>
    <t>01/22/2020 08:41:26</t>
  </si>
  <si>
    <t>e0e338ce-a52c-4e74-8fcd-63477915f000.tmp</t>
  </si>
  <si>
    <t>\\acsfs\profiles$\kamilamrc\Downloads\e0e338ce-a52c-4e74-8fcd-63477915f000.tmp</t>
  </si>
  <si>
    <t>01/22/2020 08:41:12</t>
  </si>
  <si>
    <t>72c3ad76-d6a1-45cf-8681-7d41c6577cb6.tmp</t>
  </si>
  <si>
    <t>\\acsfs\profiles$\larissaad\Downloads\72c3ad76-d6a1-45cf-8681-7d41c6577cb6.tmp</t>
  </si>
  <si>
    <t>01/22/2020 08:38:45</t>
  </si>
  <si>
    <t>01/22/2020 08:43:36</t>
  </si>
  <si>
    <t>01/22/2020 08:44:37</t>
  </si>
  <si>
    <t>01/22/2020 08:41:38</t>
  </si>
  <si>
    <t>01/22/2020 08:40:03</t>
  </si>
  <si>
    <t>01/22/2020 08:42:16</t>
  </si>
  <si>
    <t>01/22/2020 08:43:25</t>
  </si>
  <si>
    <t>bvs-centralcartoes@bv.com.br;cintia.souza-domingues@dxc.com;fernandorsju@algartech.com;kesiadof@algartech.com;marianeps@algartech.com;talmaiardo@algartech.com;thiagordu@algartech.com;</t>
  </si>
  <si>
    <t>bvs-centralcartoes@bv.com.br,cintia.souza-domingues@dxc.com,fernandorsju@algartech.com,kesiadof@algartech.com,marianeps@algartech.com,talmaiardo@algartech.com,thiagordu@algartech.com</t>
  </si>
  <si>
    <t>01/22/2020 08:43:34</t>
  </si>
  <si>
    <t>01/22/2020 08:43:52</t>
  </si>
  <si>
    <t>01/22/2020 08:41:41</t>
  </si>
  <si>
    <t>01/22/2020 08:45:36</t>
  </si>
  <si>
    <t>690a92de-9f8b-42bf-9223-91e48cad7962.tmp</t>
  </si>
  <si>
    <t>\\acsfs\profiles$\yurics\Downloads\690a92de-9f8b-42bf-9223-91e48cad7962.tmp</t>
  </si>
  <si>
    <t>93744b14-6619-49dd-a758-7d65e7d040b6.tmp</t>
  </si>
  <si>
    <t>\\acsfs\profiles$\nataliacsl\Downloads\93744b14-6619-49dd-a758-7d65e7d040b6.tmp</t>
  </si>
  <si>
    <t>01/22/2020 08:47:36</t>
  </si>
  <si>
    <t>01/22/2020 08:42:32</t>
  </si>
  <si>
    <t>6b14cf44-9bcd-4f29-9dce-1e57a0754c36.tmp</t>
  </si>
  <si>
    <t>\\acsfs\profiles$\kamilamrc\Downloads\6b14cf44-9bcd-4f29-9dce-1e57a0754c36.tmp</t>
  </si>
  <si>
    <t>01/22/2020 08:42:48</t>
  </si>
  <si>
    <t>7de5803a-81f8-48b1-a9a7-8498b1fac70b.tmp</t>
  </si>
  <si>
    <t>\\acsfs\profiles$\kamilamrc\Downloads\7de5803a-81f8-48b1-a9a7-8498b1fac70b.tmp</t>
  </si>
  <si>
    <t>01/22/2020 08:43:15</t>
  </si>
  <si>
    <t>d9e723ec-cc15-49af-91c9-39abeb1c2587.tmp</t>
  </si>
  <si>
    <t>\\acsfs\profiles$\kamilamrc\Downloads\d9e723ec-cc15-49af-91c9-39abeb1c2587.tmp</t>
  </si>
  <si>
    <t>01/22/2020 08:43:19</t>
  </si>
  <si>
    <t>7d71b79d-7562-4b12-b4c6-ea4b4200533b.tmp</t>
  </si>
  <si>
    <t>\\acsfs\profiles$\kamilamrc\Downloads\7d71b79d-7562-4b12-b4c6-ea4b4200533b.tmp</t>
  </si>
  <si>
    <t>01/22/2020 08:43:24</t>
  </si>
  <si>
    <t>30b0183b-f69e-4f64-b13d-3c1808fd567b.tmp</t>
  </si>
  <si>
    <t>\\acsfs\profiles$\kamilamrc\Downloads\30b0183b-f69e-4f64-b13d-3c1808fd567b.tmp</t>
  </si>
  <si>
    <t>01/22/2020 08:44:20</t>
  </si>
  <si>
    <t>01/22/2020 08:48:36</t>
  </si>
  <si>
    <t>89a3312b-722c-4d38-a30a-9402ce5eab08.tmp</t>
  </si>
  <si>
    <t>\\acsfs\profiles$\nathaliarmr\Downloads\89a3312b-722c-4d38-a30a-9402ce5eab08.tmp</t>
  </si>
  <si>
    <t>01/22/2020 08:48:26</t>
  </si>
  <si>
    <t>311342f6-c499-46b1-a2c5-2e8db40da5ec.tmp</t>
  </si>
  <si>
    <t>\\acsfs\profiles$\nathaliarmr\Downloads\311342f6-c499-46b1-a2c5-2e8db40da5ec.tmp</t>
  </si>
  <si>
    <t>01/22/2020 08:44:01</t>
  </si>
  <si>
    <t>01/22/2020 08:49:36</t>
  </si>
  <si>
    <t>01/22/2020 08:44:48</t>
  </si>
  <si>
    <t>01/22/2020 08:44:55</t>
  </si>
  <si>
    <t>01/22/2020 08:45:09</t>
  </si>
  <si>
    <t>01/22/2020 08:45:23</t>
  </si>
  <si>
    <t>01/22/2020 08:45:24</t>
  </si>
  <si>
    <t>01/22/2020 08:45:38</t>
  </si>
  <si>
    <t>01/22/2020 08:46:03</t>
  </si>
  <si>
    <t>01/22/2020 08:47:34</t>
  </si>
  <si>
    <t>01/22/2020 08:47:32</t>
  </si>
  <si>
    <t>01/22/2020 08:50:36</t>
  </si>
  <si>
    <t>01/22/2020 08:48:31</t>
  </si>
  <si>
    <t>http://portalapps.bancovotorantim.com.br/citrix/xabvweb/resources/getlaunchstatus/q29udhjvbgxlci5tqunblvnbqy1uukfdrv8x</t>
  </si>
  <si>
    <t>35f0fd1499117ea677940dfeb9976_u x-goog-authuser: 0 --=====9i5wmjx24870=====--;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http://35f0fd1499117ea677940dfeb9976_u x-goog-authuser: 0 --=====9i5wmjx24870=====-- ,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01/22/2020 08:48:35</t>
  </si>
  <si>
    <t>http:///batch/drive/v2internal?%24ct=multipart%2Fmixed%3B%20boundary%3D%22%3D%3D%3D%3D%3D1qacsq8mxs37%3D%3D%3D%3D%3D%22&amp;key=AIzaSyAy9VVXHSpS2IJpptzYtGbLP3-3_l0aBk4</t>
  </si>
  <si>
    <t>35f0fd1499117ea677940dfeb9976_u x-goog-authuser: 0 --=====9i5wmjx24870=====--;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ion;permissionid;picture;shared;sharedwithmedate;thumbnailversion;title;userpermission(role);workspaceids;</t>
  </si>
  <si>
    <t>http://35f0fd1499117ea677940dfeb9976_u x-goog-authuser: 0 --=====9i5wmjx24870=====-- ,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ion,permissionid,picture,shared,sharedwithmedate,thumbnailversion,title,userpermission(role),workspaceids</t>
  </si>
  <si>
    <t>http:///batch/drive/v2internal?%24ct=multipart%2Fmixed%3B%20boundary%3D%22%3D%3D%3D%3D%3Dzc1odlmhq7vk%3D%3D%3D%3D%3D%22&amp;key=AIzaSyAy9VVXHSpS2IJpptzYtGbLP3-3_l0aBk4</t>
  </si>
  <si>
    <t>35f0fd1499117ea677940dfeb9976_u x-goog-authuser: 0 --=====9i5wmjx24870=====--;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rpermissions;shared;sharedwithmedate;thumbnailversion;title;userpermission(role);workspaceids;</t>
  </si>
  <si>
    <t>http://35f0fd1499117ea677940dfeb9976_u x-goog-authuser: 0 --=====9i5wmjx24870=====-- ,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rpermissions,shared,sharedwithmedate,thumbnailversion,title,userpermission(role),workspaceids</t>
  </si>
  <si>
    <t>01/22/2020 08:48:45</t>
  </si>
  <si>
    <t>http:///batch/drive/v2internal?%24ct=multipart%2Fmixed%3B%20boundary%3D%22%3D%3D%3D%3D%3Dchl2z7imrymk%3D%3D%3D%3D%3D%22&amp;key=AIzaSyAy9VVXHSpS2IJpptzYtGbLP3-3_l0aBk4</t>
  </si>
  <si>
    <t>01/22/2020 08:48:46</t>
  </si>
  <si>
    <t>http:///batch/drive/v2internal?%24ct=multipart%2Fmixed%3B%20boundary%3D%22%3D%3D%3D%3D%3Dfkihmxls062k%3D%3D%3D%3D%3D%22&amp;key=AIzaSyAy9VVXHSpS2IJpptzYtGbLP3-3_l0aBk4</t>
  </si>
  <si>
    <t>01/22/2020 08:48:47</t>
  </si>
  <si>
    <t>http:///batch/drive/v2internal?%24ct=multipart%2Fmixed%3B%20boundary%3D%22%3D%3D%3D%3D%3Drao9qlwth36z%3D%3D%3D%3D%3D%22&amp;key=AIzaSyAy9VVXHSpS2IJpptzYtGbLP3-3_l0aBk4</t>
  </si>
  <si>
    <t>52624_u x-goog-authuser: 0 --=====rao9qlwth36z=====-- am-�_x0018_;ancestorhasaugmentedpermissions;containsunsubscribedchildren;displayname;domain;emailaddress;file(kind;fileid;filesize;hasthumbnail;hasvisitorpermissions;id;id);items(deleted;ken;kind;k�_x001F_;lastmodifyinguser(kind;lastviewedbymedate;modifiedbymedate;modifieddate;ontainsunsubscribedchildren;owners(kind;per;permissionid;picture;shared;sharedwithmedate;thumbnailversion;title;userpermission(role);workspaceids;</t>
  </si>
  <si>
    <t>http://52624_u x-goog-authuser: 0 --=====rao9qlwth36z=====-- am-�_x0018_,ancestorhasaugmentedpermissions,containsunsubscribedchildren,displayname,domain,emailaddress,file(kind,fileid,filesize,hasthumbnail,hasvisitorpermissions,id,id),items(deleted,ken,kind,k�_x001F_,lastmodifyinguser(kind,lastviewedbymedate,modifiedbymedate,modifieddate,ontainsunsubscribedchildren,owners(kind,per,permissionid,picture,shared,sharedwithmedate,thumbnailversion,title,userpermission(role),workspaceids</t>
  </si>
  <si>
    <t>01/22/2020 08:49:32</t>
  </si>
  <si>
    <t>0;0.311;0.62];1;1.1614401858304297]]];10;1002000;1189030;11c5m9ycfufsc7krihjn5d9wg8jcyqlqk;12;12.381;1222119;1226384;123.;1249610;141.72000000007756;1415899;1438740;1549129;1568254;1579693714533000];1579693717582000;1579693717750000;1579693718056000;1579693718431000;15];1600];1600]];1619474;163.99500000011358;1658104;1];1epenm2sej9sexcv_grk0bzfqr6ozpra4;200];275;2];3;3.3783783783783785];3265259;33.627];330;331;332;345;3478249;39.965986394557824;5;5596199;6;6234;7;7418;8;8.995502248875562;8624.454999999898;8636.074999999892;8642640;8645084;91005];91023;91023];91025;9111.034999999902;91112;91112];91135;91135];91143;91143];9120]]];952999;977114;977184;990279;[12]]];[15;[1579693714533000;[192;[1]];[337000;[667;[7056;[856;[[1;[[1579693717582000];[[1579693717750000];[[1579693718056000];[[[785;[];[]];[]]];[null;apps:fnfy6c;false;gbzoed_8yk5g98wsop-ecmxqou";https://drive.google.com/_/drive_fe/_/js/k=drive_fe.dataservice_worker.pt_br.89gmv98oo5a.o/d=1/ct=zgms/rs=afb8gszug4epfg42t7muspcvqqkvnx79hw/m=core;https://drive.</t>
  </si>
  <si>
    <t>http://0,0.311,0.62],1,1.1614401858304297]]],10,1002000,1189030,11c5m9ycfufsc7krihjn5d9wg8jcyqlqk,12,12.381,1222119,1226384,123.,1249610,141.72000000007756,1415899,1438740,1549129,1568254,1579693714533000],1579693717582000,1579693717750000,1579693718056000,1579693718431000,15],1600],1600]],1619474,163.99500000011358,1658104,1],1epenm2sej9sexcv_grk0bzfqr6ozpra4,200],275,2],3,3.3783783783783785],3265259,33.627],330,331,332,345,3478249,39.965986394557824,5,5596199,6,6234,7,7418,8,8.995502248875562,8624.454999999898,8636.074999999892,8642640,8645084,91005],91023,91023],91025,9111.034999999902,91112,91112],91135,91135],91143,91143],9120]]],952999,977114,977184,990279,[12]]],[15,[1579693714533000,[192,[1]],[337000,[667,[7056,[856,[[1,[[1579693717582000],[[1579693717750000],[[1579693718056000],[[[785,[],[]],[]]],[null,apps:fnfy6c,false,gbzoed_8yk5g98wsop-ecmxqou",https://drive.google.com/_/drive_fe/_/js/k=drive_fe.dataservice_worker.pt_br.89gmv98oo5a.o/d=1/ct=zgms/rs=afb8gszug4epfg42t7muspcvqqkvnx79hw/m=core,https:/</t>
  </si>
  <si>
    <t>0;0.305;0.311;0.534];0.62];0];1;1.1614401858304297]]];10;1002000;1083656409722;11;1189030;11c5m9ycfufsc7krihjn5d9wg8jcyqlqk;12;12.381;1222119;1226384;123.;123.27000000004773;1249610;13;13.075000000071668;141.72000000007756;1415899;1438740;1549129;1568254;1579693709569428:183100933:4178441266;1579693714533000];1579693717582000;1579693717750000;1579693718056000;1579693718159000;1579693718431000;1579693718524000;15];1600];1600]];1619474;163.99500000011358;1658104;1];1epenm2sej9sexcv_grk0bzfqr6ozpra4;1lzqscspdmxmrs3s4-qsevi9jcezbhmlqbpun-93-lle;2.476;200];208.075000000008;26.484999999865977;275;2805;2];3;3.3783783783783785];3265259;33.627];33.627]]]];330;331;332;345;3478249;39.965986394557824;5;5596199;6;6.226];6234;7;7418;784;784];8;8.995502248875562;86.29500000006374;8624.454999999898;8636.074999999892;8642640;8645084;9;91005];91023;91023];91025;91025];9111.034999999902;91112;91112];91117;91117];91135;91135];91143;91143];9120]]];9239.215000000058;9242.684999999938;9271.54500000006;9392.110000000002;952999;97711</t>
  </si>
  <si>
    <t>http://0,0.305,0.311,0.534],0.62],0],1,1.1614401858304297]]],10,1002000,1083656409722,11,1189030,11c5m9ycfufsc7krihjn5d9wg8jcyqlqk,12,12.381,1222119,1226384,123.,123.27000000004773,1249610,13,13.075000000071668,141.72000000007756,1415899,1438740,1549129,1568254,1579693709569428:183100933:4178441266,1579693714533000],1579693717582000,1579693717750000,1579693718056000,1579693718159000,1579693718431000,1579693718524000,15],1600],1600]],1619474,163.99500000011358,1658104,1],1epenm2sej9sexcv_grk0bzfqr6ozpra4,1lzqscspdmxmrs3s4-qsevi9jcezbhmlqbpun-93-lle,2.476,200],208.075000000008,26.484999999865977,275,2805,2],3,3.3783783783783785],3265259,33.627],33.627]]]],330,331,332,345,3478249,39.965986394557824,5,5596199,6,6.226],6234,7,7418,784,784],8,8.995502248875562,86.29500000006374,8624.454999999898,8636.074999999892,8642640,8645084,9,91005],91023,91023],91025,91025],9111.034999999902,91112,91112],91117,91117],91135,91135],91143,91143],9120]]],9239.215000000058,9242.684999999938,9271.54500000006,9392.110000000002,95299</t>
  </si>
  <si>
    <t>"mozilla/5.0 (windows nt 6.1) applewebkit/537.36 (khtml;0;0.305;0.311;0.534];0.62];0];1;1.1614401858304297]]];10;1002000;1083656409722;11;1189030;11c5m9ycfufsc7krihjn5d9wg8jcyqlqk;12;12.381;1222119;1226384;123.;123.27000000004773;1249610;13;13.075000000071668;13700014;13700109;13700167;13700185;13700235;13700451;13700563;13700607;13700883;13700946]]];13700951;13700982;13701078;13701139;13701207;13701214;13701235;13701239;13701262;13701276;13701298;13701418;13701422;13701430;13701450;13701458;13701486;13701506;13701510;13701534;13701537;13701573;13701577;13701589;13701609;13701613;13701625;13701653;13701657;13701693;13701709;13701749;13701784;13701825;13701833;13701901;13701905;13701909;13701945;13701949;13701953;13701957;13701969;13702064;13702068;13702084;13702088;1380;1380]];14;141.72000000007756;1415899;1438740;1549129;1568254;1579693709417000;1579693709569428:183100933:4178441266;1579693709971000;1579693714533000];1579693717582000;1579693717750000;1579693718056000;1579693718159000;1579693718431000;1579693</t>
  </si>
  <si>
    <t>http://"mozilla/5.0 (windows nt 6.1) applewebkit/537.36 (khtml,0,0.305,0.311,0.534],0.62],0],1,1.1614401858304297]]],10,1002000,1083656409722,11,1189030,11c5m9ycfufsc7krihjn5d9wg8jcyqlqk,12,12.381,1222119,1226384,123.,123.27000000004773,1249610,13,13.075000000071668,13700014,13700109,13700167,13700185,13700235,13700451,13700563,13700607,13700883,13700946]]],13700951,13700982,13701078,13701139,13701207,13701214,13701235,13701239,13701262,13701276,13701298,13701418,13701422,13701430,13701450,13701458,13701486,13701506,13701510,13701534,13701537,13701573,13701577,13701589,13701609,13701613,13701625,13701653,13701657,13701693,13701709,13701749,13701784,13701825,13701833,13701901,13701905,13701909,13701945,13701949,13701953,13701957,13701969,13702064,13702068,13702084,13702088,1380,1380]],14,141.72000000007756,1415899,1438740,1549129,1568254,1579693709417000,1579693709569428:183100933:4178441266,1579693709971000,1579693714533000],1579693717582000,1579693717750000,1579693718056000,1579693718159000,1579693718431000,</t>
  </si>
  <si>
    <t>"mozilla/5.0 (windows nt 6.1) applewebkit/537.36 (khtml;0;0.305;0.311;0.534];0.62];0];1;1.1614401858304297]]];10;1002000;1083656409722;11;1189030;11c5m9ycfufsc7krihjn5d9wg8jcyqlqk;12;12.381;1222119;1226384;123.;123.27000000004773;1249610;13;13.075000000071668;13700014;13700109;13700167;13700185;13700235;13700451;13700563;13700607;13700883;13700946]];13700946]]];13700951;13700982;13701078;13701139;13701207;13701214;13701235;13701239;13701262;13701276;13701298;13701418;13701422;13701430;13701450;13701458;13701486;13701506;13701510;13701534;13701537;13701573;13701577;13701589;13701609;13701613;13701625;13701653;13701657;13701693;13701709;13701749;13701784;13701825;13701833;13701901;13701905;13701909;13701945;13701949;13701953;13701957;13701969;13702064;13702068;13702084;13702088;1380;1380]];14;141.72000000007756;1415899;1438740;1549129;1568254;1579693709417000;1579693709569428:183100933:4178441266;1579693709971000;1579693714533000];1579693717582000;1579693717750000;1579693718056000;1579693718159000;1579693718431</t>
  </si>
  <si>
    <t>http://"mozilla/5.0 (windows nt 6.1) applewebkit/537.36 (khtml,0,0.305,0.311,0.534],0.62],0],1,1.1614401858304297]]],10,1002000,1083656409722,11,1189030,11c5m9ycfufsc7krihjn5d9wg8jcyqlqk,12,12.381,1222119,1226384,123.,123.27000000004773,1249610,13,13.075000000071668,13700014,13700109,13700167,13700185,13700235,13700451,13700563,13700607,13700883,13700946]],13700946]]],13700951,13700982,13701078,13701139,13701207,13701214,13701235,13701239,13701262,13701276,13701298,13701418,13701422,13701430,13701450,13701458,13701486,13701506,13701510,13701534,13701537,13701573,13701577,13701589,13701609,13701613,13701625,13701653,13701657,13701693,13701709,13701749,13701784,13701825,13701833,13701901,13701905,13701909,13701945,13701949,13701953,13701957,13701969,13702064,13702068,13702084,13702088,1380,1380]],14,141.72000000007756,1415899,1438740,1549129,1568254,1579693709417000,1579693709569428:183100933:4178441266,1579693709971000,1579693714533000],1579693717582000,1579693717750000,1579693718056000,1579693718159000,157969</t>
  </si>
  <si>
    <t>01/22/2020 08:49:33</t>
  </si>
  <si>
    <t>01/22/2020 08:49:46</t>
  </si>
  <si>
    <t>01/22/2020 08:49:47</t>
  </si>
  <si>
    <t>01/22/2020 08:49:50</t>
  </si>
  <si>
    <t>01/22/2020 08:51:37</t>
  </si>
  <si>
    <t>2b672961-4b34-4cbf-8f95-5adcc0e2f249.tmp</t>
  </si>
  <si>
    <t>\\acsfs\profiles$\LUCASNS\Downloads\2b672961-4b34-4cbf-8f95-5adcc0e2f249.tmp</t>
  </si>
  <si>
    <t>01/22/2020 08:45:40</t>
  </si>
  <si>
    <t>dfc4f60b-d881-45b5-b792-3690a06d30f2.tmp</t>
  </si>
  <si>
    <t>\\acsfs\profiles$\LUCASNS\Downloads\dfc4f60b-d881-45b5-b792-3690a06d30f2.tmp</t>
  </si>
  <si>
    <t>01/22/2020 08:47:21</t>
  </si>
  <si>
    <t>34ccdb6c-0215-4278-9616-c78e29285887.tmp</t>
  </si>
  <si>
    <t>\\acsfs\profiles$\LUCASNS\Downloads\34ccdb6c-0215-4278-9616-c78e29285887.tmp</t>
  </si>
  <si>
    <t>01/22/2020 08:46:49</t>
  </si>
  <si>
    <t>f1fda9ee-5d99-49de-83c9-eb5a855177d0.tmp</t>
  </si>
  <si>
    <t>\\acsfs\profiles$\cintiadcf\Downloads\f1fda9ee-5d99-49de-83c9-eb5a855177d0.tmp</t>
  </si>
  <si>
    <t>01/22/2020 08:48:56</t>
  </si>
  <si>
    <t>14eb0300-2f5d-46d0-93f8-efc3bcc36405.tmp</t>
  </si>
  <si>
    <t>\\acsfs\profiles$\sarahbal\Downloads\14eb0300-2f5d-46d0-93f8-efc3bcc36405.tmp</t>
  </si>
  <si>
    <t>01/22/2020 08:52:36</t>
  </si>
  <si>
    <t>01/22/2020 08:48:48</t>
  </si>
  <si>
    <t>01/22/2020 08:48:54</t>
  </si>
  <si>
    <t>01/22/2020 08:49:57</t>
  </si>
  <si>
    <t>01/22/2020 08:48:05</t>
  </si>
  <si>
    <t>https://udpmailboxap01.acs.com.br:8443/h/search;jsessionid=1kt6h67j1ib2nv4tw9q24m10a?si=0&amp;so=0&amp;sc=81097&amp;st=conversation&amp;action=compose</t>
  </si>
  <si>
    <t>01/22/2020 08:49:05</t>
  </si>
  <si>
    <t>01/22/2020 08:50:05</t>
  </si>
  <si>
    <t>01/22/2020 08:50:35</t>
  </si>
  <si>
    <t>c5561412-93a2-4ecc-af99-d57ba7b67a25.tmp</t>
  </si>
  <si>
    <t>\\acsfs\profiles$\danielac\Downloads\c5561412-93a2-4ecc-af99-d57ba7b67a25.tmp</t>
  </si>
  <si>
    <t>01/22/2020 08:49:18</t>
  </si>
  <si>
    <t>1f333e34-b518-45fd-b3cb-4369ed455d1c.tmp</t>
  </si>
  <si>
    <t>\\acsfs\profiles$\danielac\Downloads\1f333e34-b518-45fd-b3cb-4369ed455d1c.tmp</t>
  </si>
  <si>
    <t>01/22/2020 08:53:37</t>
  </si>
  <si>
    <t>01/22/2020 08:53:03</t>
  </si>
  <si>
    <t>01/22/2020 08:53:07</t>
  </si>
  <si>
    <t>01/22/2020 08:49:03</t>
  </si>
  <si>
    <t>01/22/2020 08:54:36</t>
  </si>
  <si>
    <t>01/22/2020 08:52:21</t>
  </si>
  <si>
    <t>01/22/2020 08:52:03</t>
  </si>
  <si>
    <t>01/22/2020 08:53:13</t>
  </si>
  <si>
    <t>01/22/2020 08:55:36</t>
  </si>
  <si>
    <t>01/22/2020 08:53:14</t>
  </si>
  <si>
    <t>01/22/2020 08:54:32</t>
  </si>
  <si>
    <t>5b945990-bb63-4877-b89b-700b17230d59.tmp</t>
  </si>
  <si>
    <t>\\acsfs\profiles$\rafaelamsv\Downloads\5b945990-bb63-4877-b89b-700b17230d59.tmp</t>
  </si>
  <si>
    <t>01/22/2020 08:54:41</t>
  </si>
  <si>
    <t>1fa1eb44-054c-488d-8483-ec68eecdcb39.tmp</t>
  </si>
  <si>
    <t>\\acsfs\profiles$\rafaelamsv\Downloads\1fa1eb44-054c-488d-8483-ec68eecdcb39.tmp</t>
  </si>
  <si>
    <t>01/22/2020 08:53:38</t>
  </si>
  <si>
    <t>_x0017__)�=��h��w�����_�_x0012_.��_x0007_��r�_x000F_���we紻����a*̓�_x001E__x0018_�য়����v�{5����s֊_x0011_٬��լ�=��[�b��_x0019_�_x0013_;�_x0018_;!�/;"mozilla/5.0 (windows nt 6.1) applewebkit/537.36 (khtml;0;1;13;13700014;13700109;13700167;13700185;13700235;13700451;13700563;13700607;13700883;13700946]]];13700951;13700982;13701078;13701139;13701207;13701214;13701235;13701239;13701262;13701276;13701298;13701418;13701422;13701430;13701450;13701458;13701486;13701506;13701510;13701534;13701537;13701573;13701577;13701589;13701609;13701613;13701613�;13701625;13701653;13701657;13701693;13701709;13701749;13701784;13701825;13701833;13701901;13701905;13701909;13701945;13701949;13701953;13701957;13701969;13702064;13702068;13702084;13702088;1579693709417000;1579693709971000;4;5701393;6.1;85;9000];[1;[[13701921;[[null;[];[]�����9栫��h�c_x0016_�_x0006_?p��٫�rb_x0012_o�b�#;[false;[null;adfn-cth4num3gi0lz44o3q5qnrgzk0xlfffjmf_pt_jwruzcnud29xgfjm8inpkb3oaz18vovca;drive.web-frontend_20200108.00_p2;false;false];false]];fzf8jgodlfukaq";ken=ac4w5vjq-c3rtabpcyjscx3dcrwleocoia:1579693709412&amp;buildlabel=drive.web-fr</t>
  </si>
  <si>
    <t>_x0017__)�=��h��w�����_�_x0012_.��_x0007_��r�_x000F_���we紻����a*̓�_x001E__x0018_�য়����v�{5����s֊_x0011_٬��լ�=��[�b��_x0019_�_x0013_;�_x0018_;!�/,"mozilla/5.0 (windows nt 6.1) applewebkit/537.36 (khtml,0,1,13,13700014,13700109,13700167,13700185,13700235,13700451,13700563,13700607,13700883,13700946]]],13700951,13700982,13701078,13701139,13701207,13701214,13701235,13701239,13701262,13701276,13701298,13701418,13701422,13701430,13701450,13701458,13701486,13701506,13701510,13701534,13701537,13701573,13701577,13701589,13701609,13701613,13701613�,13701625,13701653,13701657,13701693,13701709,13701749,13701784,13701825,13701833,13701901,13701905,13701909,13701945,13701949,13701953,13701957,13701969,13702064,13702068,13702084,13702088,1579693709417000,1579693709971000,4,5701393,6.1,85,9000],[1,[[13701921,[[null,[],[]�����9栫��h�c_x0016_�_x0006_?p��٫�rb_x0012_o�b�#,[false,[null,adfn-cth4num3gi0lz44o3q5qnrgzk0xlfffjmf_pt_jwruzcnud29xgfjm8inpkb3oaz18vovca,drive.web-frontend_20200108.00_p2,false,false],false]],fzf8jgodlfukaq",ken=ac4w5vjq-c3rtabpcyjscx3dcrwleocoia:1579693709412&amp;buildlabel=drive.web-fr</t>
  </si>
  <si>
    <t>01/22/2020 08:53:46</t>
  </si>
  <si>
    <t>156411433;1579694012520;2;[];[]]];dgljailchhg_wsgsxxvgoj1ija5nkqbdhh9of54irvehjiignupjnu3x0hkkqiifadcfpiaepwckzqr8gstvtn4kn0zwzgkwvxyxqvmpl05bra9lnuvubbg5frazckfezxulrkm9spzukbpfqia9wid5y_3dym7p9cimssybkw4jwgloa7twnyh_zl-vescd66qluqu\";false;iazva4igzvil3sqdbwjjsm3raodrhumvk5c04ovcackjjhmol0kp1jvqsz0xy4s3hbr8f0ndtrjkhtunwteoz0wgxteq-todgljailchhg_wsgsxxvgoj1ija5nkqbdhh9of54irvehjiignupjnu3x0hkkqiifadcfpiaepwckzqr8gstvtn4kn0zwzgkwvxyxqvmpl05bra9lnuvubbg5frazckfezxulrkm9spzukbpfqia9wid5y_3dym7p9cimssybkw4jwgloa7twnyh_zl-vescd66qluqu\";null;true]";</t>
  </si>
  <si>
    <t>156411433,1579694012520,2,[],[]]],dgljailchhg_wsgsxxvgoj1ija5nkqbdhh9of54irvehjiignupjnu3x0hkkqiifadcfpiaepwckzqr8gstvtn4kn0zwzgkwvxyxqvmpl05bra9lnuvubbg5frazckfezxulrkm9spzukbpfqia9wid5y_3dym7p9cimssybkw4jwgloa7twnyh_zl-vescd66qluqu\",false,iazva4igzvil3sqdbwjjsm3raodrhumvk5c04ovcackjjhmol0kp1jvqsz0xy4s3hbr8f0ndtrjkhtunwteoz0wgxteq-todgljailchhg_wsgsxxvgoj1ija5nkqbdhh9of54irvehjiignupjnu3x0hkkqiifadcfpiaepwckzqr8gstvtn4kn0zwzgkwvxyxqvmpl05bra9lnuvubbg5frazckfezxulrkm9spzukbpfqia9wid5y_3dym7p9cimssybkw4jwgloa7twnyh_zl-vescd66qluqu\",null,true]"</t>
  </si>
  <si>
    <t>01/22/2020 08:54:12</t>
  </si>
  <si>
    <t>01/22/2020 08:54:35</t>
  </si>
  <si>
    <t>01/22/2020 08:54:57</t>
  </si>
  <si>
    <t>01/22/2020 08:52:19</t>
  </si>
  <si>
    <t>01/22/2020 08:52:32</t>
  </si>
  <si>
    <t>01/22/2020 08:57:36</t>
  </si>
  <si>
    <t>01/22/2020 08:53:44</t>
  </si>
  <si>
    <t>fb0b05c4-77c9-4442-bcde-9329879eddea.tmp</t>
  </si>
  <si>
    <t>\\acsfs\profiles$\nayarasds\Downloads\fb0b05c4-77c9-4442-bcde-9329879eddea.tmp</t>
  </si>
  <si>
    <t>01/22/2020 08:56:52</t>
  </si>
  <si>
    <t>01/22/2020 08:58:36</t>
  </si>
  <si>
    <t>01/22/2020 08:56:53</t>
  </si>
  <si>
    <t>01/22/2020 08:56:54</t>
  </si>
  <si>
    <t>01/22/2020 08:56:55</t>
  </si>
  <si>
    <t>01/22/2020 08:56:56</t>
  </si>
  <si>
    <t>01/22/2020 08:56:57</t>
  </si>
  <si>
    <t>01/22/2020 08:56:58</t>
  </si>
  <si>
    <t>01/22/2020 08:56:59</t>
  </si>
  <si>
    <t>01/22/2020 08:57:00</t>
  </si>
  <si>
    <t>01/22/2020 08:57:01</t>
  </si>
  <si>
    <t>01/22/2020 08:57:02</t>
  </si>
  <si>
    <t>01/22/2020 08:57:03</t>
  </si>
  <si>
    <t>01/22/2020 08:57:04</t>
  </si>
  <si>
    <t>01/22/2020 08:57:05</t>
  </si>
  <si>
    <t>01/22/2020 08:57:06</t>
  </si>
  <si>
    <t>01/22/2020 08:57:07</t>
  </si>
  <si>
    <t>01/22/2020 08:56:06</t>
  </si>
  <si>
    <t>01/22/2020 08:56:18</t>
  </si>
  <si>
    <t>01/22/2020 08:53:16</t>
  </si>
  <si>
    <t>01/22/2020 08:53:22</t>
  </si>
  <si>
    <t>01/22/2020 08:53:59</t>
  </si>
  <si>
    <t>01/22/2020 08:54:14</t>
  </si>
  <si>
    <t>01/22/2020 08:54:20</t>
  </si>
  <si>
    <t>01/22/2020 08:56:33</t>
  </si>
  <si>
    <t>01/22/2020 08:53:39</t>
  </si>
  <si>
    <t>486410fb-2017-46ff-9674-50d5af1f7b19.tmp</t>
  </si>
  <si>
    <t>\\acsfs\profiles$\victoriaksr\Downloads\486410fb-2017-46ff-9674-50d5af1f7b19.tmp</t>
  </si>
  <si>
    <t>a9d64a16-b747-4dde-92ce-e5dfce125c08.tmp</t>
  </si>
  <si>
    <t>\\acsfs\profiles$\victoriaksr\Downloads\a9d64a16-b747-4dde-92ce-e5dfce125c08.tmp</t>
  </si>
  <si>
    <t>1e929ed0-deae-482d-97fe-3c1e6d1490aa.tmp</t>
  </si>
  <si>
    <t>\\acsfs\profiles$\paulovadc\Downloads\1e929ed0-deae-482d-97fe-3c1e6d1490aa.tmp</t>
  </si>
  <si>
    <t>01/22/2020 08:54:15</t>
  </si>
  <si>
    <t>01/22/2020 08:59:36</t>
  </si>
  <si>
    <t>01/22/2020 08:57:33</t>
  </si>
  <si>
    <t>01/22/2020 08:58:03</t>
  </si>
  <si>
    <t>01/22/2020 08:59:38</t>
  </si>
  <si>
    <t>01/22/2020 09:00:36</t>
  </si>
  <si>
    <t>d9bd94ee-ae14-4040-a4b0-2b2831890925.tmp</t>
  </si>
  <si>
    <t>\\acsfs\profiles$\yurics\Downloads\d9bd94ee-ae14-4040-a4b0-2b2831890925.tmp</t>
  </si>
  <si>
    <t>01/22/2020 08:55:46</t>
  </si>
  <si>
    <t>01/22/2020 08:55:18</t>
  </si>
  <si>
    <t>01/22/2020 08:55:41</t>
  </si>
  <si>
    <t>01/22/2020 08:55:49</t>
  </si>
  <si>
    <t>01/22/2020 08:55:55</t>
  </si>
  <si>
    <t>01/22/2020 09:01:37</t>
  </si>
  <si>
    <t>10495a66-6b31-42be-a6b6-d5ed2b93d1c4.tmp</t>
  </si>
  <si>
    <t>\\acsfs\profiles$\talitafdc\Downloads\10495a66-6b31-42be-a6b6-d5ed2b93d1c4.tmp</t>
  </si>
  <si>
    <t>01/22/2020 08:58:11</t>
  </si>
  <si>
    <t>b3586db7-4cc2-496d-b01e-09410593f0be.tmp</t>
  </si>
  <si>
    <t>\\acsfs\profiles$\talitafdc\Downloads\b3586db7-4cc2-496d-b01e-09410593f0be.tmp</t>
  </si>
  <si>
    <t>01/22/2020 08:58:35</t>
  </si>
  <si>
    <t>ab70b574-1c0d-4144-9a9e-ec8417bf6f91.tmp</t>
  </si>
  <si>
    <t>\\acsfs\profiles$\talitafdc\Downloads\ab70b574-1c0d-4144-9a9e-ec8417bf6f91.tmp</t>
  </si>
  <si>
    <t>01/22/2020 08:59:40</t>
  </si>
  <si>
    <t>c0c37dbd-1e5a-491b-bdf6-6a6fad6d55ad.tmp</t>
  </si>
  <si>
    <t>\\acsfs\profiles$\talitafdc\Downloads\c0c37dbd-1e5a-491b-bdf6-6a6fad6d55ad.tmp</t>
  </si>
  <si>
    <t>01/22/2020 09:02:37</t>
  </si>
  <si>
    <t>8cd101db-82c9-4185-a9e8-cf065585702f.tmp</t>
  </si>
  <si>
    <t>\\acsfs\profiles$\gabriellalpr\Downloads\8cd101db-82c9-4185-a9e8-cf065585702f.tmp</t>
  </si>
  <si>
    <t>01/22/2020 08:57:18</t>
  </si>
  <si>
    <t>67bf9f59-45cd-4a93-a126-4c49d89f4da4.tmp</t>
  </si>
  <si>
    <t>\\acsfs\profiles$\gabriellalpr\Downloads\67bf9f59-45cd-4a93-a126-4c49d89f4da4.tmp</t>
  </si>
  <si>
    <t>01/22/2020 08:58:22</t>
  </si>
  <si>
    <t>9df37db1-aac1-40ff-9322-f53a737d3925.tmp</t>
  </si>
  <si>
    <t>\\acsfs\profiles$\gabriellalpr\Downloads\9df37db1-aac1-40ff-9322-f53a737d3925.tmp</t>
  </si>
  <si>
    <t>01/22/2020 08:59:01</t>
  </si>
  <si>
    <t>6c3bfe39-8381-4c7e-a7c7-fecc3c5e2f39.tmp</t>
  </si>
  <si>
    <t>\\acsfs\profiles$\gabriellalpr\Downloads\6c3bfe39-8381-4c7e-a7c7-fecc3c5e2f39.tmp</t>
  </si>
  <si>
    <t>01/22/2020 08:59:35</t>
  </si>
  <si>
    <t>64df2b42-9618-4285-930e-ba5545c141ee.tmp</t>
  </si>
  <si>
    <t>\\acsfs\profiles$\gabriellalpr\Downloads\64df2b42-9618-4285-930e-ba5545c141ee.tmp</t>
  </si>
  <si>
    <t>01/22/2020 09:00:28</t>
  </si>
  <si>
    <t>01/22/2020 09:00:29</t>
  </si>
  <si>
    <t>01/22/2020 09:01:33</t>
  </si>
  <si>
    <t>01/22/2020 08:57:35</t>
  </si>
  <si>
    <t>01/22/2020 08:58:05</t>
  </si>
  <si>
    <t>01/22/2020 08:59:05</t>
  </si>
  <si>
    <t>01/22/2020 09:00:05</t>
  </si>
  <si>
    <t>01/22/2020 09:00:35</t>
  </si>
  <si>
    <t>01/22/2020 08:57:49</t>
  </si>
  <si>
    <t>b149ac05-5d6b-41a3-b68f-4d8875a9037a.tmp</t>
  </si>
  <si>
    <t>\\acsfs\profiles$\danielmlds\Downloads\b149ac05-5d6b-41a3-b68f-4d8875a9037a.tmp</t>
  </si>
  <si>
    <t>01/22/2020 08:59:18</t>
  </si>
  <si>
    <t>c4792aa0-8d68-4a74-833d-ed95a84b7503.tmp</t>
  </si>
  <si>
    <t>\\acsfs\profiles$\danielmlds\Downloads\c4792aa0-8d68-4a74-833d-ed95a84b7503.tmp</t>
  </si>
  <si>
    <t>01/22/2020 08:58:51</t>
  </si>
  <si>
    <t>01/22/2020 09:03:38</t>
  </si>
  <si>
    <t>andrelps@algartech.com;cassiaafa@algartech.com;fabriciodfl@algartech.com;humbertopj@algartech.com;sandyyd@algartech.com;sauloadsj@algartech.com;talmaiardo@algartech.com;tayss@algartech.com;thiagord@algartech.com;</t>
  </si>
  <si>
    <t>andrelps@algartech.com,cassiaafa@algartech.com,fabriciodfl@algartech.com,humbertopj@algartech.com,sandyyd@algartech.com,sauloadsj@algartech.com,talmaiardo@algartech.com,tayss@algartech.com,thiagord@algartech.com</t>
  </si>
  <si>
    <t>01/22/2020 08:59:04</t>
  </si>
  <si>
    <t>Vendas de Serviços ALGAR - Janeiro_2020 (9).xlsb</t>
  </si>
  <si>
    <t>01/22/2020 08:59:07</t>
  </si>
  <si>
    <t>01/22/2020 08:59:09</t>
  </si>
  <si>
    <t>01/22/2020 08:59:19</t>
  </si>
  <si>
    <t>01/22/2020 08:59:34</t>
  </si>
  <si>
    <t>01/22/2020 08:59:42</t>
  </si>
  <si>
    <t>01/22/2020 09:01:26</t>
  </si>
  <si>
    <t>01/22/2020 09:01:35</t>
  </si>
  <si>
    <t>01/22/2020 09:01:36</t>
  </si>
  <si>
    <t>01/22/2020 09:01:38</t>
  </si>
  <si>
    <t>01/22/2020 09:01:39</t>
  </si>
  <si>
    <t>01/22/2020 09:02:06</t>
  </si>
  <si>
    <t>01/22/2020 09:02:08</t>
  </si>
  <si>
    <t>01/22/2020 08:58:44</t>
  </si>
  <si>
    <t>01/22/2020 09:04:37</t>
  </si>
  <si>
    <t>01/22/2020 09:02:04</t>
  </si>
  <si>
    <t>01/22/2020 09:02:03</t>
  </si>
  <si>
    <t>7b89b22c-60c1-4b95-ab7d-daa9c3c86030.tmp</t>
  </si>
  <si>
    <t>\\acsfs\profiles$\LUCASBS\Downloads\7b89b22c-60c1-4b95-ab7d-daa9c3c86030.tmp</t>
  </si>
  <si>
    <t>01/22/2020 08:59:48</t>
  </si>
  <si>
    <t>01/22/2020 09:05:38</t>
  </si>
  <si>
    <t>6348a058-a815-4468-9211-ea1486f131bb.tmp</t>
  </si>
  <si>
    <t>\\acsfs\profiles$\yurics\Downloads\6348a058-a815-4468-9211-ea1486f131bb.tmp</t>
  </si>
  <si>
    <t>01/22/2020 08:59:57</t>
  </si>
  <si>
    <t>cc9d6ce1-6c19-41ca-8cf2-6718c00d08a7.tmp</t>
  </si>
  <si>
    <t>\\acsfs\profiles$\yurics\Downloads\cc9d6ce1-6c19-41ca-8cf2-6718c00d08a7.tmp</t>
  </si>
  <si>
    <t>01/22/2020 09:01:55</t>
  </si>
  <si>
    <t>01/22/2020 09:02:15</t>
  </si>
  <si>
    <t>01/22/2020 09:02:36</t>
  </si>
  <si>
    <t>01/22/2020 09:02:44</t>
  </si>
  <si>
    <t>1;109];14;1579693710008000;15]]];2;22;3;6;74ct7u6rb\";9;[1;[6];[[12;[[null;[\"drive.web-frontend_20200108.00_p2\"]]]";[null;false;false]];null;</t>
  </si>
  <si>
    <t>1,109],14,1579693710008000,15]]],2,22,3,6,74ct7u6rb\",9,[1,[6],[[12,[[null,[\"drive.web-frontend_20200108.00_p2\"]]]",[null,false,false]],null</t>
  </si>
  <si>
    <t>01/22/2020 09:03:16</t>
  </si>
  <si>
    <t>01/22/2020 09:00:59</t>
  </si>
  <si>
    <t>Mentira (2).je9zzuq.partial</t>
  </si>
  <si>
    <t>\\acsfs\profiles$\nathalydds\Downloads\Mentira (2).je9zzuq.partial</t>
  </si>
  <si>
    <t>01/22/2020 09:03:50</t>
  </si>
  <si>
    <t>Surtada (Remix Brega Funk) (2).c5a11ig.partial</t>
  </si>
  <si>
    <t>\\acsfs\profiles$\nathalydds\Downloads\Surtada (Remix Brega Funk) (2).c5a11ig.partial</t>
  </si>
  <si>
    <t>01/22/2020 09:07:38</t>
  </si>
  <si>
    <t>01/22/2020 09:02:45</t>
  </si>
  <si>
    <t>2b007598-bf1d-4cd6-8215-4f867df520d7.tmp</t>
  </si>
  <si>
    <t>\\acsfs\profiles$\PEDROHAB\Downloads\2b007598-bf1d-4cd6-8215-4f867df520d7.tmp</t>
  </si>
  <si>
    <t>01/22/2020 09:04:04</t>
  </si>
  <si>
    <t>01/22/2020 09:04:34</t>
  </si>
  <si>
    <t>01/22/2020 09:06:05</t>
  </si>
  <si>
    <t>01/22/2020 09:06:34</t>
  </si>
  <si>
    <t>01/22/2020 09:04:15</t>
  </si>
  <si>
    <t>01/22/2020 09:08:37</t>
  </si>
  <si>
    <t>01/22/2020 09:04:18</t>
  </si>
  <si>
    <t>01/22/2020 09:05:19</t>
  </si>
  <si>
    <t>01/22/2020 09:05:25</t>
  </si>
  <si>
    <t>01/22/2020 09:05:59</t>
  </si>
  <si>
    <t>01/22/2020 09:09:37</t>
  </si>
  <si>
    <t>01/22/2020 09:05:05</t>
  </si>
  <si>
    <t>01/22/2020 09:05:24</t>
  </si>
  <si>
    <t>2ddc878d-9e57-4a9b-8a03-64310164038a.tmp</t>
  </si>
  <si>
    <t>\\acsfs\profiles$\LUCASBS\Downloads\2ddc878d-9e57-4a9b-8a03-64310164038a.tmp</t>
  </si>
  <si>
    <t>01/22/2020 09:08:45</t>
  </si>
  <si>
    <t>01/22/2020 09:10:37</t>
  </si>
  <si>
    <t>01/22/2020 09:06:41</t>
  </si>
  <si>
    <t>Briga (1).x2qf5q0.partial</t>
  </si>
  <si>
    <t>\\acsfs\profiles$\nathalydds\Downloads\Briga (1).x2qf5q0.partial</t>
  </si>
  <si>
    <t>01/22/2020 09:09:14</t>
  </si>
  <si>
    <t>01/22/2020 09:11:37</t>
  </si>
  <si>
    <t>240c2d91-570d-451b-8f46-91b665281ff1.tmp</t>
  </si>
  <si>
    <t>\\acsfs\profiles$\esterasg\Downloads\240c2d91-570d-451b-8f46-91b665281ff1.tmp</t>
  </si>
  <si>
    <t>01/22/2020 09:09:39</t>
  </si>
  <si>
    <t>e2be9775-400d-4bce-9f0f-3437b664e422.tmp</t>
  </si>
  <si>
    <t>\\acsfs\profiles$\esterasg\Downloads\e2be9775-400d-4bce-9f0f-3437b664e422.tmp</t>
  </si>
  <si>
    <t>01/22/2020 09:10:27</t>
  </si>
  <si>
    <t>23469f3b-ed6c-4de7-bf6a-c72ef9c125a1.tmp</t>
  </si>
  <si>
    <t>\\acsfs\profiles$\esterasg\Downloads\23469f3b-ed6c-4de7-bf6a-c72ef9c125a1.tmp</t>
  </si>
  <si>
    <t>01/22/2020 09:07:58</t>
  </si>
  <si>
    <t>46a45c31-5fea-4c11-9dd3-de78ff094abe.tmp</t>
  </si>
  <si>
    <t>\\acsfs\profiles$\talitafdc\Downloads\46a45c31-5fea-4c11-9dd3-de78ff094abe.tmp</t>
  </si>
  <si>
    <t>01/22/2020 09:12:38</t>
  </si>
  <si>
    <t>01/22/2020 09:11:30</t>
  </si>
  <si>
    <t>1640f195-d106-4524-b31a-774899dc1fc3.tmp</t>
  </si>
  <si>
    <t>\\acsfs\profiles$\PEDROHAB\Downloads\1640f195-d106-4524-b31a-774899dc1fc3.tmp</t>
  </si>
  <si>
    <t>01/22/2020 09:11:52</t>
  </si>
  <si>
    <t>f492f90c-126c-4c04-a9be-8caf4f6feb06.tmp</t>
  </si>
  <si>
    <t>\\acsfs\profiles$\PEDROHAB\Downloads\f492f90c-126c-4c04-a9be-8caf4f6feb06.tmp</t>
  </si>
  <si>
    <t>01/22/2020 09:07:35</t>
  </si>
  <si>
    <t>01/22/2020 09:08:05</t>
  </si>
  <si>
    <t>01/22/2020 09:13:37</t>
  </si>
  <si>
    <t>01/22/2020 09:11:03</t>
  </si>
  <si>
    <t>CASO 00822811 - MARIA SOLIDADE DA SILVA SALES.pdf</t>
  </si>
  <si>
    <t>\\acsfs\Deptos\EDUCACAO EMPRESARIAL\KÉSIA\OUVIDORIA, PROCON, BACEN E RECLAME AQUI\CASO 00822811 - MARIA SOLIDADE DA SILVA SALES.pdf</t>
  </si>
  <si>
    <t>01/22/2020 09:12:40</t>
  </si>
  <si>
    <t>01/22/2020 09:11:07</t>
  </si>
  <si>
    <t>01/22/2020 09:14:38</t>
  </si>
  <si>
    <t>6ba01ba1-629e-4418-aa1f-0f2531da2783.tmp</t>
  </si>
  <si>
    <t>\\acsfs\profiles$\websondsa\Downloads\6ba01ba1-629e-4418-aa1f-0f2531da2783.tmp</t>
  </si>
  <si>
    <t>01/22/2020 09:12:06</t>
  </si>
  <si>
    <t>613de866-8401-482d-9736-b0d0a0db8531.tmp</t>
  </si>
  <si>
    <t>\\acsfs\profiles$\websondsa\Downloads\613de866-8401-482d-9736-b0d0a0db8531.tmp</t>
  </si>
  <si>
    <t>01/22/2020 09:12:48</t>
  </si>
  <si>
    <t>d1219c32-f610-4381-87d7-c804bfa4796c.tmp</t>
  </si>
  <si>
    <t>\\acsfs\profiles$\websondsa\Downloads\d1219c32-f610-4381-87d7-c804bfa4796c.tmp</t>
  </si>
  <si>
    <t>01/22/2020 09:10:03</t>
  </si>
  <si>
    <t>01/22/2020 09:10:04</t>
  </si>
  <si>
    <t>01/22/2020 09:13:11</t>
  </si>
  <si>
    <t>01/22/2020 09:12:03</t>
  </si>
  <si>
    <t>10.200.60.164</t>
  </si>
  <si>
    <t>D0-67-E5-FF-1A-BC</t>
  </si>
  <si>
    <t>BV-Z020</t>
  </si>
  <si>
    <t>01/22/2020 09:11:34</t>
  </si>
  <si>
    <t>01/22/2020 09:15:37</t>
  </si>
  <si>
    <t>01/22/2020 09:11:35</t>
  </si>
  <si>
    <t>01/22/2020 09:14:29</t>
  </si>
  <si>
    <t>01/22/2020 09:15:30</t>
  </si>
  <si>
    <t>Briga (2).b3c4y09.partial</t>
  </si>
  <si>
    <t>\\acsfs\profiles$\nathalydds\Downloads\Briga (2).b3c4y09.partial</t>
  </si>
  <si>
    <t>01/22/2020 09:10:45</t>
  </si>
  <si>
    <t>01/22/2020 09:16:38</t>
  </si>
  <si>
    <t>ff445b80-ae20-4364-90c4-8440712aa2cd.tmp</t>
  </si>
  <si>
    <t>\\acsfs\profiles$\esterasg\Downloads\ff445b80-ae20-4364-90c4-8440712aa2cd.tmp</t>
  </si>
  <si>
    <t>01/22/2020 09:12:35</t>
  </si>
  <si>
    <t>d13455b4-8152-40c1-b87e-9fbb5a42df17.tmp</t>
  </si>
  <si>
    <t>\\acsfs\profiles$\esterasg\Downloads\d13455b4-8152-40c1-b87e-9fbb5a42df17.tmp</t>
  </si>
  <si>
    <t>01/22/2020 09:13:03</t>
  </si>
  <si>
    <t>27ec5799-38bf-4640-a709-900dddae48d0.tmp</t>
  </si>
  <si>
    <t>\\acsfs\profiles$\esterasg\Downloads\27ec5799-38bf-4640-a709-900dddae48d0.tmp</t>
  </si>
  <si>
    <t>01/22/2020 09:17:37</t>
  </si>
  <si>
    <t>01/22/2020 09:18:38</t>
  </si>
  <si>
    <t>01/22/2020 09:14:22</t>
  </si>
  <si>
    <t>01/22/2020 09:19:38</t>
  </si>
  <si>
    <t>01/22/2020 09:16:39</t>
  </si>
  <si>
    <t>01/22/2020 09:16:03</t>
  </si>
  <si>
    <t>01/22/2020 09:18:16</t>
  </si>
  <si>
    <t>01/22/2020 09:20:37</t>
  </si>
  <si>
    <t>01/22/2020 09:16:56</t>
  </si>
  <si>
    <t>01/22/2020 09:19:49</t>
  </si>
  <si>
    <t>a2e9014c-432e-4bed-9b99-5ec320c15389.tmp</t>
  </si>
  <si>
    <t>\\acsfs\profiles$\wedersonbadr\My Documents\My Music\a2e9014c-432e-4bed-9b99-5ec320c15389.tmp</t>
  </si>
  <si>
    <t>01/22/2020 09:21:37</t>
  </si>
  <si>
    <t>f3a9683c-80ad-49ea-9747-847b78a4666e.tmp</t>
  </si>
  <si>
    <t>\\acsfs\profiles$\talitafdc\Downloads\f3a9683c-80ad-49ea-9747-847b78a4666e.tmp</t>
  </si>
  <si>
    <t>01/22/2020 09:22:37</t>
  </si>
  <si>
    <t>01/22/2020 09:21:17</t>
  </si>
  <si>
    <t>fc84447a-ff5a-408d-a122-806493db82cf.tmp</t>
  </si>
  <si>
    <t>\\acsfs\profiles$\gabriellalpr\Downloads\fc84447a-ff5a-408d-a122-806493db82cf.tmp</t>
  </si>
  <si>
    <t>01/22/2020 09:23:37</t>
  </si>
  <si>
    <t>01/22/2020 09:21:31</t>
  </si>
  <si>
    <t>01/22/2020 09:19:12</t>
  </si>
  <si>
    <t>9119dab4-3a32-4625-aaec-1528c06c5950.tmp</t>
  </si>
  <si>
    <t>\\acsfs\profiles$\nathaliarmr\Downloads\9119dab4-3a32-4625-aaec-1528c06c5950.tmp</t>
  </si>
  <si>
    <t>01/22/2020 09:20:42</t>
  </si>
  <si>
    <t>01/22/2020 09:24:37</t>
  </si>
  <si>
    <t>01/22/2020 09:22:04</t>
  </si>
  <si>
    <t>01/22/2020 09:23:07</t>
  </si>
  <si>
    <t>20a952f0-7684-4496-8fbb-2de39ea2dcf1.tmp</t>
  </si>
  <si>
    <t>\\acsfs\profiles$\RAFAELRF\Downloads\20a952f0-7684-4496-8fbb-2de39ea2dcf1.tmp</t>
  </si>
  <si>
    <t>01/22/2020 09:23:57</t>
  </si>
  <si>
    <t>ec5e873c-2577-46e0-bda7-5cb19b137b89.tmp</t>
  </si>
  <si>
    <t>\\acsfs\profiles$\RAFAELRF\Downloads\ec5e873c-2577-46e0-bda7-5cb19b137b89.tmp</t>
  </si>
  <si>
    <t>01/22/2020 09:24:03</t>
  </si>
  <si>
    <t>d47b3860-90e6-4cb6-a591-dbcc32b5376c.tmp</t>
  </si>
  <si>
    <t>\\acsfs\profiles$\RAFAELRF\Downloads\d47b3860-90e6-4cb6-a591-dbcc32b5376c.tmp</t>
  </si>
  <si>
    <t>01/22/2020 09:26:38</t>
  </si>
  <si>
    <t>01/22/2020 09:21:33</t>
  </si>
  <si>
    <t>01/22/2020 09:24:53</t>
  </si>
  <si>
    <t>01/22/2020 09:27:37</t>
  </si>
  <si>
    <t>01/22/2020 09:28:37</t>
  </si>
  <si>
    <t>01/22/2020 09:23:26</t>
  </si>
  <si>
    <t>LUCAS GUBERT PEREIRA_1_6780310878520682394_1_32.wav</t>
  </si>
  <si>
    <t>\\acsfs\Deptos\EDUCACAO EMPRESARIAL\KÉSIA\Ligações 3º ciclo - Janeiro 2020\LUCAS GUBERT PEREIRA_1_6780310878520682394_1_32.wav</t>
  </si>
  <si>
    <t>01/22/2020 09:26:30</t>
  </si>
  <si>
    <t>726f30aa-a526-41f6-b136-a75e06a544c8.tmp</t>
  </si>
  <si>
    <t>\\acsfs\profiles$\rafaelacdoc\Downloads\726f30aa-a526-41f6-b136-a75e06a544c8.tmp</t>
  </si>
  <si>
    <t>01/22/2020 09:28:24</t>
  </si>
  <si>
    <t>b098a71b-8102-4da8-ab66-f3539b7cf302.tmp</t>
  </si>
  <si>
    <t>\\acsfs\profiles$\rafaelacdoc\Downloads\b098a71b-8102-4da8-ab66-f3539b7cf302.tmp</t>
  </si>
  <si>
    <t>01/21/2020 17:31:18</t>
  </si>
  <si>
    <t>01/22/2020 09:29:37</t>
  </si>
  <si>
    <t>01/22/2020 09:27:55</t>
  </si>
  <si>
    <t>Protocolo 175860690 Luana Rosa de Almeida_1_6782882546023731584_1_32.wav</t>
  </si>
  <si>
    <t>\\acsfs\Deptos\EDUCACAO EMPRESARIAL\FERNANDA MONIT\Protocolo 175860690 Luana Rosa de Almeida_1_6782882546023731584_1_32.wav</t>
  </si>
  <si>
    <t>01/22/2020 09:28:04</t>
  </si>
  <si>
    <t>01/22/2020 09:28:10</t>
  </si>
  <si>
    <t>\\acsfs\Deptos\EDUCACAO EMPRESARIAL\FERNANDA MONIT\Fernanda\RECLAMAÇÃO E OUVIDORIA\8BE403D2.tmp\</t>
  </si>
  <si>
    <t>\\acsfs\Deptos\EDUCACAO EMPRESARIAL\FERNANDA MONIT\Fernanda\RECLAMAÇÃO E OUVIDORIA\8BE403D2.tmp</t>
  </si>
  <si>
    <t>8BE403D2.tmp</t>
  </si>
  <si>
    <t>01/22/2020 09:28:35</t>
  </si>
  <si>
    <t>01/22/2020 09:27:27</t>
  </si>
  <si>
    <t>01/22/2020 09:30:37</t>
  </si>
  <si>
    <t>01/22/2020 09:26:46</t>
  </si>
  <si>
    <t>01/22/2020 09:27:03</t>
  </si>
  <si>
    <t>35f0fd1499117ea677940dfeb9976_u x-goog-authuser: 0 --=====9i5wmjx24870=====-- ,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permiss,permission,permissionid,picture,rpermissions,shared,sharedwithmedate,thumbnailversion,title,userpermission(role),workspaceids</t>
  </si>
  <si>
    <t>01/22/2020 09:27:12</t>
  </si>
  <si>
    <t>01/22/2020 09:27:19</t>
  </si>
  <si>
    <t>01/22/2020 09:27:35</t>
  </si>
  <si>
    <t>01/22/2020 09:29:32</t>
  </si>
  <si>
    <t>01/22/2020 09:31:37</t>
  </si>
  <si>
    <t>c18c6780-ad64-4fc3-86b4-0ca7bafb6fcb.tmp</t>
  </si>
  <si>
    <t>\\acsfs\profiles$\gabrielhca\Downloads\c18c6780-ad64-4fc3-86b4-0ca7bafb6fcb.tmp</t>
  </si>
  <si>
    <t>01/22/2020 09:30:33</t>
  </si>
  <si>
    <t>10.200.67.22</t>
  </si>
  <si>
    <t>32a6addb-63c5-4651-818c-a15753c210fc.tmp</t>
  </si>
  <si>
    <t>\\acsfs\profiles$\talitafdc\Downloads\32a6addb-63c5-4651-818c-a15753c210fc.tmp</t>
  </si>
  <si>
    <t>89fe815c-7d85-4edb-b357-8d7ab86e0ccc.tmp</t>
  </si>
  <si>
    <t>\\acsfs\profiles$\talitafdc\Downloads\89fe815c-7d85-4edb-b357-8d7ab86e0ccc.tmp</t>
  </si>
  <si>
    <t>01/22/2020 09:30:46</t>
  </si>
  <si>
    <t>Não confirmado 184095.crdownload</t>
  </si>
  <si>
    <t>\\acsfs\profiles$\talitafdc\Downloads\Não confirmado 184095.crdownload</t>
  </si>
  <si>
    <t>01/22/2020 09:30:47</t>
  </si>
  <si>
    <t>171c4156-6fc7-4f69-875c-4a0b36da01cc.tmp</t>
  </si>
  <si>
    <t>\\acsfs\profiles$\talitafdc\Downloads\171c4156-6fc7-4f69-875c-4a0b36da01cc.tmp</t>
  </si>
  <si>
    <t>01/22/2020 09:31:03</t>
  </si>
  <si>
    <t>Não confirmado 460916.crdownload</t>
  </si>
  <si>
    <t>\\acsfs\profiles$\talitafdc\Downloads\Não confirmado 460916.crdownload</t>
  </si>
  <si>
    <t>01/22/2020 09:32:37</t>
  </si>
  <si>
    <t>01/22/2020 09:29:08</t>
  </si>
  <si>
    <t>a02f53c1-6865-49ac-9989-4dd826369507.tmp</t>
  </si>
  <si>
    <t>\\acsfs\profiles$\gabriellalpr\Downloads\a02f53c1-6865-49ac-9989-4dd826369507.tmp</t>
  </si>
  <si>
    <t>01/22/2020 09:29:41</t>
  </si>
  <si>
    <t>01/22/2020 09:33:38</t>
  </si>
  <si>
    <t>98d7f2b9-04a7-4c23-b4aa-1b581a171f48.tmp</t>
  </si>
  <si>
    <t>\\acsfs\profiles$\laianear\Downloads\98d7f2b9-04a7-4c23-b4aa-1b581a171f48.tmp</t>
  </si>
  <si>
    <t>01/22/2020 09:29:43</t>
  </si>
  <si>
    <t>1b5f62cc-c437-4b30-99d1-e7c6557d04c2.tmp</t>
  </si>
  <si>
    <t>\\acsfs\profiles$\laianear\Downloads\1b5f62cc-c437-4b30-99d1-e7c6557d04c2.tmp</t>
  </si>
  <si>
    <t>01/22/2020 09:31:38</t>
  </si>
  <si>
    <t>d743de68-b67f-4741-84dc-a0c818545341.tmp</t>
  </si>
  <si>
    <t>\\acsfs\profiles$\DALVADFB\Downloads\d743de68-b67f-4741-84dc-a0c818545341.tmp</t>
  </si>
  <si>
    <t>01/22/2020 09:30:45</t>
  </si>
  <si>
    <t>01/22/2020 09:33:29</t>
  </si>
  <si>
    <t>01/22/2020 09:34:37</t>
  </si>
  <si>
    <t>10.200.67.139</t>
  </si>
  <si>
    <t>1b86d591-680e-489b-84e5-1a4461eaca63.tmp</t>
  </si>
  <si>
    <t>\\acsfs\profiles$\adelvinsonle\Downloads\1b86d591-680e-489b-84e5-1a4461eaca63.tmp</t>
  </si>
  <si>
    <t>01/22/2020 09:33:37</t>
  </si>
  <si>
    <t>01/22/2020 09:29:47</t>
  </si>
  <si>
    <t>01/22/2020 09:34:03</t>
  </si>
  <si>
    <t>01/22/2020 09:35:14</t>
  </si>
  <si>
    <t>01/22/2020 09:35:37</t>
  </si>
  <si>
    <t>01/22/2020 09:35:18</t>
  </si>
  <si>
    <t>01/22/2020 09:35:19</t>
  </si>
  <si>
    <t>01/22/2020 09:31:09</t>
  </si>
  <si>
    <t>01/22/2020 09:36:37</t>
  </si>
  <si>
    <t>130b19e4-8f8e-454c-997b-4f4e281feae3.tmp</t>
  </si>
  <si>
    <t>\\acsfs\profiles$\gabrielhca\Downloads\130b19e4-8f8e-454c-997b-4f4e281feae3.tmp</t>
  </si>
  <si>
    <t>01/22/2020 09:32:48</t>
  </si>
  <si>
    <t>e2ea72ad-82e6-4c00-b03f-bd3a9897ac2a.tmp</t>
  </si>
  <si>
    <t>\\acsfs\profiles$\gabrielhca\Downloads\e2ea72ad-82e6-4c00-b03f-bd3a9897ac2a.tmp</t>
  </si>
  <si>
    <t>01/22/2020 09:34:00</t>
  </si>
  <si>
    <t>671e2a98-0ae9-4bbe-85aa-f80526b030fc.tmp</t>
  </si>
  <si>
    <t>\\acsfs\profiles$\gabrielhca\Downloads\671e2a98-0ae9-4bbe-85aa-f80526b030fc.tmp</t>
  </si>
  <si>
    <t>01/22/2020 09:35:15</t>
  </si>
  <si>
    <t>a2652ed4-a464-4870-a6ee-b14a3f837e6f.tmp</t>
  </si>
  <si>
    <t>\\acsfs\profiles$\gabrielhca\Downloads\a2652ed4-a464-4870-a6ee-b14a3f837e6f.tmp</t>
  </si>
  <si>
    <t>01/22/2020 09:37:37</t>
  </si>
  <si>
    <t>01/22/2020 09:33:04</t>
  </si>
  <si>
    <t>8da3b56a-10e3-4224-aeb3-084f99a64e0b.tmp</t>
  </si>
  <si>
    <t>\\acsfs\profiles$\Angelicacldr\Downloads\8da3b56a-10e3-4224-aeb3-084f99a64e0b.tmp</t>
  </si>
  <si>
    <t>01/22/2020 09:35:08</t>
  </si>
  <si>
    <t>6508e237-9e8b-4334-b9e7-a19080adc4d6.tmp</t>
  </si>
  <si>
    <t>\\acsfs\profiles$\Angelicacldr\Downloads\6508e237-9e8b-4334-b9e7-a19080adc4d6.tmp</t>
  </si>
  <si>
    <t>01/22/2020 09:35:46</t>
  </si>
  <si>
    <t>10198211-9061-4c34-a3db-9415734891b9.tmp</t>
  </si>
  <si>
    <t>\\acsfs\profiles$\Angelicacldr\Downloads\10198211-9061-4c34-a3db-9415734891b9.tmp</t>
  </si>
  <si>
    <t>01/22/2020 09:36:16</t>
  </si>
  <si>
    <t>01/22/2020 09:36:17</t>
  </si>
  <si>
    <t>01/22/2020 09:36:18</t>
  </si>
  <si>
    <t>01/22/2020 09:36:19</t>
  </si>
  <si>
    <t>01/22/2020 09:32:49</t>
  </si>
  <si>
    <t>http://cscatende.algarnet.com.br/framework/licenciamento/request/checkconcorrencia.php</t>
  </si>
  <si>
    <t>01/22/2020 09:32:51</t>
  </si>
  <si>
    <t>http:///batch/drive/v2internal?%24ct=multipart%2Fmixed%3B%20boundary%3D%22%3D%3D%3D%3D%3D9eiext81uzd1%3D%3D%3D%3D%3D%22&amp;key=AIzaSyAy9VVXHSpS2IJpptzYtGbLP3-3_l0aBk4</t>
  </si>
  <si>
    <t>01/22/2020 09:32:52</t>
  </si>
  <si>
    <t>http:///batch/drive/v2internal?%24ct=multipart%2Fmixed%3B%20boundary%3D%22%3D%3D%3D%3D%3Dgjnvxnan4kwf%3D%3D%3D%3D%3D%22&amp;key=AIzaSyAy9VVXHSpS2IJpptzYtGbLP3-3_l0aBk4</t>
  </si>
  <si>
    <t>ancestorhasaugmentedpermissions;containsunsubscribedchildren;dis;displayname;domain;emailaddress;filesize;hasthumbnail;hasvisitorpermissions;id);items(kind;ken;lastmodifyi;lastmodifyinguser(kind;lastviewedbymedate;modifiedbymedate;modifieddate;ontainsunsubscribedchildren;owners(kind;permission;permissionid;picture;picture�;rpermissions;thumbnailversion;workspaceids;</t>
  </si>
  <si>
    <t>http://ancestorhasaugmentedpermissions,containsunsubscribedchildren,dis,displayname,domain,emailaddress,filesize,hasthumbnail,hasvisitorpermissions,id),items(kind,ken,lastmodifyi,lastmodifyinguser(kind,lastviewedbymedate,modifiedbymedate,modifieddate,ontainsunsubscribedchildren,owners(kind,permission,permissionid,picture,picture�,rpermissions,thumbnailversion,workspaceids</t>
  </si>
  <si>
    <t>01/22/2020 09:32:53</t>
  </si>
  <si>
    <t>01/22/2020 09:32:54</t>
  </si>
  <si>
    <t>http:///batch/drive/v2internal?%24ct=multipart%2Fmixed%3B%20boundary%3D%22%3D%3D%3D%3D%3D68plyzsn9rrd%3D%3D%3D%3D%3D%22&amp;key=AIzaSyAy9VVXHSpS2IJpptzYtGbLP3-3_l0aBk4</t>
  </si>
  <si>
    <t>ancestorhasaugmentedpermissions;containsunsubscribedchildren;dis;displayname;domain;emailaddress;file(kind;fileid;filesize;hasthumbnail;hasvisitorpermissions;id;id);items(deleted;items(kind;ken;kind;lastmodifyi;lastmodifyinguser(kind;lastviewedbymedate;modifiedbymedate;modifieddate;ontainsunsubscribedchildren;owners(kind;per;permission;permissionid;picture;picture�;rpermissions;shared;sharedwithmedate;thumbnailversion;title;userpermission(role);workspaceids;</t>
  </si>
  <si>
    <t>http://ancestorhasaugmentedpermissions,containsunsubscribedchildren,dis,displayname,domain,emailaddress,file(kind,fileid,filesize,hasthumbnail,hasvisitorpermissions,id,id),items(deleted,items(kind,ken,kind,lastmodifyi,lastmodifyinguser(kind,lastviewedbymedate,modifiedbymedate,modifieddate,ontainsunsubscribedchildren,owners(kind,per,permission,permissionid,picture,picture�,rpermissions,shared,sharedwithmedate,thumbnailversion,title,userpermission(role),workspaceids</t>
  </si>
  <si>
    <t>01/22/2020 09:32:55</t>
  </si>
  <si>
    <t>01/22/2020 09:33:05</t>
  </si>
  <si>
    <t>http:///batch/drive/v2internal?%24ct=multipart%2Fmixed%3B%20boundary%3D%22%3D%3D%3D%3D%3Dl4rr20e9g3zi%3D%3D%3D%3D%3D%22&amp;key=AIzaSyAy9VVXHSpS2IJpptzYtGbLP3-3_l0aBk4</t>
  </si>
  <si>
    <t>01/22/2020 09:33:06</t>
  </si>
  <si>
    <t>http:///batch/drive/v2internal?%24ct=multipart%2Fmixed%3B%20boundary%3D%22%3D%3D%3D%3D%3De4napqs84q3n%3D%3D%3D%3D%3D%22&amp;key=AIzaSyAy9VVXHSpS2IJpptzYtGbLP3-3_l0aBk4</t>
  </si>
  <si>
    <t>01/22/2020 09:33:52</t>
  </si>
  <si>
    <t>"[[null;0;0.491;0.491];0.668;0];1;1147.4649999290705;12.854];1207.2099999058992;1208.0049999058247;1208.464999916032;1208.8699999731034;1209.6599999349564;1234.8799998871982;13.568;135.741;1376.8199998885393;1377.739999908954;147.39499986171722;148.6200001090765;149.13000003434718;15.344;15.344];1578934986647\;1579001571124\;1579001571455;1582.777];164.51499983668327;1731.269999872893;1767.9500000085682;204;21.464;21.464];214.36999994330108;215.8699999563396;219.68999993987381;232.10999998264015;25;270.3749998472631;285089911;290.49999988637865;3;302.72499984130263;33.212;33.212];38.459];4.843;427.08999989554286;444.9849999509752;5;505.241;57.78999999165535;577.7149999048561;6.009];68.04000004194677;690.7999999821186;690.9900000318885;700";71.25500007532537;716.1199999973178;717.3349999357015;718.0149999912828;718.214999884367;718.4150000102818;718.4750000014901;719.9750000145286;82.45500014163554;874.888];:400;["https://drive.google.com/_/drive_fe/_/js/k=drive_fe.main.pt_br.nw3rowx7iis.o/am=mbqqtgsep3aigae/d</t>
  </si>
  <si>
    <t>http://"[[null,0,0.491,0.491],0.668,0],1,1147.4649999290705,12.854],1207.2099999058992,1208.0049999058247,1208.464999916032,1208.8699999731034,1209.6599999349564,1234.8799998871982,13.568,135.741,1376.8199998885393,1377.739999908954,147.39499986171722,148.6200001090765,149.13000003434718,15.344,15.344],1578934986647\,1579001571124\,1579001571455,1582.777],164.51499983668327,1731.269999872893,1767.9500000085682,204,21.464,21.464],214.36999994330108,215.8699999563396,219.68999993987381,232.10999998264015,25,270.3749998472631,285089911,290.49999988637865,3,302.72499984130263,33.212,33.212],38.459],4.843,427.08999989554286,444.9849999509752,5,505.241,57.78999999165535,577.7149999048561,6.009],68.04000004194677,690.7999999821186,690.9900000318885,700",71.25500007532537,716.1199999973178,717.3349999357015,718.0149999912828,718.214999884367,718.4150000102818,718.4750000014901,719.9750000145286,82.45500014163554,874.888],:400,["https://drive.google.com/_/drive_fe/_/js/k=drive_fe.main.pt_br.nw3rowx7iis.o/am=mbqqtgsep3</t>
  </si>
  <si>
    <t>01/22/2020 09:33:53</t>
  </si>
  <si>
    <t>"[[null;0;0.491;0.491];0.668;0];1;1147.4649999290705;12.854];1207.2099999058992;1208.0049999058247;1208.464999916032;1208.8699999731034;1209.6599999349564;1234.8799998871982;13.568;135.741;1376.8199998885393;1377.739999908954;147.39499986171722;148.6200001090765;149.13000003434718;15.344;15.344];15.552;15.552];1503.309999825433;1516.8749999720603;1578934986647\;1579001571124\;1579001571455;1582.777];164.51499983668327;1731.269999872893;1767.9500000085682;1771.0549999028444;1774.6849998366088;1819.8750000447035;1820.1549998484552;204;21.464;21.464];21.7;21.7];214.36999994330108;215.8699999563396;219.68999993987381;232.10999998264015;25;264.12000018171966;270.3749998472631;271.4549999218434;285089911;290.49999988637865;3;302.72499984130263;33.212;33.212];38.459];4.843;427.08999989554286;444.9849999509752;5;505.241;57.78999999165535;577.7149999048561;594.0050000790507;6.009];624.1600001230836;68.04000004194677;690.7999999821186;690.9900000318885;700";71.25500007532537;716.1199999973178;717.3349999357015;718.0149</t>
  </si>
  <si>
    <t>http://"[[null,0,0.491,0.491],0.668,0],1,1147.4649999290705,12.854],1207.2099999058992,1208.0049999058247,1208.464999916032,1208.8699999731034,1209.6599999349564,1234.8799998871982,13.568,135.741,1376.8199998885393,1377.739999908954,147.39499986171722,148.6200001090765,149.13000003434718,15.344,15.344],15.552,15.552],1503.309999825433,1516.8749999720603,1578934986647\,1579001571124\,1579001571455,1582.777],164.51499983668327,1731.269999872893,1767.9500000085682,1771.0549999028444,1774.6849998366088,1819.8750000447035,1820.1549998484552,204,21.464,21.464],21.7,21.7],214.36999994330108,215.8699999563396,219.68999993987381,232.10999998264015,25,264.12000018171966,270.3749998472631,271.4549999218434,285089911,290.49999988637865,3,302.72499984130263,33.212,33.212],38.459],4.843,427.08999989554286,444.9849999509752,5,505.241,57.78999999165535,577.7149999048561,594.0050000790507,6.009],624.1600001230836,68.04000004194677,690.7999999821186,690.9900000318885,700",71.25500007532537,716.1199999973178,717.3349999357015,7</t>
  </si>
  <si>
    <t>"[[null;0;0.491;0.491];0.668;0];1;1147.4649999290705;12.854];1207.2099999058992;1208.0049999058247;1208.464999916032;1208.8699999731034;1209.6599999349564;1234.8799998871982;126.041;13.568;135.741;1376.8199998885393;1377.739999908954;147.39499986171722;148.6200001090765;149.13000003434718;15.344;15.344];15.552;15.552];1503.309999825433;1516.8749999720603;1578934986647\;1579001571124\;1579001571455;1582.777];164.51499983668327;1731.269999872893;1767.9500000085682;1771.0549999028444;1774.6849998366088;1819.8750000447035;1820.1549998484552;1913.9000000432134;1974.9349998310208;204;2043.25499990955;21.464;21.464];21.7;21.7];214.36999994330108;215.8699999563396;219.68999993987381;232.10999998264015;25;264.12000018171966;270.3749998472631;271.4549999218434;2726.164999883622;285089911;290.49999988637865;3;302.50500002875924;302.72499984130263;327.87000015378;33.212;33.212];38.459];4.843;427.08999989554286;441.465];444.9849999509752;5;505.241;57.78999999165535;577.7149999048561;594.0050000790507;6.009];624.1600001230</t>
  </si>
  <si>
    <t>http://"[[null,0,0.491,0.491],0.668,0],1,1147.4649999290705,12.854],1207.2099999058992,1208.0049999058247,1208.464999916032,1208.8699999731034,1209.6599999349564,1234.8799998871982,126.041,13.568,135.741,1376.8199998885393,1377.739999908954,147.39499986171722,148.6200001090765,149.13000003434718,15.344,15.344],15.552,15.552],1503.309999825433,1516.8749999720603,1578934986647\,1579001571124\,1579001571455,1582.777],164.51499983668327,1731.269999872893,1767.9500000085682,1771.0549999028444,1774.6849998366088,1819.8750000447035,1820.1549998484552,1913.9000000432134,1974.9349998310208,204,2043.25499990955,21.464,21.464],21.7,21.7],214.36999994330108,215.8699999563396,219.68999993987381,232.10999998264015,25,264.12000018171966,270.3749998472631,271.4549999218434,2726.164999883622,285089911,290.49999988637865,3,302.50500002875924,302.72499984130263,327.87000015378,33.212,33.212],38.459],4.843,427.08999989554286,441.465],444.9849999509752,5,505.241,57.78999999165535,577.7149999048561,594.0050000790507,6.009],624.160</t>
  </si>
  <si>
    <t>01/22/2020 09:33:54</t>
  </si>
  <si>
    <t>01/22/2020 09:33:55</t>
  </si>
  <si>
    <t>01/22/2020 09:36:20</t>
  </si>
  <si>
    <t>01/22/2020 09:33:56</t>
  </si>
  <si>
    <t>01/22/2020 09:36:21</t>
  </si>
  <si>
    <t>01/22/2020 09:36:22</t>
  </si>
  <si>
    <t>01/22/2020 09:36:23</t>
  </si>
  <si>
    <t>01/22/2020 09:36:24</t>
  </si>
  <si>
    <t>01/22/2020 09:36:25</t>
  </si>
  <si>
    <t>01/22/2020 09:36:26</t>
  </si>
  <si>
    <t>01/22/2020 09:36:27</t>
  </si>
  <si>
    <t>01/22/2020 09:36:28</t>
  </si>
  <si>
    <t>01/22/2020 09:36:29</t>
  </si>
  <si>
    <t>01/22/2020 09:36:30</t>
  </si>
  <si>
    <t>01/22/2020 09:36:31</t>
  </si>
  <si>
    <t>01/22/2020 09:36:32</t>
  </si>
  <si>
    <t>01/22/2020 09:36:33</t>
  </si>
  <si>
    <t>01/22/2020 09:36:34</t>
  </si>
  <si>
    <t>01/22/2020 09:36:35</t>
  </si>
  <si>
    <t>01/22/2020 09:36:13</t>
  </si>
  <si>
    <t>05d730c9-87d8-4650-87d5-8ce3c1c96114.tmp</t>
  </si>
  <si>
    <t>\\acsfs\profiles$\larissaad\Downloads\05d730c9-87d8-4650-87d5-8ce3c1c96114.tmp</t>
  </si>
  <si>
    <t>01/22/2020 09:38:38</t>
  </si>
  <si>
    <t>01/22/2020 09:34:57</t>
  </si>
  <si>
    <t>PAMELA MARIA CRISTINA MACEDO DA SILVA GUEDES_1_6780395953232873359_1_32.wav</t>
  </si>
  <si>
    <t>\\acsfs\Deptos\EDUCACAO EMPRESARIAL\KÉSIA\Ligações 3º ciclo - Janeiro 2020\PAMELA MARIA CRISTINA MACEDO DA SILVA GUEDES_1_6780395953232873359_1_32.wav</t>
  </si>
  <si>
    <t>01/22/2020 09:39:37</t>
  </si>
  <si>
    <t>01/22/2020 09:38:54</t>
  </si>
  <si>
    <t>F275753E.tmp</t>
  </si>
  <si>
    <t>\\acsfs\Deptos\EDUCACAO EMPRESARIAL\FERNANDA MONIT\Fernanda\RECLAMAÇÃO E OUVIDORIA\F275753E.tmp</t>
  </si>
  <si>
    <t>bcea3d76-1e20-4a57-816e-3a31ed5b36d9.tmp</t>
  </si>
  <si>
    <t>\\acsfs\profiles$\luanaldsi\Downloads\bcea3d76-1e20-4a57-816e-3a31ed5b36d9.tmp</t>
  </si>
  <si>
    <t>01/22/2020 09:35:09</t>
  </si>
  <si>
    <t>531b3e03-f377-40bf-9141-f68958929529.tmp</t>
  </si>
  <si>
    <t>\\acsfs\profiles$\luanaldsi\Downloads\531b3e03-f377-40bf-9141-f68958929529.tmp</t>
  </si>
  <si>
    <t>01/22/2020 09:35:10</t>
  </si>
  <si>
    <t>bb9c8048-294d-4de4-91f7-773a0576f7c3.tmp</t>
  </si>
  <si>
    <t>\\acsfs\profiles$\luanaldsi\Downloads\bb9c8048-294d-4de4-91f7-773a0576f7c3.tmp</t>
  </si>
  <si>
    <t>01/22/2020 09:36:00</t>
  </si>
  <si>
    <t>5890ac87-68f0-465b-ad3a-53a98062151b.tmp</t>
  </si>
  <si>
    <t>\\acsfs\profiles$\luanaldsi\Downloads\5890ac87-68f0-465b-ad3a-53a98062151b.tmp</t>
  </si>
  <si>
    <t>01/22/2020 09:37:12</t>
  </si>
  <si>
    <t>01/22/2020 09:41:37</t>
  </si>
  <si>
    <t>5e528c26-ff9c-46ae-bada-0bc446e4ae37.tmp</t>
  </si>
  <si>
    <t>\\acsfs\profiles$\gabrielhca\Downloads\5e528c26-ff9c-46ae-bada-0bc446e4ae37.tmp</t>
  </si>
  <si>
    <t>01/22/2020 09:37:07</t>
  </si>
  <si>
    <t>f8f32694-2fd4-4c68-b7b1-823657770a5e.tmp</t>
  </si>
  <si>
    <t>\\acsfs\profiles$\talitafdc\Downloads\f8f32694-2fd4-4c68-b7b1-823657770a5e.tmp</t>
  </si>
  <si>
    <t>c8183414-dfa5-49de-855e-f5f7bf6c7393.tmp</t>
  </si>
  <si>
    <t>\\acsfs\profiles$\talitafdc\Downloads\c8183414-dfa5-49de-855e-f5f7bf6c7393.tmp</t>
  </si>
  <si>
    <t>01/22/2020 09:39:02</t>
  </si>
  <si>
    <t>d233465e-fe12-4d6c-bd48-53d240440269.tmp</t>
  </si>
  <si>
    <t>\\acsfs\profiles$\gabrielsma\Downloads\d233465e-fe12-4d6c-bd48-53d240440269.tmp</t>
  </si>
  <si>
    <t>01/22/2020 09:39:03</t>
  </si>
  <si>
    <t>01/22/2020 09:42:37</t>
  </si>
  <si>
    <t>01/22/2020 09:41:29</t>
  </si>
  <si>
    <t>845c0ff5-7efe-4312-a7fc-780b9d6b1831.tmp</t>
  </si>
  <si>
    <t>\\acsfs\profiles$\gabriellalpr\Downloads\845c0ff5-7efe-4312-a7fc-780b9d6b1831.tmp</t>
  </si>
  <si>
    <t>01/22/2020 09:36:36</t>
  </si>
  <si>
    <t>01/22/2020 09:36:38</t>
  </si>
  <si>
    <t>01/22/2020 09:36:39</t>
  </si>
  <si>
    <t>01/22/2020 09:36:40</t>
  </si>
  <si>
    <t>01/22/2020 09:36:41</t>
  </si>
  <si>
    <t>01/22/2020 09:37:01</t>
  </si>
  <si>
    <t>5a096861-eebe-4792-a80b-b540fa06d48b.tmp</t>
  </si>
  <si>
    <t>\\acsfs\profiles$\Angelicacldr\Downloads\5a096861-eebe-4792-a80b-b540fa06d48b.tmp</t>
  </si>
  <si>
    <t>01/22/2020 09:37:20</t>
  </si>
  <si>
    <t>395c9e77-6543-4141-ba29-e38063946bda.tmp</t>
  </si>
  <si>
    <t>\\acsfs\profiles$\Angelicacldr\Downloads\395c9e77-6543-4141-ba29-e38063946bda.tmp</t>
  </si>
  <si>
    <t>01/22/2020 09:37:39</t>
  </si>
  <si>
    <t>e0300ce6-ab4f-41dd-a5b6-a5eb5e5c5ea0.tmp</t>
  </si>
  <si>
    <t>\\acsfs\profiles$\Angelicacldr\Downloads\e0300ce6-ab4f-41dd-a5b6-a5eb5e5c5ea0.tmp</t>
  </si>
  <si>
    <t>66d51a79-6756-4267-add4-1ba0520a9e6a.tmp</t>
  </si>
  <si>
    <t>\\acsfs\profiles$\wenderbnm\Downloads\66d51a79-6756-4267-add4-1ba0520a9e6a.tmp</t>
  </si>
  <si>
    <t>01/22/2020 09:43:02</t>
  </si>
  <si>
    <t>01/22/2020 09:44:38</t>
  </si>
  <si>
    <t>164feb60-5772-461a-ad42-fb3cd72908c8.tmp</t>
  </si>
  <si>
    <t>\\acsfs\profiles$\adelvinsonle\Downloads\164feb60-5772-461a-ad42-fb3cd72908c8.tmp</t>
  </si>
  <si>
    <t>01/22/2020 09:39:52</t>
  </si>
  <si>
    <t>01/22/2020 09:40:04</t>
  </si>
  <si>
    <t>01/22/2020 09:42:21</t>
  </si>
  <si>
    <t>01/22/2020 09:42:26</t>
  </si>
  <si>
    <t>01/22/2020 09:44:04</t>
  </si>
  <si>
    <t>01/22/2020 09:42:28</t>
  </si>
  <si>
    <t>01/22/2020 09:42:29</t>
  </si>
  <si>
    <t>lu5426887dtn9.tmp</t>
  </si>
  <si>
    <t>\\acsfs\profiles$\LUCASBS\RENEG BV\Consolidado\lu5426887dtn9.tmp</t>
  </si>
  <si>
    <t>\\acsfs\profiles$\LUCASBS\RENEG BV\Consolidado\lu5426887dtn9.tmp\</t>
  </si>
  <si>
    <t>\\acsfs\profiles$\LUCASBS\RENEG BV\Consolidado\lu5426887dtn9.tmp\META-INF\</t>
  </si>
  <si>
    <t>\\acsfs\profiles$\LUCASBS\RENEG BV\Consolidado\lu5426887dtn9.tmp\Thumbnails\</t>
  </si>
  <si>
    <t>01/22/2020 09:43:36</t>
  </si>
  <si>
    <t>bf63cd94-3a63-4997-88d3-bfc86df58d83.tmp</t>
  </si>
  <si>
    <t>\\acsfs\profiles$\KARENDSR\Downloads\bf63cd94-3a63-4997-88d3-bfc86df58d83.tmp</t>
  </si>
  <si>
    <t>01/22/2020 09:41:21</t>
  </si>
  <si>
    <t>01/22/2020 09:45:37</t>
  </si>
  <si>
    <t>01/22/2020 09:41:32</t>
  </si>
  <si>
    <t>01/22/2020 09:41:41</t>
  </si>
  <si>
    <t>01/22/2020 09:41:56</t>
  </si>
  <si>
    <t>01/22/2020 09:42:16</t>
  </si>
  <si>
    <t>01/22/2020 09:40:42</t>
  </si>
  <si>
    <t>060aa95c-9069-48d2-9049-73d5824a903f.tmp</t>
  </si>
  <si>
    <t>\\acsfs\profiles$\jhonatadss\Downloads\060aa95c-9069-48d2-9049-73d5824a903f.tmp</t>
  </si>
  <si>
    <t>01/22/2020 09:44:19</t>
  </si>
  <si>
    <t>bfc46723-2180-4c10-b7f5-214acdeb7156.tmp</t>
  </si>
  <si>
    <t>\\acsfs\profiles$\jhonatadss\Downloads\bfc46723-2180-4c10-b7f5-214acdeb7156.tmp</t>
  </si>
  <si>
    <t>01/22/2020 09:44:47</t>
  </si>
  <si>
    <t>d4f24118-b361-4b0f-b039-576f313ba64e.tmp</t>
  </si>
  <si>
    <t>\\acsfs\profiles$\jhonatadss\Downloads\d4f24118-b361-4b0f-b039-576f313ba64e.tmp</t>
  </si>
  <si>
    <t>01/22/2020 09:46:38</t>
  </si>
  <si>
    <t>01/22/2020 09:42:41</t>
  </si>
  <si>
    <t>01/22/2020 09:43:50</t>
  </si>
  <si>
    <t>01/22/2020 09:44:25</t>
  </si>
  <si>
    <t>01/22/2020 09:47:37</t>
  </si>
  <si>
    <t>01/22/2020 09:44:52</t>
  </si>
  <si>
    <t>ec1ebb18-e9c8-4cf2-b4a9-7ebb054a1d5f.tmp</t>
  </si>
  <si>
    <t>\\acsfs\profiles$\LAISLG\Downloads\ec1ebb18-e9c8-4cf2-b4a9-7ebb054a1d5f.tmp</t>
  </si>
  <si>
    <t>01/22/2020 09:46:13</t>
  </si>
  <si>
    <t>b57ee3d3-21d2-40d1-9677-d534042f7373.tmp</t>
  </si>
  <si>
    <t>\\acsfs\profiles$\LAISLG\Downloads\b57ee3d3-21d2-40d1-9677-d534042f7373.tmp</t>
  </si>
  <si>
    <t>01/22/2020 09:47:16</t>
  </si>
  <si>
    <t>4e790d9f-37a1-4520-8314-2844bd7c7afa.tmp</t>
  </si>
  <si>
    <t>\\acsfs\profiles$\lorraynevam\Downloads\4e790d9f-37a1-4520-8314-2844bd7c7afa.tmp</t>
  </si>
  <si>
    <t>01/22/2020 09:48:37</t>
  </si>
  <si>
    <t>01/22/2020 09:46:01</t>
  </si>
  <si>
    <t>01/22/2020 09:46:12</t>
  </si>
  <si>
    <t>01/22/2020 09:47:10</t>
  </si>
  <si>
    <t>01/22/2020 09:47:15</t>
  </si>
  <si>
    <t>01/22/2020 09:47:29</t>
  </si>
  <si>
    <t>01/22/2020 09:47:33</t>
  </si>
  <si>
    <t>01/22/2020 09:48:04</t>
  </si>
  <si>
    <t>01/22/2020 09:44:16</t>
  </si>
  <si>
    <t>01/22/2020 09:49:37</t>
  </si>
  <si>
    <t>90c4333f-ed2e-4fb4-ab71-22dbbd29ceff.tmp</t>
  </si>
  <si>
    <t>\\acsfs\profiles$\adelvinsonle\Downloads\90c4333f-ed2e-4fb4-ab71-22dbbd29ceff.tmp</t>
  </si>
  <si>
    <t>01/22/2020 09:46:39</t>
  </si>
  <si>
    <t>01/22/2020 09:48:33</t>
  </si>
  <si>
    <t>01/22/2020 09:46:04</t>
  </si>
  <si>
    <t>01/22/2020 09:46:36</t>
  </si>
  <si>
    <t>01/22/2020 09:47:03</t>
  </si>
  <si>
    <t>01/22/2020 09:47:04</t>
  </si>
  <si>
    <t>01/22/2020 09:47:09</t>
  </si>
  <si>
    <t>01/22/2020 09:47:24</t>
  </si>
  <si>
    <t>01/22/2020 09:47:27</t>
  </si>
  <si>
    <t>01/22/2020 09:47:36</t>
  </si>
  <si>
    <t>01/22/2020 09:47:43</t>
  </si>
  <si>
    <t>01/22/2020 09:48:48</t>
  </si>
  <si>
    <t>01/22/2020 09:47:21</t>
  </si>
  <si>
    <t>01/22/2020 09:47:22</t>
  </si>
  <si>
    <t>lu5426887dtne.tmp</t>
  </si>
  <si>
    <t>\\acsfs\profiles$\LUCASBS\RENEG BV\Consolidado\lu5426887dtne.tmp</t>
  </si>
  <si>
    <t>\\acsfs\profiles$\LUCASBS\RENEG BV\Consolidado\lu5426887dtne.tmp\</t>
  </si>
  <si>
    <t>\\acsfs\profiles$\LUCASBS\RENEG BV\Consolidado\lu5426887dtne.tmp\META-INF\</t>
  </si>
  <si>
    <t>\\acsfs\profiles$\LUCASBS\RENEG BV\Consolidado\lu5426887dtne.tmp\Thumbnails\</t>
  </si>
  <si>
    <t>01/22/2020 09:45:00</t>
  </si>
  <si>
    <t>01/22/2020 09:50:37</t>
  </si>
  <si>
    <t>01/22/2020 09:52:37</t>
  </si>
  <si>
    <t>01/22/2020 09:48:40</t>
  </si>
  <si>
    <t>01/22/2020 09:53:37</t>
  </si>
  <si>
    <t>25e5a9c1-d37f-4e71-99e0-1f8be04d028b.tmp</t>
  </si>
  <si>
    <t>\\acsfs\profiles$\laianear\Downloads\25e5a9c1-d37f-4e71-99e0-1f8be04d028b.tmp</t>
  </si>
  <si>
    <t>01/22/2020 09:48:13</t>
  </si>
  <si>
    <t>01/22/2020 09:51:33</t>
  </si>
  <si>
    <t>01/22/2020 09:50:13</t>
  </si>
  <si>
    <t>01/22/2020 09:54:38</t>
  </si>
  <si>
    <t>8ae3a133-d36a-43a3-894a-8d6076c73170.tmp</t>
  </si>
  <si>
    <t>\\acsfs\profiles$\adelvinsonle\Downloads\8ae3a133-d36a-43a3-894a-8d6076c73170.tmp</t>
  </si>
  <si>
    <t>01/22/2020 09:50:29</t>
  </si>
  <si>
    <t>10.200.66.35</t>
  </si>
  <si>
    <t>64-1C-67-9D-1E-B9</t>
  </si>
  <si>
    <t>VOTORANT-LB016</t>
  </si>
  <si>
    <t>guilhermeps</t>
  </si>
  <si>
    <t>https://udpwfmniceap02/web/guest/home?p_auth=mxi6ps3b&amp;p_p_id=58&amp;p_p_lifecycle=1&amp;p_p_state=maximized&amp;p_p_mode=view&amp;savelastpath=0&amp;_58_struts_action=/login/forgot_password</t>
  </si>
  <si>
    <t>01/22/2020 09:53:08</t>
  </si>
  <si>
    <t>01/22/2020 09:52:56</t>
  </si>
  <si>
    <t>01/22/2020 09:51:27</t>
  </si>
  <si>
    <t>01/22/2020 09:49:21</t>
  </si>
  <si>
    <t>01/22/2020 09:49:34</t>
  </si>
  <si>
    <t>01/22/2020 09:50:14</t>
  </si>
  <si>
    <t>01/22/2020 09:50:21</t>
  </si>
  <si>
    <t>01/22/2020 09:50:40</t>
  </si>
  <si>
    <t>01/22/2020 09:50:44</t>
  </si>
  <si>
    <t>01/22/2020 09:50:57</t>
  </si>
  <si>
    <t>01/22/2020 09:51:04</t>
  </si>
  <si>
    <t>01/22/2020 09:51:14</t>
  </si>
  <si>
    <t>01/22/2020 09:51:15</t>
  </si>
  <si>
    <t>01/22/2020 09:51:35</t>
  </si>
  <si>
    <t>01/22/2020 09:51:36</t>
  </si>
  <si>
    <t>01/22/2020 09:52:04</t>
  </si>
  <si>
    <t>01/22/2020 09:53:32</t>
  </si>
  <si>
    <t>53C6C656.tmp</t>
  </si>
  <si>
    <t>\\acsfs\Deptos\EDUCACAO EMPRESARIAL\FERNANDA MONIT\Fernanda\RECLAMAÇÃO E OUVIDORIA\53C6C656.tmp</t>
  </si>
  <si>
    <t>01/22/2020 09:55:37</t>
  </si>
  <si>
    <t>joserdsne</t>
  </si>
  <si>
    <t>\\acsfs\profiles$\joserdsne\Contacts\</t>
  </si>
  <si>
    <t>JOSE ROSA DE SOUZA NETO (13).contact</t>
  </si>
  <si>
    <t>\\acsfs\profiles$\joserdsne\Contacts\JOSE ROSA DE SOUZA NETO (13).contact</t>
  </si>
  <si>
    <t>01/22/2020 09:51:50</t>
  </si>
  <si>
    <t>\\acsfs\profiles$\joserdsne\My Documents\My Videos\</t>
  </si>
  <si>
    <t>\\acsfs\profiles$\joserdsne\My Documents\My Videos\desktop.ini</t>
  </si>
  <si>
    <t>01/22/2020 09:51:51</t>
  </si>
  <si>
    <t>\\acsfs\profiles$\joserdsne\My Documents\My Pictures\</t>
  </si>
  <si>
    <t>\\acsfs\profiles$\joserdsne\My Documents\My Pictures\desktop.ini</t>
  </si>
  <si>
    <t>01/22/2020 09:51:52</t>
  </si>
  <si>
    <t>\\acsfs\profiles$\joserdsne\Contacts\desktop.ini</t>
  </si>
  <si>
    <t>01/22/2020 09:51:53</t>
  </si>
  <si>
    <t>\\acsfs\profiles$\joserdsne\Favorites\</t>
  </si>
  <si>
    <t>\\acsfs\profiles$\joserdsne\Favorites\desktop.ini</t>
  </si>
  <si>
    <t>01/22/2020 09:51:54</t>
  </si>
  <si>
    <t>\\acsfs\profiles$\joserdsne\My Documents\My Music\</t>
  </si>
  <si>
    <t>\\acsfs\profiles$\joserdsne\My Documents\My Music\desktop.ini</t>
  </si>
  <si>
    <t>01/22/2020 09:51:55</t>
  </si>
  <si>
    <t>\\acsfs\profiles$\joserdsne\Searches\</t>
  </si>
  <si>
    <t>\\acsfs\profiles$\joserdsne\Searches\desktop.ini</t>
  </si>
  <si>
    <t>01/22/2020 09:51:56</t>
  </si>
  <si>
    <t>\\acsfs\profiles$\joserdsne\Downloads\</t>
  </si>
  <si>
    <t>\\acsfs\profiles$\joserdsne\Downloads\desktop.ini</t>
  </si>
  <si>
    <t>01/22/2020 09:51:57</t>
  </si>
  <si>
    <t>\\acsfs\profiles$\joserdsne\My Documents\</t>
  </si>
  <si>
    <t>\\acsfs\profiles$\joserdsne\My Documents\desktop.ini</t>
  </si>
  <si>
    <t>01/22/2020 09:51:58</t>
  </si>
  <si>
    <t>01/22/2020 09:51:59</t>
  </si>
  <si>
    <t>\\acsfs\profiles$\joserdsne\Saved Games\</t>
  </si>
  <si>
    <t>\\acsfs\profiles$\joserdsne\Saved Games\desktop.ini</t>
  </si>
  <si>
    <t>01/22/2020 09:52:00</t>
  </si>
  <si>
    <t>01/22/2020 09:52:20</t>
  </si>
  <si>
    <t>\\acsfs\profiles$\JOSERDSNE\Favorites\Links for Brasil\</t>
  </si>
  <si>
    <t>\\acsfs\profiles$\JOSERDSNE\Favorites\Links for Brasil\desktop.ini</t>
  </si>
  <si>
    <t>\\acsfs\profiles$\JOSERDSNE\Favorites\Links for Brasil\Microsoft Brasil.url</t>
  </si>
  <si>
    <t>\\acsfs\profiles$\JOSERDSNE\Favorites\Links for Brasil\Windows Brasil.url</t>
  </si>
  <si>
    <t>01/22/2020 09:52:21</t>
  </si>
  <si>
    <t>\\acsfs\profiles$\JOSERDSNE\Favorites\Links for Brasil\MSN Brasil.url</t>
  </si>
  <si>
    <t>01/22/2020 09:52:01</t>
  </si>
  <si>
    <t>01/22/2020 09:56:38</t>
  </si>
  <si>
    <t>81746720-1dd2-478a-a183-3573baabf281.tmp</t>
  </si>
  <si>
    <t>\\acsfs\profiles$\gabrielhca\Downloads\81746720-1dd2-478a-a183-3573baabf281.tmp</t>
  </si>
  <si>
    <t>01/22/2020 09:53:35</t>
  </si>
  <si>
    <t>01/22/2020 09:54:09</t>
  </si>
  <si>
    <t>01/22/2020 09:57:37</t>
  </si>
  <si>
    <t>01/22/2020 09:56:54</t>
  </si>
  <si>
    <t>01/22/2020 09:55:01</t>
  </si>
  <si>
    <t>01/22/2020 09:58:38</t>
  </si>
  <si>
    <t>01/22/2020 09:55:04</t>
  </si>
  <si>
    <t>01/22/2020 09:55:07</t>
  </si>
  <si>
    <t>01/22/2020 09:55:26</t>
  </si>
  <si>
    <t>bvcartes-supervisores@algarnet.onmicrosoft.com;ricardodfm@algartech.com.br;</t>
  </si>
  <si>
    <t>bvcartes-supervisores@algarnet.onmicrosoft.com,ricardodfm@algartech.com.br</t>
  </si>
  <si>
    <t>01/22/2020 09:55:44</t>
  </si>
  <si>
    <t>01/22/2020 09:55:57</t>
  </si>
  <si>
    <t>01/22/2020 09:53:51</t>
  </si>
  <si>
    <t>ADRIELE DAS GRACAS CARVALHO_1_6780838012741817300_1_32.wav</t>
  </si>
  <si>
    <t>\\acsfs\Deptos\EDUCACAO EMPRESARIAL\KÉSIA\Ligações 3º ciclo - Janeiro 2020\ADRIELE DAS GRACAS CARVALHO_1_6780838012741817300_1_32.wav</t>
  </si>
  <si>
    <t>01/22/2020 09:58:22</t>
  </si>
  <si>
    <t>3b87af95-f9b7-46b3-87f4-ea173915facf.tmp</t>
  </si>
  <si>
    <t>\\acsfs\profiles$\rafaelacdoc\Downloads\3b87af95-f9b7-46b3-87f4-ea173915facf.tmp</t>
  </si>
  <si>
    <t>01/22/2020 09:56:01</t>
  </si>
  <si>
    <t>01/22/2020 09:59:37</t>
  </si>
  <si>
    <t>01/22/2020 09:54:54</t>
  </si>
  <si>
    <t>mail.google.com/_/upload?authuser=0&amp;dcp=asu-n&amp;upload_id=AEnB2UqGNbI77SOtoClrdPWKorqengxPc3RjwEQcJO_MCWbnGgEiSMNc_DwuLXnivVBjqaSKJiF5CjnG0sLe5ajcCuLHFcooNQ&amp;upload_protocol=resumable</t>
  </si>
  <si>
    <t>Caso 00822396 Rosangela Fernanda Souza Santana.pdf</t>
  </si>
  <si>
    <t>01/22/2020 09:54:56</t>
  </si>
  <si>
    <t>01/22/2020 09:55:10</t>
  </si>
  <si>
    <t>01/22/2020 09:55:28</t>
  </si>
  <si>
    <t>mail.google.com/_/upload?authuser=0&amp;dcp=asu-n&amp;upload_id=AEnB2Uoa9TovcXW9qzlLMw6H3dLzZ1t1H4c4HPtxwEIG6XCYy0ptlApdWdSHc7FyLjicF8tENGdSKoEqhuHnrV32E9G5GeiidQ&amp;upload_protocol=resumable</t>
  </si>
  <si>
    <t>01/22/2020 09:58:04</t>
  </si>
  <si>
    <t>01/22/2020 09:56:51</t>
  </si>
  <si>
    <t>01/22/2020 10:01:37</t>
  </si>
  <si>
    <t>3273329c-81fb-471c-8d2e-ad470c925f3d.tmp</t>
  </si>
  <si>
    <t>\\acsfs\profiles$\andrezacapf\Downloads\3273329c-81fb-471c-8d2e-ad470c925f3d.tmp</t>
  </si>
  <si>
    <t>74188b53-b75b-4666-80cb-6745b6a73b42.tmp</t>
  </si>
  <si>
    <t>\\acsfs\profiles$\andrezacapf\Downloads\74188b53-b75b-4666-80cb-6745b6a73b42.tmp</t>
  </si>
  <si>
    <t>01/22/2020 09:57:01</t>
  </si>
  <si>
    <t>6cff592f-2cb9-47b9-aa67-79330babaa5b.tmp</t>
  </si>
  <si>
    <t>\\acsfs\profiles$\andrezacapf\Downloads\6cff592f-2cb9-47b9-aa67-79330babaa5b.tmp</t>
  </si>
  <si>
    <t>01/22/2020 09:58:16</t>
  </si>
  <si>
    <t>d6e4c0ba-0187-421d-92d2-66f256299ab0.tmp</t>
  </si>
  <si>
    <t>\\acsfs\profiles$\andrezacapf\Downloads\d6e4c0ba-0187-421d-92d2-66f256299ab0.tmp</t>
  </si>
  <si>
    <t>01/22/2020 09:59:25</t>
  </si>
  <si>
    <t>1b7bdc38-98ae-41f0-b219-e172ddabe7b5.tmp</t>
  </si>
  <si>
    <t>\\acsfs\profiles$\andrezacapf\Downloads\1b7bdc38-98ae-41f0-b219-e172ddabe7b5.tmp</t>
  </si>
  <si>
    <t>01/22/2020 09:59:31</t>
  </si>
  <si>
    <t>1c032792-f980-41c3-b3ab-c5019cf314e2.tmp</t>
  </si>
  <si>
    <t>\\acsfs\profiles$\andrezacapf\Downloads\1c032792-f980-41c3-b3ab-c5019cf314e2.tmp</t>
  </si>
  <si>
    <t>a9b94bbc-6c1a-49c4-9624-b10b0938bd34.tmp</t>
  </si>
  <si>
    <t>\\acsfs\profiles$\andrezacapf\Downloads\a9b94bbc-6c1a-49c4-9624-b10b0938bd34.tmp</t>
  </si>
  <si>
    <t>01/22/2020 09:59:54</t>
  </si>
  <si>
    <t>0131014d-86a7-4b84-9ba1-1573174acc3a.tmp</t>
  </si>
  <si>
    <t>\\acsfs\profiles$\andrezacapf\Downloads\0131014d-86a7-4b84-9ba1-1573174acc3a.tmp</t>
  </si>
  <si>
    <t>01/22/2020 10:00:20</t>
  </si>
  <si>
    <t>9c1b2ce2-f581-498d-bbbf-c51416781579.tmp</t>
  </si>
  <si>
    <t>\\acsfs\profiles$\andrezacapf\Downloads\9c1b2ce2-f581-498d-bbbf-c51416781579.tmp</t>
  </si>
  <si>
    <t>01/22/2020 10:00:55</t>
  </si>
  <si>
    <t>942c939c-2e8a-4ed9-b84b-ce4b0ea14208.tmp</t>
  </si>
  <si>
    <t>\\acsfs\profiles$\gabriellalpr\Downloads\942c939c-2e8a-4ed9-b84b-ce4b0ea14208.tmp</t>
  </si>
  <si>
    <t>01/22/2020 09:58:29</t>
  </si>
  <si>
    <t>amandardc</t>
  </si>
  <si>
    <t>01/22/2020 09:56:59</t>
  </si>
  <si>
    <t>f30dc493-5d59-4433-beea-8d397b1412d6.tmp</t>
  </si>
  <si>
    <t>\\acsfs\profiles$\matheushds\Downloads\f30dc493-5d59-4433-beea-8d397b1412d6.tmp</t>
  </si>
  <si>
    <t>01/22/2020 09:58:14</t>
  </si>
  <si>
    <t>960ead3c-080b-488c-a711-75d06cd43a1b.tmp</t>
  </si>
  <si>
    <t>\\acsfs\profiles$\matheushds\Downloads\960ead3c-080b-488c-a711-75d06cd43a1b.tmp</t>
  </si>
  <si>
    <t>01/22/2020 09:58:55</t>
  </si>
  <si>
    <t>4e5ff46e-7990-48ee-8243-086059f10f5a.tmp</t>
  </si>
  <si>
    <t>\\acsfs\profiles$\matheushds\Downloads\4e5ff46e-7990-48ee-8243-086059f10f5a.tmp</t>
  </si>
  <si>
    <t>01/22/2020 09:59:28</t>
  </si>
  <si>
    <t>30af81a3-64d9-494f-8165-b692069ef398.tmp</t>
  </si>
  <si>
    <t>\\acsfs\profiles$\matheushds\Downloads\30af81a3-64d9-494f-8165-b692069ef398.tmp</t>
  </si>
  <si>
    <t>01/22/2020 10:02:38</t>
  </si>
  <si>
    <t>01/22/2020 10:03:37</t>
  </si>
  <si>
    <t>01/22/2020 10:01:47</t>
  </si>
  <si>
    <t>01/22/2020 10:02:44</t>
  </si>
  <si>
    <t>01/22/2020 10:00:43</t>
  </si>
  <si>
    <t>EDICARLOS DIAS LIMA_1_6780489025174184119_1_32.wav</t>
  </si>
  <si>
    <t>\\acsfs\Deptos\EDUCACAO EMPRESARIAL\KÉSIA\Ligações 3º ciclo - Janeiro 2020\EDICARLOS DIAS LIMA_1_6780489025174184119_1_32.wav</t>
  </si>
  <si>
    <t>01/22/2020 10:04:38</t>
  </si>
  <si>
    <t>01/22/2020 10:02:35</t>
  </si>
  <si>
    <t>01/22/2020 09:59:20</t>
  </si>
  <si>
    <t>01/22/2020 10:02:41</t>
  </si>
  <si>
    <t>01/22/2020 10:04:04</t>
  </si>
  <si>
    <t>c9db1672-9d34-4512-835a-f788e69aad27.tmp</t>
  </si>
  <si>
    <t>\\acsfs\profiles$\geovannasm\Downloads\c9db1672-9d34-4512-835a-f788e69aad27.tmp</t>
  </si>
  <si>
    <t>01/22/2020 10:03:17</t>
  </si>
  <si>
    <t>5efc9720-69c9-4fa8-bff8-1f5485c2e529.tmp</t>
  </si>
  <si>
    <t>\\acsfs\profiles$\geovannasm\Downloads\5efc9720-69c9-4fa8-bff8-1f5485c2e529.tmp</t>
  </si>
  <si>
    <t>01/22/2020 10:01:32</t>
  </si>
  <si>
    <t>01/22/2020 10:06:38</t>
  </si>
  <si>
    <t>01/22/2020 10:02:59</t>
  </si>
  <si>
    <t>01/22/2020 10:07:37</t>
  </si>
  <si>
    <t>01/22/2020 10:06:56</t>
  </si>
  <si>
    <t>227b2f96-42db-42f2-af2b-8cb015bee1c1.tmp</t>
  </si>
  <si>
    <t>\\acsfs\profiles$\lorrainerdl\Downloads\227b2f96-42db-42f2-af2b-8cb015bee1c1.tmp</t>
  </si>
  <si>
    <t>01/22/2020 10:03:48</t>
  </si>
  <si>
    <t>01/22/2020 10:08:38</t>
  </si>
  <si>
    <t>\\acsfs\Deptos\Operacao\Banco_Votorantim\Supervisao\SUPERS BV CARTÕES\ADILSON\Thumbs.db</t>
  </si>
  <si>
    <t>01/22/2020 10:04:28</t>
  </si>
  <si>
    <t>01/22/2020 10:04:52</t>
  </si>
  <si>
    <t>01/22/2020 10:05:41</t>
  </si>
  <si>
    <t>01/22/2020 10:05:25</t>
  </si>
  <si>
    <t>01/22/2020 10:09:37</t>
  </si>
  <si>
    <t>01/22/2020 10:06:13</t>
  </si>
  <si>
    <t>01/22/2020 10:06:52</t>
  </si>
  <si>
    <t>01/22/2020 10:04:18</t>
  </si>
  <si>
    <t>35afb372-6146-4b35-90a0-233a07387d85.tmp</t>
  </si>
  <si>
    <t>\\acsfs\profiles$\geovannasm\Downloads\35afb372-6146-4b35-90a0-233a07387d85.tmp</t>
  </si>
  <si>
    <t>01/22/2020 10:05:22</t>
  </si>
  <si>
    <t>6f6d2b7a-5ca7-400b-9bbf-46589f09ff09.tmp</t>
  </si>
  <si>
    <t>\\acsfs\profiles$\geovannasm\Downloads\6f6d2b7a-5ca7-400b-9bbf-46589f09ff09.tmp</t>
  </si>
  <si>
    <t>01/22/2020 10:06:17</t>
  </si>
  <si>
    <t>01/22/2020 10:10:38</t>
  </si>
  <si>
    <t>01/22/2020 10:07:23</t>
  </si>
  <si>
    <t>62f8330b-b6cc-411c-bb34-f810571888d7.tmp</t>
  </si>
  <si>
    <t>\\acsfs\profiles$\jhonatadss\Downloads\62f8330b-b6cc-411c-bb34-f810571888d7.tmp</t>
  </si>
  <si>
    <t>01/22/2020 10:09:58</t>
  </si>
  <si>
    <t>01/22/2020 10:11:37</t>
  </si>
  <si>
    <t>01/22/2020 10:10:20</t>
  </si>
  <si>
    <t>2b4ed296-8d45-4a1f-98dc-0c6735456297.tmp</t>
  </si>
  <si>
    <t>\\acsfs\profiles$\felipetds\Downloads\2b4ed296-8d45-4a1f-98dc-0c6735456297.tmp</t>
  </si>
  <si>
    <t>01/22/2020 10:09:20</t>
  </si>
  <si>
    <t>01/22/2020 10:12:38</t>
  </si>
  <si>
    <t>10.200.66.171</t>
  </si>
  <si>
    <t>09a26948-ca02-4222-bd9c-d00100394707.tmp</t>
  </si>
  <si>
    <t>\\acsfs\profiles$\mariagsg\Downloads\09a26948-ca02-4222-bd9c-d00100394707.tmp</t>
  </si>
  <si>
    <t>b8cbe16f-d523-42b2-bbfe-0046057afefd.tmp</t>
  </si>
  <si>
    <t>\\acsfs\profiles$\mariagsg\Downloads\b8cbe16f-d523-42b2-bbfe-0046057afefd.tmp</t>
  </si>
  <si>
    <t>01/22/2020 10:09:40</t>
  </si>
  <si>
    <t>01/22/2020 10:10:27</t>
  </si>
  <si>
    <t>01/22/2020 10:09:05</t>
  </si>
  <si>
    <t>01/22/2020 10:09:35</t>
  </si>
  <si>
    <t>01/22/2020 10:10:05</t>
  </si>
  <si>
    <t>01/22/2020 10:12:05</t>
  </si>
  <si>
    <t>01/22/2020 10:10:58</t>
  </si>
  <si>
    <t>01/22/2020 10:13:37</t>
  </si>
  <si>
    <t>01/22/2020 10:11:04</t>
  </si>
  <si>
    <t>01/22/2020 10:11:08</t>
  </si>
  <si>
    <t>01/22/2020 10:11:30</t>
  </si>
  <si>
    <t>01/22/2020 10:12:33</t>
  </si>
  <si>
    <t>01/22/2020 10:10:37</t>
  </si>
  <si>
    <t>FLAVIA CRISTINE DA SILVA TEIXEIRA_1_6780835933977645964_1_32.wav</t>
  </si>
  <si>
    <t>\\acsfs\Deptos\EDUCACAO EMPRESARIAL\KÉSIA\Ligações 3º ciclo - Janeiro 2020\FLAVIA CRISTINE DA SILVA TEIXEIRA_1_6780835933977645964_1_32.wav</t>
  </si>
  <si>
    <t>01/22/2020 10:10:30</t>
  </si>
  <si>
    <t>01/22/2020 10:14:37</t>
  </si>
  <si>
    <t>6a3e2d91-1a9b-4790-a842-bd878433b351.tmp</t>
  </si>
  <si>
    <t>\\acsfs\profiles$\adelvinsonle\Downloads\6a3e2d91-1a9b-4790-a842-bd878433b351.tmp</t>
  </si>
  <si>
    <t>01/22/2020 10:11:11</t>
  </si>
  <si>
    <t>44adaed0-db9a-4f2a-98cd-5d936e453b82.tmp</t>
  </si>
  <si>
    <t>\\acsfs\profiles$\websondsa\Downloads\44adaed0-db9a-4f2a-98cd-5d936e453b82.tmp</t>
  </si>
  <si>
    <t>01/22/2020 10:10:04</t>
  </si>
  <si>
    <t>01/22/2020 10:10:34</t>
  </si>
  <si>
    <t>01/22/2020 10:12:03</t>
  </si>
  <si>
    <t>01/22/2020 10:15:38</t>
  </si>
  <si>
    <t>01/22/2020 10:10:41</t>
  </si>
  <si>
    <t>01/22/2020 10:10:42</t>
  </si>
  <si>
    <t>01/22/2020 10:10:40</t>
  </si>
  <si>
    <t>4e489eb7-49c5-4317-a5bf-307cd3677c31.tmp</t>
  </si>
  <si>
    <t>\\acsfs\profiles$\wedersonbadr\My Documents\My Music\4e489eb7-49c5-4317-a5bf-307cd3677c31.tmp</t>
  </si>
  <si>
    <t>01/22/2020 10:11:05</t>
  </si>
  <si>
    <t>01/22/2020 10:16:37</t>
  </si>
  <si>
    <t>74bb3dfa-36dd-45ea-b4fc-474ee7596bff.tmp</t>
  </si>
  <si>
    <t>\\acsfs\profiles$\sarahbal\Downloads\74bb3dfa-36dd-45ea-b4fc-474ee7596bff.tmp</t>
  </si>
  <si>
    <t>28d99c4f-7c2c-4e26-a76a-1547bac6e50f.tmp</t>
  </si>
  <si>
    <t>\\acsfs\profiles$\inarajst\Downloads\28d99c4f-7c2c-4e26-a76a-1547bac6e50f.tmp</t>
  </si>
  <si>
    <t>01/22/2020 10:17:38</t>
  </si>
  <si>
    <t>01/22/2020 10:12:18</t>
  </si>
  <si>
    <t>5b730371-cb67-4400-afb0-3a4de468fd13.tmp</t>
  </si>
  <si>
    <t>\\acsfs\profiles$\lorrainerdl\Downloads\5b730371-cb67-4400-afb0-3a4de468fd13.tmp</t>
  </si>
  <si>
    <t>01/22/2020 10:12:35</t>
  </si>
  <si>
    <t>01/22/2020 10:13:35</t>
  </si>
  <si>
    <t>01/22/2020 10:14:35</t>
  </si>
  <si>
    <t>01/22/2020 10:16:35</t>
  </si>
  <si>
    <t>01/22/2020 10:17:05</t>
  </si>
  <si>
    <t>01/22/2020 10:14:57</t>
  </si>
  <si>
    <t>01/22/2020 10:13:59</t>
  </si>
  <si>
    <t>9c7b09e9-6e2c-4cb7-bb63-bac89964b0dc.tmp</t>
  </si>
  <si>
    <t>\\acsfs\profiles$\ALYNYA\Downloads\9c7b09e9-6e2c-4cb7-bb63-bac89964b0dc.tmp</t>
  </si>
  <si>
    <t>01/22/2020 10:13:52</t>
  </si>
  <si>
    <t>01/22/2020 10:18:37</t>
  </si>
  <si>
    <t>e93e288d-7029-4f6b-8d0b-c26d7a4bc91d.tmp</t>
  </si>
  <si>
    <t>\\acsfs\profiles$\lorenabmc\Downloads\e93e288d-7029-4f6b-8d0b-c26d7a4bc91d.tmp</t>
  </si>
  <si>
    <t>d2548743-e29a-4369-a869-1fcb76c78564.tmp</t>
  </si>
  <si>
    <t>\\acsfs\profiles$\lorenabmc\Downloads\d2548743-e29a-4369-a869-1fcb76c78564.tmp</t>
  </si>
  <si>
    <t>01/22/2020 10:13:56</t>
  </si>
  <si>
    <t>30f737c2-7c47-4867-b4a4-0abd919a11da.tmp</t>
  </si>
  <si>
    <t>\\acsfs\profiles$\lorenabmc\Downloads\30f737c2-7c47-4867-b4a4-0abd919a11da.tmp</t>
  </si>
  <si>
    <t>01/22/2020 10:15:24</t>
  </si>
  <si>
    <t>01/22/2020 10:16:02</t>
  </si>
  <si>
    <t>01/22/2020 10:14:38</t>
  </si>
  <si>
    <t>01/22/2020 10:19:37</t>
  </si>
  <si>
    <t>lu5426887dtnj.tmp</t>
  </si>
  <si>
    <t>\\acsfs\profiles$\LUCASBS\RENEG BV\Consolidado\lu5426887dtnj.tmp</t>
  </si>
  <si>
    <t>\\acsfs\profiles$\LUCASBS\RENEG BV\Consolidado\lu5426887dtnj.tmp\</t>
  </si>
  <si>
    <t>\\acsfs\profiles$\LUCASBS\RENEG BV\Consolidado\lu5426887dtnj.tmp\META-INF\</t>
  </si>
  <si>
    <t>\\acsfs\profiles$\LUCASBS\RENEG BV\Consolidado\lu5426887dtnj.tmp\Thumbnails\</t>
  </si>
  <si>
    <t>01/22/2020 10:19:04</t>
  </si>
  <si>
    <t>lu5426887dtno.tmp</t>
  </si>
  <si>
    <t>\\acsfs\profiles$\LUCASBS\RENEG BV\Consolidado\lu5426887dtno.tmp</t>
  </si>
  <si>
    <t>\\acsfs\profiles$\LUCASBS\RENEG BV\Consolidado\lu5426887dtno.tmp\</t>
  </si>
  <si>
    <t>\\acsfs\profiles$\LUCASBS\RENEG BV\Consolidado\lu5426887dtno.tmp\META-INF\</t>
  </si>
  <si>
    <t>\\acsfs\profiles$\LUCASBS\RENEG BV\Consolidado\lu5426887dtno.tmp\Thumbnails\</t>
  </si>
  <si>
    <t>01/22/2020 10:14:40</t>
  </si>
  <si>
    <t>01/22/2020 10:16:04</t>
  </si>
  <si>
    <t>01/22/2020 10:18:16</t>
  </si>
  <si>
    <t>01/22/2020 10:18:08</t>
  </si>
  <si>
    <t>01/22/2020 10:20:37</t>
  </si>
  <si>
    <t>809ed8eb-9834-49e9-93cb-1ae8120a62ec.tmp</t>
  </si>
  <si>
    <t>\\acsfs\profiles$\henriquehmdo\Downloads\809ed8eb-9834-49e9-93cb-1ae8120a62ec.tmp</t>
  </si>
  <si>
    <t>01/22/2020 10:18:09</t>
  </si>
  <si>
    <t>b9e58f87-0056-44d1-b7c0-802c1937873e.tmp</t>
  </si>
  <si>
    <t>\\acsfs\profiles$\henriquehmdo\Downloads\b9e58f87-0056-44d1-b7c0-802c1937873e.tmp</t>
  </si>
  <si>
    <t>01/22/2020 10:18:14</t>
  </si>
  <si>
    <t>01/22/2020 10:18:43</t>
  </si>
  <si>
    <t>a7db522f-1e71-4907-82c0-8c3d87d102c6.tmp</t>
  </si>
  <si>
    <t>\\acsfs\profiles$\henriquehmdo\Downloads\a7db522f-1e71-4907-82c0-8c3d87d102c6.tmp</t>
  </si>
  <si>
    <t>01/22/2020 10:17:30</t>
  </si>
  <si>
    <t>1c552788-c50f-4180-80f3-b86822a32544.tmp</t>
  </si>
  <si>
    <t>\\acsfs\profiles$\cintiadjl\Downloads\1c552788-c50f-4180-80f3-b86822a32544.tmp</t>
  </si>
  <si>
    <t>01/22/2020 10:18:59</t>
  </si>
  <si>
    <t>5754974a-936f-4f14-9677-00e49fe2c918.tmp</t>
  </si>
  <si>
    <t>\\acsfs\profiles$\cintiadjl\Downloads\5754974a-936f-4f14-9677-00e49fe2c918.tmp</t>
  </si>
  <si>
    <t>01/22/2020 10:19:11</t>
  </si>
  <si>
    <t>69003b57-66b0-4b3f-a9eb-4bab0f063712.tmp</t>
  </si>
  <si>
    <t>\\acsfs\profiles$\cintiadjl\Downloads\69003b57-66b0-4b3f-a9eb-4bab0f063712.tmp</t>
  </si>
  <si>
    <t>01/22/2020 10:22:38</t>
  </si>
  <si>
    <t>01/22/2020 10:21:20</t>
  </si>
  <si>
    <t>a3c19128-6cc9-480a-aa36-e44a43c25b12.tmp</t>
  </si>
  <si>
    <t>\\acsfs\profiles$\lorrainerdl\Downloads\a3c19128-6cc9-480a-aa36-e44a43c25b12.tmp</t>
  </si>
  <si>
    <t>01/22/2020 10:19:05</t>
  </si>
  <si>
    <t>01/22/2020 10:19:35</t>
  </si>
  <si>
    <t>01/22/2020 10:20:05</t>
  </si>
  <si>
    <t>01/22/2020 10:20:35</t>
  </si>
  <si>
    <t>01/22/2020 10:21:05</t>
  </si>
  <si>
    <t>01/22/2020 10:20:27</t>
  </si>
  <si>
    <t>2511c305-89e2-4c2e-8d3c-2e371c89b9f6.tmp</t>
  </si>
  <si>
    <t>\\acsfs\profiles$\danielac\Downloads\2511c305-89e2-4c2e-8d3c-2e371c89b9f6.tmp</t>
  </si>
  <si>
    <t>01/22/2020 10:18:56</t>
  </si>
  <si>
    <t>9092d2cc-b289-4e28-913c-0b3cc646f005.tmp</t>
  </si>
  <si>
    <t>\\acsfs\profiles$\gabrielafs\Downloads\9092d2cc-b289-4e28-913c-0b3cc646f005.tmp</t>
  </si>
  <si>
    <t>01/22/2020 10:18:57</t>
  </si>
  <si>
    <t>b7bb2b09-8e68-4bc6-9146-06adf670735b.tmp</t>
  </si>
  <si>
    <t>\\acsfs\profiles$\gabrielafs\Downloads\b7bb2b09-8e68-4bc6-9146-06adf670735b.tmp</t>
  </si>
  <si>
    <t>01/22/2020 10:18:58</t>
  </si>
  <si>
    <t>3f2c9e1a-635c-4246-9860-3c9344e0084d.tmp</t>
  </si>
  <si>
    <t>\\acsfs\profiles$\gabrielafs\Downloads\3f2c9e1a-635c-4246-9860-3c9344e0084d.tmp</t>
  </si>
  <si>
    <t>061a2dbf-070d-4ff5-9556-698151878a4c.tmp</t>
  </si>
  <si>
    <t>\\acsfs\profiles$\gabrielafs\Downloads\061a2dbf-070d-4ff5-9556-698151878a4c.tmp</t>
  </si>
  <si>
    <t>01/22/2020 10:20:49</t>
  </si>
  <si>
    <t>01/22/2020 10:23:37</t>
  </si>
  <si>
    <t>f42a8254-7721-4a08-87a5-19a1c0a80ab7.tmp</t>
  </si>
  <si>
    <t>\\acsfs\profiles$\lorenabmc\Downloads\f42a8254-7721-4a08-87a5-19a1c0a80ab7.tmp</t>
  </si>
  <si>
    <t>01/22/2020 10:18:15</t>
  </si>
  <si>
    <t>01/22/2020 10:18:19</t>
  </si>
  <si>
    <t>01/22/2020 10:20:06</t>
  </si>
  <si>
    <t>01/22/2020 10:24:38</t>
  </si>
  <si>
    <t>01/22/2020 10:20:07</t>
  </si>
  <si>
    <t>lu83748bfs8f0.tmp</t>
  </si>
  <si>
    <t>\\acsfs\profiles$\CLAUDIAJCA\Reneg 18-12\lu83748bfs8f0.tmp</t>
  </si>
  <si>
    <t>\\acsfs\profiles$\CLAUDIAJCA\Reneg 18-12\lu83748bfs8f0.tmp\</t>
  </si>
  <si>
    <t>\\acsfs\profiles$\CLAUDIAJCA\Reneg 18-12\lu83748bfs8f0.tmp\META-INF\</t>
  </si>
  <si>
    <t>\\acsfs\profiles$\CLAUDIAJCA\Reneg 18-12\lu83748bfs8f0.tmp\Thumbnails\</t>
  </si>
  <si>
    <t>01/22/2020 10:22:12</t>
  </si>
  <si>
    <t>01/22/2020 10:22:13</t>
  </si>
  <si>
    <t>lu5426887dtnt.tmp</t>
  </si>
  <si>
    <t>\\acsfs\profiles$\LUCASBS\RENEG BV\Consolidado\lu5426887dtnt.tmp</t>
  </si>
  <si>
    <t>\\acsfs\profiles$\LUCASBS\RENEG BV\Consolidado\lu5426887dtnt.tmp\</t>
  </si>
  <si>
    <t>\\acsfs\profiles$\LUCASBS\RENEG BV\Consolidado\lu5426887dtnt.tmp\META-INF\</t>
  </si>
  <si>
    <t>\\acsfs\profiles$\LUCASBS\RENEG BV\Consolidado\lu5426887dtnt.tmp\Thumbnails\</t>
  </si>
  <si>
    <t>01/22/2020 10:21:31</t>
  </si>
  <si>
    <t>01/22/2020 10:21:34</t>
  </si>
  <si>
    <t>01/22/2020 10:21:38</t>
  </si>
  <si>
    <t>01/22/2020 10:21:52</t>
  </si>
  <si>
    <t>01/22/2020 10:22:10</t>
  </si>
  <si>
    <t>01/22/2020 10:22:19</t>
  </si>
  <si>
    <t>01/22/2020 10:22:26</t>
  </si>
  <si>
    <t>01/22/2020 10:22:29</t>
  </si>
  <si>
    <t>01/22/2020 10:22:32</t>
  </si>
  <si>
    <t>01/22/2020 10:22:44</t>
  </si>
  <si>
    <t>01/22/2020 10:20:47</t>
  </si>
  <si>
    <t>01/22/2020 10:25:37</t>
  </si>
  <si>
    <t>ad102dff-510a-42b0-b48a-0810a4d9eacc.tmp</t>
  </si>
  <si>
    <t>\\acsfs\profiles$\henriquehmdo\Downloads\ad102dff-510a-42b0-b48a-0810a4d9eacc.tmp</t>
  </si>
  <si>
    <t>01/22/2020 10:23:10</t>
  </si>
  <si>
    <t>01/21/2020 18:46:55</t>
  </si>
  <si>
    <t>01/22/2020 10:26:37</t>
  </si>
  <si>
    <t>01/22/2020 10:24:16</t>
  </si>
  <si>
    <t>\\acsfs\profiles$\francislayneads\My Documents\My Pictures\</t>
  </si>
  <si>
    <t>\\acsfs\profiles$\francislayneads\My Documents\My Videos\desktop.ini</t>
  </si>
  <si>
    <t>01/22/2020 10:24:18</t>
  </si>
  <si>
    <t>\\acsfs\profiles$\francislayneads\My Documents\My Videos\</t>
  </si>
  <si>
    <t>01/22/2020 10:24:21</t>
  </si>
  <si>
    <t>01/22/2020 10:24:22</t>
  </si>
  <si>
    <t>01/22/2020 10:24:25</t>
  </si>
  <si>
    <t>\\acsfs\profiles$\francislayneads\My Documents\My Music\</t>
  </si>
  <si>
    <t>\\acsfs\profiles$\francislayneads\My Documents\My Pictures\desktop.ini</t>
  </si>
  <si>
    <t>01/22/2020 10:24:28</t>
  </si>
  <si>
    <t>01/22/2020 10:24:30</t>
  </si>
  <si>
    <t>01/22/2020 10:24:31</t>
  </si>
  <si>
    <t>01/22/2020 10:24:32</t>
  </si>
  <si>
    <t>01/22/2020 10:24:34</t>
  </si>
  <si>
    <t>\\acsfs\profiles$\francislayneads\Contacts\</t>
  </si>
  <si>
    <t>\\acsfs\profiles$\francislayneads\Contacts\desktop.ini</t>
  </si>
  <si>
    <t>01/22/2020 10:24:35</t>
  </si>
  <si>
    <t>01/22/2020 10:24:36</t>
  </si>
  <si>
    <t>01/22/2020 10:24:37</t>
  </si>
  <si>
    <t>01/22/2020 10:24:39</t>
  </si>
  <si>
    <t>\\acsfs\profiles$\francislayneads\My Documents\</t>
  </si>
  <si>
    <t>\\acsfs\profiles$\francislayneads\Favorites\desktop.ini</t>
  </si>
  <si>
    <t>01/22/2020 10:24:41</t>
  </si>
  <si>
    <t>01/22/2020 10:24:43</t>
  </si>
  <si>
    <t>01/22/2020 10:24:44</t>
  </si>
  <si>
    <t>01/22/2020 10:24:45</t>
  </si>
  <si>
    <t>01/22/2020 10:24:46</t>
  </si>
  <si>
    <t>01/22/2020 10:24:47</t>
  </si>
  <si>
    <t>01/22/2020 10:24:48</t>
  </si>
  <si>
    <t>\\acsfs\profiles$\francislayneads\My Documents\My Music\desktop.ini</t>
  </si>
  <si>
    <t>01/22/2020 10:24:50</t>
  </si>
  <si>
    <t>01/22/2020 10:24:51</t>
  </si>
  <si>
    <t>01/22/2020 10:24:52</t>
  </si>
  <si>
    <t>\\acsfs\profiles$\francislayneads\Searches\</t>
  </si>
  <si>
    <t>\\acsfs\profiles$\francislayneads\Searches\desktop.ini</t>
  </si>
  <si>
    <t>01/22/2020 10:24:53</t>
  </si>
  <si>
    <t>01/22/2020 10:24:54</t>
  </si>
  <si>
    <t>01/22/2020 10:24:55</t>
  </si>
  <si>
    <t>01/22/2020 10:24:56</t>
  </si>
  <si>
    <t>\\acsfs\profiles$\francislayneads\Downloads\desktop.ini</t>
  </si>
  <si>
    <t>01/22/2020 10:24:58</t>
  </si>
  <si>
    <t>\\acsfs\profiles$\francislayneads\Favorites\</t>
  </si>
  <si>
    <t>\\acsfs\profiles$\francislayneads\My Documents\desktop.ini</t>
  </si>
  <si>
    <t>01/22/2020 10:25:00</t>
  </si>
  <si>
    <t>01/22/2020 10:25:01</t>
  </si>
  <si>
    <t>01/22/2020 10:25:03</t>
  </si>
  <si>
    <t>01/22/2020 10:25:04</t>
  </si>
  <si>
    <t>01/22/2020 10:25:05</t>
  </si>
  <si>
    <t>\\acsfs\profiles$\francislayneads\Saved Games\desktop.ini</t>
  </si>
  <si>
    <t>01/22/2020 10:25:06</t>
  </si>
  <si>
    <t>01/22/2020 10:25:31</t>
  </si>
  <si>
    <t>winrt--{S-1-5-21-602162358-764733703-839522115-352724}-.searchconnector-ms</t>
  </si>
  <si>
    <t>\\acsfs\profiles$\francislayneads\Searches\winrt--{S-1-5-21-602162358-764733703-839522115-352724}-.searchconnector-ms</t>
  </si>
  <si>
    <t>01/22/2020 10:27:37</t>
  </si>
  <si>
    <t>01/22/2020 10:22:35</t>
  </si>
  <si>
    <t>01/22/2020 10:23:05</t>
  </si>
  <si>
    <t>01/22/2020 10:23:07</t>
  </si>
  <si>
    <t>01/22/2020 10:28:37</t>
  </si>
  <si>
    <t>54dee167-d350-4cd6-8fb7-c76fcf61119a.tmp</t>
  </si>
  <si>
    <t>\\acsfs\profiles$\lorenabmc\Downloads\54dee167-d350-4cd6-8fb7-c76fcf61119a.tmp</t>
  </si>
  <si>
    <t>01/22/2020 10:24:26</t>
  </si>
  <si>
    <t>01/22/2020 10:27:20</t>
  </si>
  <si>
    <t>JANAYNA TEREZA ROCHA ONOFRE_1_6781186334589531051_1_32.wav</t>
  </si>
  <si>
    <t>\\acsfs\Deptos\EDUCACAO EMPRESARIAL\KÉSIA\Ligações 3º ciclo - Janeiro 2020\JANAYNA TEREZA ROCHA ONOFRE_1_6781186334589531051_1_32.wav</t>
  </si>
  <si>
    <t>01/22/2020 10:25:21</t>
  </si>
  <si>
    <t>01/22/2020 10:29:38</t>
  </si>
  <si>
    <t>01/22/2020 10:25:54</t>
  </si>
  <si>
    <t>mail.google.com/sync/u/0/i/s?hl=pt-BR&amp;c=740</t>
  </si>
  <si>
    <t>01/22/2020 10:27:05</t>
  </si>
  <si>
    <t>01/22/2020 10:26:07</t>
  </si>
  <si>
    <t>354f94a7-f2ae-4588-83ad-04bb9d01b90f.tmp</t>
  </si>
  <si>
    <t>\\acsfs\profiles$\geovannasm\Downloads\354f94a7-f2ae-4588-83ad-04bb9d01b90f.tmp</t>
  </si>
  <si>
    <t>01/22/2020 10:28:57</t>
  </si>
  <si>
    <t>01/22/2020 10:30:37</t>
  </si>
  <si>
    <t>51f205e5-7db0-45cf-ba1e-60f5ff64a54d.tmp</t>
  </si>
  <si>
    <t>\\acsfs\profiles$\vivianalds\Downloads\51f205e5-7db0-45cf-ba1e-60f5ff64a54d.tmp</t>
  </si>
  <si>
    <t>01/22/2020 10:28:06</t>
  </si>
  <si>
    <t>01/22/2020 10:28:07</t>
  </si>
  <si>
    <t>01/22/2020 10:29:10</t>
  </si>
  <si>
    <t>01/22/2020 10:29:32</t>
  </si>
  <si>
    <t>01/22/2020 10:29:37</t>
  </si>
  <si>
    <t>0]�e������_x0011_���_x001E__x0008_��m_x0006_;1;109];14;1579693710008000;1579693830016;15]]];2;22;3;6;74ct7u6rb\";9;[1;[6];[[12;[[null;[\"drive.web-frontend_20200108.00_p2\"]]]";[];[]]];[null;false;false]];null;</t>
  </si>
  <si>
    <t>0]�e������_x0011_���_x001E__x0008_��m_x0006_,1,109],14,1579693710008000,1579693830016,15]]],2,22,3,6,74ct7u6rb\",9,[1,[6],[[12,[[null,[\"drive.web-frontend_20200108.00_p2\"]]]",[],[]]],[null,false,false]],null</t>
  </si>
  <si>
    <t>01/22/2020 10:29:41</t>
  </si>
  <si>
    <t>01/22/2020 10:29:55</t>
  </si>
  <si>
    <t>156411433;1579694012520;1579694313549;2;3;[];[]]];dgljailchhg_wsgsxxvgoj1ija5nkqbdhh9of54irvehjiignupjnu3x0hkkqiifadcfpiaepwckzqr8gstvtn4kn0zwzgkwvxyxqvmpl05bra9lnuvubbg5frazckfezxulrkm9spzukbpfqia9wid5y_3dy27p9cjbxwjqu9xhn7klcxk5cq_hcwogedexuad2700\";dgljailchhg_wsgsxxvgoj1ija5nkqbdhh9of54irvehjiignupjnu3x0hkkqiifadcfpiaepwckzqr8gstvtn4kn0zwzgkwvxyxqvmpl05bra9lnuvubbg5frazckfezxulrkm9spzukbpfqia9wid5y_3dym7p9cimssybkw4jwgloa7twnyh_zl-vescd66qluqu\";false;iazva4igzvil3sqdbwjjsm3raodrhumvk5c04ovcackjjhmol0kp1jvqsz0xy4s3hbr8f0ndtrjkhtunwteoz0wgxteq-todgljailchhg_wsgsxxvgoj1ija5nkqbdhh9of54irvehjiignupjnu3x0hkkqiifadcfpiaepwckzqr8gstvtn4kn0zwzgkwvxyxqvmpl05bra9lnuvubbg5frazckfezxulrkm9spzukbpfqia9wid5y_3dy27p9cjbxwjqu9xhn7klcxk5cq_hcwogedexuad2700\";iazva4igzvil3sqdbwjjsm3raodrhumvk5c04ovcackjjhmol0kp1jvqsz0xy4s3hbr8f0ndtrjkhtunwteoz0wgxteq-todgljailchhg_wsgsxxvgoj1ija5nkqbdhh9of54irvehjiignupjnu3x0hkkqiifadcfpiaepwckzqr8gstvtn4kn0zwzgkwvxyxqvmpl05bra9lnuvubbg5frazckfezxulrkm9spzukbpfqia9wid5y_3dym7p9cimssybkw4j</t>
  </si>
  <si>
    <t>156411433,1579694012520,1579694313549,2,3,[],[]]],dgljailchhg_wsgsxxvgoj1ija5nkqbdhh9of54irvehjiignupjnu3x0hkkqiifadcfpiaepwckzqr8gstvtn4kn0zwzgkwvxyxqvmpl05bra9lnuvubbg5frazckfezxulrkm9spzukbpfqia9wid5y_3dy27p9cjbxwjqu9xhn7klcxk5cq_hcwogedexuad2700\",dgljailchhg_wsgsxxvgoj1ija5nkqbdhh9of54irvehjiignupjnu3x0hkkqiifadcfpiaepwckzqr8gstvtn4kn0zwzgkwvxyxqvmpl05bra9lnuvubbg5frazckfezxulrkm9spzukbpfqia9wid5y_3dym7p9cimssybkw4jwgloa7twnyh_zl-vescd66qluqu\",false,iazva4igzvil3sqdbwjjsm3raodrhumvk5c04ovcackjjhmol0kp1jvqsz0xy4s3hbr8f0ndtrjkhtunwteoz0wgxteq-todgljailchhg_wsgsxxvgoj1ija5nkqbdhh9of54irvehjiignupjnu3x0hkkqiifadcfpiaepwckzqr8gstvtn4kn0zwzgkwvxyxqvmpl05bra9lnuvubbg5frazckfezxulrkm9spzukbpfqia9wid5y_3dy27p9cjbxwjqu9xhn7klcxk5cq_hcwogedexuad2700\",iazva4igzvil3sqdbwjjsm3raodrhumvk5c04ovcackjjhmol0kp1jvqsz0xy4s3hbr8f0ndtrjkhtunwteoz0wgxteq-todgljailchhg_wsgsxxvgoj1ija5nkqbdhh9of54irvehjiignupjnu3x0hkkqiifadcfpiaepwckzqr8gstvtn4kn0zwzgkwvxyxqvmpl05bra9lnuvubbg5frazckfezxulrkm9spzukbpfqia9wid5y_3dym7p9cimssybkw4j</t>
  </si>
  <si>
    <t>01/22/2020 10:30:13</t>
  </si>
  <si>
    <t>http:///batch/drive/v2internal?%24ct=multipart%2Fmixed%3B%20boundary%3D%22%3D%3D%3D%3D%3Duwffv5o81ugw%3D%3D%3D%3D%3D%22&amp;key=AIzaSyAy9VVXHSpS2IJpptzYtGbLP3-3_l0aBk4</t>
  </si>
  <si>
    <t>1;109];14;156411433;1579693710008000;1579693712430;1579693713210;1579693718519;15]]];2;22;3;6;74ct7u6rb\";9;[1;[6];[[12;[[null;[\"drive.web-frontend_20200108.00_p2\"]]]";[];[]]];[]��_x0019_���_x0012_ 74ct7u6rb\";[null;ancestorhasaugmentedpermissions;containsunsubscribedchildren;dgljailchhg_wsgsxxvgoj1ija5nkqbdhh9of54irvehjiignupjnu3x0hkkqiifadcfpiaepwckzqr8gstvtn4kn0zwzgkwvxyxqvmpl05bra9lnuvubbg5frazckfezxulrkm9spzukbpfqia9wid5y_3dyw7p9chunucrgawipkbw8y6ry5thfiiwfkwzfniksjy\";displayname;domain;emailaddress;false;false]];filesize;hasthumbnail;hasvisitorpermissions;iazva4igzvil3sqdbwjjsm3raodrhumvk5c04ovcackjjhmol0kp1jvqsz0xy4s3hbr8f0ndtrjkhtunwteoz0wgxteq-todgljailchhg_wsgsxxvgoj1ija5nkqbdhh9of54irvehjiignupjnu3x0hkkqiifadcfpiaepwckzqr8gstvtn4kn0zwzgkwvxyxqvmpl05bra9lnuvubbg5frazckfezxulrkm9spzukbpfqia9wid5y_3dyw7p9chunucrgawipkbw8y6ry5thfiiwfkwzfniksjy\";id);items(kind;ken;lastmodifyinguser(kind;lastviewedbymedate;modifiedbymedate;modifieddate;nul;null;ontainsunsubscribedchildren;owners(kind;permission;permissionid;pict</t>
  </si>
  <si>
    <t>http://1,109],14,156411433,1579693710008000,1579693712430,1579693713210,1579693718519,15]]],2,22,3,6,74ct7u6rb\",9,[1,[6],[[12,[[null,[\"drive.web-frontend_20200108.00_p2\"]]]",[],[]]],[]��_x0019_���_x0012_ 74ct7u6rb\",[null,ancestorhasaugmentedpermissions,containsunsubscribedchildren,dgljailchhg_wsgsxxvgoj1ija5nkqbdhh9of54irvehjiignupjnu3x0hkkqiifadcfpiaepwckzqr8gstvtn4kn0zwzgkwvxyxqvmpl05bra9lnuvubbg5frazckfezxulrkm9spzukbpfqia9wid5y_3dyw7p9chunucrgawipkbw8y6ry5thfiiwfkwzfniksjy\",displayname,domain,emailaddress,false,false]],filesize,hasthumbnail,hasvisitorpermissions,iazva4igzvil3sqdbwjjsm3raodrhumvk5c04ovcackjjhmol0kp1jvqsz0xy4s3hbr8f0ndtrjkhtunwteoz0wgxteq-todgljailchhg_wsgsxxvgoj1ija5nkqbdhh9of54irvehjiignupjnu3x0hkkqiifadcfpiaepwckzqr8gstvtn4kn0zwzgkwvxyxqvmpl05bra9lnuvubbg5frazckfezxulrkm9spzukbpfqia9wid5y_3dyw7p9chunucrgawipkbw8y6ry5thfiiwfkwzfniksjy\",id),items(kind,ken,lastmodifyinguser(kind,lastviewedbymedate,modifiedbymedate,modifieddate,nul,null,ontainsunsubscribedchildren,owners(kind,permission,permission</t>
  </si>
  <si>
    <t>01/22/2020 10:26:29</t>
  </si>
  <si>
    <t>01/22/2020 10:31:38</t>
  </si>
  <si>
    <t>fcb5fece-0a59-4bf0-944d-783e8eeff8b7.tmp</t>
  </si>
  <si>
    <t>\\acsfs\profiles$\francislayneads\Downloads\fcb5fece-0a59-4bf0-944d-783e8eeff8b7.tmp</t>
  </si>
  <si>
    <t>01/22/2020 10:26:35</t>
  </si>
  <si>
    <t>d2ed70f2-767b-4e83-a46b-d7f68beb8793.tmp</t>
  </si>
  <si>
    <t>\\acsfs\profiles$\francislayneads\Downloads\d2ed70f2-767b-4e83-a46b-d7f68beb8793.tmp</t>
  </si>
  <si>
    <t>01/22/2020 10:27:08</t>
  </si>
  <si>
    <t>\\acsfs\profiles$\FRANCISLAYNEADS\</t>
  </si>
  <si>
    <t>login.txt</t>
  </si>
  <si>
    <t>\\acsfs\profiles$\FRANCISLAYNEADS\login.txt</t>
  </si>
  <si>
    <t>01/22/2020 10:27:07</t>
  </si>
  <si>
    <t>cb1400b3-88cf-4c64-a1df-4748f9c6e66f.tmp</t>
  </si>
  <si>
    <t>\\acsfs\profiles$\inarajst\Downloads\cb1400b3-88cf-4c64-a1df-4748f9c6e66f.tmp</t>
  </si>
  <si>
    <t>01/22/2020 10:30:50</t>
  </si>
  <si>
    <t>e568e7f9-66e2-4c34-8176-317e2a6c0b5c.tmp</t>
  </si>
  <si>
    <t>\\acsfs\profiles$\gabrielaff\Downloads\e568e7f9-66e2-4c34-8176-317e2a6c0b5c.tmp</t>
  </si>
  <si>
    <t>01/22/2020 10:32:37</t>
  </si>
  <si>
    <t>01/22/2020 10:28:35</t>
  </si>
  <si>
    <t>01/22/2020 10:29:05</t>
  </si>
  <si>
    <t>01/22/2020 10:29:35</t>
  </si>
  <si>
    <t>01/22/2020 10:30:05</t>
  </si>
  <si>
    <t>01/22/2020 10:32:12</t>
  </si>
  <si>
    <t>6862b63f-3df4-4e2c-8e68-b677166d181d.tmp</t>
  </si>
  <si>
    <t>\\acsfs\profiles$\ALYNYA\Downloads\6862b63f-3df4-4e2c-8e68-b677166d181d.tmp</t>
  </si>
  <si>
    <t>01/22/2020 10:33:37</t>
  </si>
  <si>
    <t>01/22/2020 10:28:21</t>
  </si>
  <si>
    <t>true</t>
  </si>
  <si>
    <t>01/22/2020 10:31:06</t>
  </si>
  <si>
    <t>01/22/2020 10:31:15</t>
  </si>
  <si>
    <t>01/22/2020 10:31:35</t>
  </si>
  <si>
    <t>bvcartes-supervisores@algarnet.onmicrosoft.com;true;</t>
  </si>
  <si>
    <t>bvcartes-supervisores@algarnet.onmicrosoft.com,true</t>
  </si>
  <si>
    <t>01/22/2020 10:31:45</t>
  </si>
  <si>
    <t>01/22/2020 10:31:59</t>
  </si>
  <si>
    <t>01/22/2020 10:32:13</t>
  </si>
  <si>
    <t>01/22/2020 10:32:30</t>
  </si>
  <si>
    <t>01/22/2020 10:32:35</t>
  </si>
  <si>
    <t>01/22/2020 10:32:49</t>
  </si>
  <si>
    <t>01/22/2020 10:32:28</t>
  </si>
  <si>
    <t>01/22/2020 10:31:14</t>
  </si>
  <si>
    <t>183113be-4de0-4f15-b7cd-2aef8971a22c.tmp</t>
  </si>
  <si>
    <t>\\acsfs\profiles$\nathaliarmr\Downloads\183113be-4de0-4f15-b7cd-2aef8971a22c.tmp</t>
  </si>
  <si>
    <t>01/22/2020 10:31:53</t>
  </si>
  <si>
    <t>01/22/2020 10:34:37</t>
  </si>
  <si>
    <t>01/22/2020 10:30:10</t>
  </si>
  <si>
    <t>01/22/2020 10:32:53</t>
  </si>
  <si>
    <t>01/22/2020 10:33:05</t>
  </si>
  <si>
    <t>01/22/2020 10:33:11</t>
  </si>
  <si>
    <t>01/22/2020 10:32:40</t>
  </si>
  <si>
    <t>f9e61184-b403-4c10-bbb6-3d9decce2f49.tmp</t>
  </si>
  <si>
    <t>\\acsfs\profiles$\geovannasm\Downloads\f9e61184-b403-4c10-bbb6-3d9decce2f49.tmp</t>
  </si>
  <si>
    <t>01/22/2020 10:34:02</t>
  </si>
  <si>
    <t>d75c89bb-6c1c-4e93-b829-31fd0973142d.tmp</t>
  </si>
  <si>
    <t>\\acsfs\profiles$\geovannasm\Downloads\d75c89bb-6c1c-4e93-b829-31fd0973142d.tmp</t>
  </si>
  <si>
    <t>3e5fef8e-0afe-4f04-94a0-ba0cd5576f06.tmp</t>
  </si>
  <si>
    <t>\\acsfs\profiles$\geovannasm\Downloads\3e5fef8e-0afe-4f04-94a0-ba0cd5576f06.tmp</t>
  </si>
  <si>
    <t>01/22/2020 10:35:38</t>
  </si>
  <si>
    <t>01/22/2020 10:34:55</t>
  </si>
  <si>
    <t>01/22/2020 10:34:56</t>
  </si>
  <si>
    <t>01/22/2020 10:30:18</t>
  </si>
  <si>
    <t>http:///batch/drive/v2internal?%24ct=multipart%2Fmixed%3B%20boundary%3D%22%3D%3D%3D%3D%3Deblwat9nkcd1%3D%3D%3D%3D%3D%22&amp;key=AIzaSyAy9VVXHSpS2IJpptzYtGbLP3-3_l0aBk4</t>
  </si>
  <si>
    <t>http:///batch/drive/v2internal?%24ct=multipart%2Fmixed%3B%20boundary%3D%22%3D%3D%3D%3D%3Dfgfh2gvv00hi%3D%3D%3D%3D%3D%22&amp;key=AIzaSyAy9VVXHSpS2IJpptzYtGbLP3-3_l0aBk4</t>
  </si>
  <si>
    <t>ancestorhasaugmentedpermissions;containsunsubscribedchildren;dis;displayname;domain;emailaddress;file(kind;fileid;filesize;hasthumbnail;hasvisitorpermissions;id;id);items(deleted;ken;kind;lastmodifyi;lastmodifyinguser(kind;lastviewedbymedate;modifiedbymedate;modifieddate;ontainsunsubscribedchildren;owners(kind;per;permissionid;picture;rpermissions;shared;sharedwithmedate;thumbnailversion;title;userpermission(role);workspaceids;</t>
  </si>
  <si>
    <t>http://ancestorhasaugmentedpermissions,containsunsubscribedchildren,dis,displayname,domain,emailaddress,file(kind,fileid,filesize,hasthumbnail,hasvisitorpermissions,id,id),items(deleted,ken,kind,lastmodifyi,lastmodifyinguser(kind,lastviewedbymedate,modifiedbymedate,modifieddate,ontainsunsubscribedchildren,owners(kind,per,permissionid,picture,rpermissions,shared,sharedwithmedate,thumbnailversion,title,userpermission(role),workspaceids</t>
  </si>
  <si>
    <t>01/22/2020 10:30:30</t>
  </si>
  <si>
    <t>http:///batch/drive/v2internal?%24ct=multipart%2Fmixed%3B%20boundary%3D%22%3D%3D%3D%3D%3Drrwq28sl3cuz%3D%3D%3D%3D%3D%22&amp;key=AIzaSyAy9VVXHSpS2IJpptzYtGbLP3-3_l0aBk4</t>
  </si>
  <si>
    <t>http:///batch/drive/v2internal?%24ct=multipart%2Fmixed%3B%20boundary%3D%22%3D%3D%3D%3D%3Dgppgyjff39wc%3D%3D%3D%3D%3D%22&amp;key=AIzaSyAy9VVXHSpS2IJpptzYtGbLP3-3_l0aBk4</t>
  </si>
  <si>
    <t>01/22/2020 10:31:09</t>
  </si>
  <si>
    <t>0];1165.6499999999141;1335.465000000113;1367.3449999996592;1384.3049999995856;1454.71499999985k�_x0018_k��p;1582.777];165.15999999955966;21.464;21.464];3;4;5;505.241;52.8599999997823;54.170000000340224;572.9099999998652;578.6600000001272;[null;css;first-contentful-paint;first-paint;https://fonts.gstatic.com/s/googlesans/v14/4uagrenhsxjlgdugo1oill3owp4.woff2;null;null]];ore";script;self;</t>
  </si>
  <si>
    <t>http://0],1165.6499999999141,1335.465000000113,1367.3449999996592,1384.3049999995856,1454.71499999985k�_x0018_k��p,1582.777],165.15999999955966,21.464,21.464],3,4,5,505.241,52.8599999997823,54.170000000340224,572.9099999998652,578.6600000001272,[null,css,first-contentful-paint,first-paint,https://fonts.gstatic.com/s/googlesans/v14/4uagrenhsxjlgdugo1oill3owp4.woff2,null,null]],ore",script,self</t>
  </si>
  <si>
    <t>.jpg";0;0.371;0.371];0];111.67500000010477;112.62500000066211;1165.6499999999141;121.59499999961554;13.568;1335.465000000113;1336.2349999997605;1336.6900000000896;1337.6250000001164;136.529999999766;136.55000000017026;1367.3449999996592;1384.3049999995856;1387.7050000000963;1388.014999999541;1388.6299999994662;1454.714999999851;1454.71499999985k�_x0018_k��p;15.344;15.344];15.436;15.436];15.552;15.552];1582.777];160.9199999993507;165.15999999955966;166.39500000019325;206.96500000030937;2075.9799999996176;2091.699999999946;21.464;21.464];21.7;21.7];2186.670000000049;3;34.41000000020722;38.459];4;5;505.241;52.8599999997823;54.170000000340224;572.9099999998652;578.6600000001272;678.4299999999348;["https://clients6.google.com/drive/v2internal/apps?opendrive=true&amp;reason=301&amp;synctype=0&amp;errorrecovery=false&amp;fields=kind%2cdefaultappids%2citems(kind%2cid%2cusebydefault%2cname%2copenurltemplate%2cprimarymimetypes%2csecondarymimetypes%2ccreateurl%2ccreateinfo;["https://drive.google.com/_/drive_fe/_/js/k=drive_fe.main.pt_br.nw3r</t>
  </si>
  <si>
    <t>http://.jpg",0,0.371,0.371],0],111.67500000010477,112.62500000066211,1165.6499999999141,121.59499999961554,13.568,1335.465000000113,1336.2349999997605,1336.6900000000896,1337.6250000001164,136.529999999766,136.55000000017026,1367.3449999996592,1384.3049999995856,1387.7050000000963,1388.014999999541,1388.6299999994662,1454.714999999851,1454.71499999985k�_x0018_k��p,15.344,15.344],15.436,15.436],15.552,15.552],1582.777],160.9199999993507,165.15999999955966,166.39500000019325,206.96500000030937,2075.9799999996176,2091.699999999946,21.464,21.464],21.7,21.7],2186.670000000049,3,34.41000000020722,38.459],4,5,505.241,52.8599999997823,54.170000000340224,572.9099999998652,578.6600000001272,678.4299999999348,["https://clients6.google.com/drive/v2internal/apps?opendrive=true&amp;reason=301&amp;synctype=0&amp;errorrecovery=false&amp;fields=kind%2cdefaultappids%2citems(kind%2cid%2cusebydefault%2cname%2copenurltemplate%2cprimarymimetypes%2csecondarymimetypes%2ccreateurl%2ccreateinfo,["https://drive.google.com/_/drive_fe/_/js/k=drive_fe.main.pt_</t>
  </si>
  <si>
    <t>.jpg";0;0.371;0.371];0];111.67500000010477;111.82000000007974;112.62500000066211;1165.6499999999141;121.59499999961554;13.568;1335.465000000113;1336.2349999997605;1336.6900000000896;1337.6250000001164;135.98999999976513;136.529999999766;136.55000000017026;1367.3449999996592;1384.3049999995856;1387.7050000000963;1388.014999999541;1388.6299999994662;1454.714999999851;1454.71499999985k�_x0018_k��p;1457.419999999729;15.344;15.344];15.436;15.436];15.552;15.552];151.6299999993862;1582.777];160.9199999993507;162.91499999988446;1640.835000000152;165.15999999955966;166.39500000019325;199.06999999966501;203.88999999977386;206.96500000030937;2075.9799999996176;2091.699999999946;2094.930000000204;2098.53000000021;21.464;21.464];21.7;21.7];2186.670000000049;2277.7449999994133;2325.710000000072;2334.29999999953;238.59000000084052;2450.6000000001222;2458.8450000001103;249.72999999954482;3;335.9949999994569;34.41000000020722;38.459];4;5;505.241;52.8599999997823;54.170000000340224;572.9099999998652;578.6600000001272;678.42999999993</t>
  </si>
  <si>
    <t>http://.jpg",0,0.371,0.371],0],111.67500000010477,111.82000000007974,112.62500000066211,1165.6499999999141,121.59499999961554,13.568,1335.465000000113,1336.2349999997605,1336.6900000000896,1337.6250000001164,135.98999999976513,136.529999999766,136.55000000017026,1367.3449999996592,1384.3049999995856,1387.7050000000963,1388.014999999541,1388.6299999994662,1454.714999999851,1454.71499999985k�_x0018_k��p,1457.419999999729,15.344,15.344],15.436,15.436],15.552,15.552],151.6299999993862,1582.777],160.9199999993507,162.91499999988446,1640.835000000152,165.15999999955966,166.39500000019325,199.06999999966501,203.88999999977386,206.96500000030937,2075.9799999996176,2091.699999999946,2094.930000000204,2098.53000000021,21.464,21.464],21.7,21.7],2186.670000000049,2277.7449999994133,2325.710000000072,2334.29999999953,238.59000000084052,2450.6000000001222,2458.8450000001103,249.72999999954482,3,335.9949999994569,34.41000000020722,38.459],4,5,505.241,52.8599999997823,54.170000000340224,572.9099999998652,578.6600000001272,678.4299</t>
  </si>
  <si>
    <t>.jpg";0;0.371;0.371];0];111.67500000010477;111.82000000007974;112.62500000066211;1165.6499999999141;121.59499999961554;13.568;1335.465000000113;1336.2349999997605;1336.6900000000896;1337.6250000001164;135.4350000001432;135.98999999976513;136.529999999766;136.55000000017026;1367.3449999996592;1384.3049999995856;1387.7050000000963;1388.014999999541;1388.6299999994662;1454.714999999851;1454.71499999985k�_x0018_k��p;1457.419999999729;15.344;15.344];15.436;15.436];15.552;15.552];151.6299999993862;1582.777];160.9199999993507;162.91499999988446;1640.835000000152;165.15999999955966;166.39500000019325;199.06999999966501;203.88999999977386;206.96500000030937;2075.9799999996176;2091.699999999946;2094.930000000204;2098.53000000021;21.464;21.464];21.7;21.7];2186.670000000049;2277.7449999994133;2325.710000000072;2334.29999999953;238.59000000084052;2450.6000000001222;2451.344999999492;2458.8450000001103;249.72999999954482;3;335.9949999994569;34.41000000020722;38.459];4;5;505.241;52.8599999997823;54.170000000340224;572.90999999986</t>
  </si>
  <si>
    <t>http://.jpg",0,0.371,0.371],0],111.67500000010477,111.82000000007974,112.62500000066211,1165.6499999999141,121.59499999961554,13.568,1335.465000000113,1336.2349999997605,1336.6900000000896,1337.6250000001164,135.4350000001432,135.98999999976513,136.529999999766,136.55000000017026,1367.3449999996592,1384.3049999995856,1387.7050000000963,1388.014999999541,1388.6299999994662,1454.714999999851,1454.71499999985k�_x0018_k��p,1457.419999999729,15.344,15.344],15.436,15.436],15.552,15.552],151.6299999993862,1582.777],160.9199999993507,162.91499999988446,1640.835000000152,165.15999999955966,166.39500000019325,199.06999999966501,203.88999999977386,206.96500000030937,2075.9799999996176,2091.699999999946,2094.930000000204,2098.53000000021,21.464,21.464],21.7,21.7],2186.670000000049,2277.7449999994133,2325.710000000072,2334.29999999953,238.59000000084052,2450.6000000001222,2451.344999999492,2458.8450000001103,249.72999999954482,3,335.9949999994569,34.41000000020722,38.459],4,5,505.241,52.8599999997823,54.170000000340224,572.9099</t>
  </si>
  <si>
    <t>01/22/2020 10:31:10</t>
  </si>
  <si>
    <t>.jpg";0;0.371;0.371];0.551;0.941];0];111.67500000010477;111.82000000007974;112.62500000066211;1147.5649999993038;1165.6499999999141;1195.2400000000125;1195.3700000003664;1196.7999999997119;12.883;12.883];121.59499999961554;13.568;1335.465000000113;1336.2349999997605;1336.6900000000896;1337.6250000001164;135.4350000001432;135.98999999976513;136.529999999766;136.55000000017026;1367.3449999996592;1384.3049999995856;1387.7050000000963;1388.014999999541;1388.6299999994662;1454.714999999851;1454.71499999985k�_x0018_k��p;1457.419999999729;15.344;15.344];15.436;15.436];15.552;15.552];151.6299999993862;1582.777];16.159;16.159];160.9199999993507;162.91499999988446;1640.835000000152;165.15999999955966;166.39500000019325;18.887;18.887];199.06999999966501;203.88999999977386;206.96500000030937;2075.9799999996176;2091.699999999946;2094.930000000204;2098.53000000021;21.464;21.464];21.7;21.7];2186.670000000049;2277.7449999994133;2325.710000000072;2334.29999999953;238.59000000084052;2450.6000000001222;2451.344999999492;2458.84500000</t>
  </si>
  <si>
    <t>http://.jpg",0,0.371,0.371],0.551,0.941],0],111.67500000010477,111.82000000007974,112.62500000066211,1147.5649999993038,1165.6499999999141,1195.2400000000125,1195.3700000003664,1196.7999999997119,12.883,12.883],121.59499999961554,13.568,1335.465000000113,1336.2349999997605,1336.6900000000896,1337.6250000001164,135.4350000001432,135.98999999976513,136.529999999766,136.55000000017026,1367.3449999996592,1384.3049999995856,1387.7050000000963,1388.014999999541,1388.6299999994662,1454.714999999851,1454.71499999985k�_x0018_k��p,1457.419999999729,15.344,15.344],15.436,15.436],15.552,15.552],151.6299999993862,1582.777],16.159,16.159],160.9199999993507,162.91499999988446,1640.835000000152,165.15999999955966,166.39500000019325,18.887,18.887],199.06999999966501,203.88999999977386,206.96500000030937,2075.9799999996176,2091.699999999946,2094.930000000204,2098.53000000021,21.464,21.464],21.7,21.7],2186.670000000049,2277.7449999994133,2325.710000000072,2334.29999999953,238.59000000084052,2450.6000000001222,2451.344999999492,2458.8</t>
  </si>
  <si>
    <t>.jpg";0;0.333;0.371;0.371];0.551;0.683];0.93;0.941];0];1.05;1.822];10.595;10.595];111.67500000010477;111.82000000007974;112.62500000066211;1147.5649999993038;1165.6499999999141;1195.2400000000125;1195.3700000003664;1196.7999999997119;12.883;12.883];121.59499999961554;1255.5750000001353;1258.1300000001647;1258.1449999997858;13.568;1335.465000000113;1335.985000000619;1336.2349999997605;1336.6900000000896;1337.3499999997875;1337.6250000001164;1347.2600000004604;135.4350000001432;135.98999999976513;136.529999999766;136.55000000017026;1367.3449999996592;1384.3049999995856;1387.7050000000963;1388.014999999541;1388.6299999994662;1454.714999999851;1454.71499999985k�_x0018_k��p;1457.419999999729;15.105000000403379;15.344;15.344];15.436;15.436];15.552;15.552];151.6299999993862;1582.777];16.159;16.159];160.9199999993507;162.91499999988446;1640.835000000152;165.15999999955966;166.39500000019325;18.887;18.887];199.06999999966501;2.345];2.585000000181026;20.036;20.036];203.88999999977386;206.96500000030937;2075.9799999996176;209</t>
  </si>
  <si>
    <t>http://.jpg",0,0.333,0.371,0.371],0.551,0.683],0.93,0.941],0],1.05,1.822],10.595,10.595],111.67500000010477,111.82000000007974,112.62500000066211,1147.5649999993038,1165.6499999999141,1195.2400000000125,1195.3700000003664,1196.7999999997119,12.883,12.883],121.59499999961554,1255.5750000001353,1258.1300000001647,1258.1449999997858,13.568,1335.465000000113,1335.985000000619,1336.2349999997605,1336.6900000000896,1337.3499999997875,1337.6250000001164,1347.2600000004604,135.4350000001432,135.98999999976513,136.529999999766,136.55000000017026,1367.3449999996592,1384.3049999995856,1387.7050000000963,1388.014999999541,1388.6299999994662,1454.714999999851,1454.71499999985k�_x0018_k��p,1457.419999999729,15.105000000403379,15.344,15.344],15.436,15.436],15.552,15.552],151.6299999993862,1582.777],16.159,16.159],160.9199999993507,162.91499999988446,1640.835000000152,165.15999999955966,166.39500000019325,18.887,18.887],199.06999999966501,2.345],2.585000000181026,20.036,20.036],203.88999999977386,206.96500000030937,2075.9799999996</t>
  </si>
  <si>
    <t>.jpg";0;0.327;0.333;0.371;0.371];0.462];0.478;0.551;0.683];0.93;0.938];0.941];0];1.05;1.822];10.595;10.595];111.67500000010477;111.82000000007974;112.62500000066211;1147.5649999993038;1165.6499999999141;1195.2400000000125;1195.3700000003664;1196.7999999997119;12.375;12.381;12.883;12.883];121.59499999961554;1255.5750000001353;1258.1300000001647;1258.1449999997858;13.568;1335.465000000113;1335.985000000619;1336.2349999997605;1336.6900000000896;1337.3499999997875;1337.6250000001164;1347.2600000004604;135.4350000001432;135.98999999976513;136.529999999766;136.55000000017026;1367.3449999996592;1382.3200000006182;1384.3049999995856;1387.7050000000963;1388.014999999541;1388.6299999994662;1454.714999999851;1454.71499999985k�_x0018_k��p;1457.419999999729;1490.099999999984;1492.2150000002148;15.105000000403379;15.344;15.344];15.436;15.436];15.552;15.552];1501.8049999998766;151.6299999993862;1582.777];16.159;16.159];160.9199999993507;162.91499999988446;1640.835000000152;165.15999999955966;166.39500000019325;18.887;18.887];199.</t>
  </si>
  <si>
    <t>http://.jpg",0,0.327,0.333,0.371,0.371],0.462],0.478,0.551,0.683],0.93,0.938],0.941],0],1.05,1.822],10.595,10.595],111.67500000010477,111.82000000007974,112.62500000066211,1147.5649999993038,1165.6499999999141,1195.2400000000125,1195.3700000003664,1196.7999999997119,12.375,12.381,12.883,12.883],121.59499999961554,1255.5750000001353,1258.1300000001647,1258.1449999997858,13.568,1335.465000000113,1335.985000000619,1336.2349999997605,1336.6900000000896,1337.3499999997875,1337.6250000001164,1347.2600000004604,135.4350000001432,135.98999999976513,136.529999999766,136.55000000017026,1367.3449999996592,1382.3200000006182,1384.3049999995856,1387.7050000000963,1388.014999999541,1388.6299999994662,1454.714999999851,1454.71499999985k�_x0018_k��p,1457.419999999729,1490.099999999984,1492.2150000002148,15.105000000403379,15.344,15.344],15.436,15.436],15.552,15.552],1501.8049999998766,151.6299999993862,1582.777],16.159,16.159],160.9199999993507,162.91499999988446,1640.835000000152,165.15999999955966,166.39500000019325,18.887,18.88</t>
  </si>
  <si>
    <t>"xmlhttprequest�;.jpg";0;0.271;0.327;0.333;0.371;0.371];0.382;0.462];0.478;0.527;0.551;0.567;0.675];0.683];0.908];0.93;0.938];0.941];0.964];0];1.05;1.822];10.595;10.595];11.856;11.856];111.67500000010477;111.82000000007974;112.62500000066211;1147.5649999993038;1165.6499999999141;1195.2400000000125;1195.3700000003664;1196.7999999997119;12.206;12.206];12.375;12.381;12.883;12.883];12.884;12.884];121.59499999961554;1255.5750000001353;1258.1300000001647;1258.1449999997858;13.568;1335.465000000113;1335.985000000619;1336.2349999997605;1336.6900000000896;1337.3499999997875;1337.6250000001164;1347.2600000004604;135.4350000001432;135.98999999976513;136.529999999766;136.55000000017026;1367.3449999996592;1382.3200000006182;1384.3049999995856;1387.7050000000963;1388.014999999541;1388.6299999994662;1454.714999999851;1454.71499999985k�_x0018_k��p;1457.419999999729;1490.099999999984;1492.2150000002148;15.105000000403379;15.344;15.344];15.436;15.436];15.552;15.552];1501.8049999998766;151.6299999993862;1521.7850000008184;1539.149999</t>
  </si>
  <si>
    <t>http://"xmlhttprequest�,.jpg",0,0.271,0.327,0.333,0.371,0.371],0.382,0.462],0.478,0.527,0.551,0.567,0.675],0.683],0.908],0.93,0.938],0.941],0.964],0],1.05,1.822],10.595,10.595],11.856,11.856],111.67500000010477,111.82000000007974,112.62500000066211,1147.5649999993038,1165.6499999999141,1195.2400000000125,1195.3700000003664,1196.7999999997119,12.206,12.206],12.375,12.381,12.883,12.883],12.884,12.884],121.59499999961554,1255.5750000001353,1258.1300000001647,1258.1449999997858,13.568,1335.465000000113,1335.985000000619,1336.2349999997605,1336.6900000000896,1337.3499999997875,1337.6250000001164,1347.2600000004604,135.4350000001432,135.98999999976513,136.529999999766,136.55000000017026,1367.3449999996592,1382.3200000006182,1384.3049999995856,1387.7050000000963,1388.014999999541,1388.6299999994662,1454.714999999851,1454.71499999985k�_x0018_k��p,1457.419999999729,1490.099999999984,1492.2150000002148,15.105000000403379,15.344,15.344],15.436,15.436],15.552,15.552],1501.8049999998766,151.6299999993862,1521.7850000008184,1539</t>
  </si>
  <si>
    <t>"xmlhttprequest�;.jpg";0;0.271;0.327;0.333;0.371;0.371];0.382;0.462];0.478;0.527;0.551;0.567;0.675];0.683];0.908];0.93;0.938];0.941];0.964];0];0b75dogjxigafnloyt1ywvtfyq1ptb0llt015tnvxnelxuuvj;0b75dogjxigafnxvncxjftujxsc1zvgthnhi3whzrexhgvjzr;0b75dogjxigaft2fuwxhptmx4agdonkfhexdfthlqbedyyvnj;0b75dogjxigafx0zxznzzv1bzt01faehowlrir3g0rjzin1jr;1;1.05;1.822];10.595;10.595];11.856;11.856];111.67500000010477;111.82000000007974;112.62500000066211;1147.5649999993038;1165.6499999999141;1195.2400000000125;1195.3700000003664;1196.7999999997119;12.206;12.206];12.375;12.381;12.883;12.883];12.884;12.884];121.59499999961554;1255.5750000001353;1258.1300000001647;1258.1449999997858;13.568;1335.465000000113;1335.985000000619;1336.2349999997605;1336.6900000000896;1337.3499999997875;1337.6250000001164;1347.2600000004604;135.4350000001432;135.98999999976513;136.529999999766;136.55000000017026;1367.3449999996592;1382.3200000006182;1384.3049999995856;1387.7050000000963;1388.014999999541;1388.6299999994662;1417;1418;1432;1454.714999</t>
  </si>
  <si>
    <t>http://"xmlhttprequest�,.jpg",0,0.271,0.327,0.333,0.371,0.371],0.382,0.462],0.478,0.527,0.551,0.567,0.675],0.683],0.908],0.93,0.938],0.941],0.964],0],0b75dogjxigafnloyt1ywvtfyq1ptb0llt015tnvxnelxuuvj,0b75dogjxigafnxvncxjftujxsc1zvgthnhi3whzrexhgvjzr,0b75dogjxigaft2fuwxhptmx4agdonkfhexdfthlqbedyyvnj,0b75dogjxigafx0zxznzzv1bzt01faehowlrir3g0rjzin1jr,1,1.05,1.822],10.595,10.595],11.856,11.856],111.67500000010477,111.82000000007974,112.62500000066211,1147.5649999993038,1165.6499999999141,1195.2400000000125,1195.3700000003664,1196.7999999997119,12.206,12.206],12.375,12.381,12.883,12.883],12.884,12.884],121.59499999961554,1255.5750000001353,1258.1300000001647,1258.1449999997858,13.568,1335.465000000113,1335.985000000619,1336.2349999997605,1336.6900000000896,1337.3499999997875,1337.6250000001164,1347.2600000004604,135.4350000001432,135.98999999976513,136.529999999766,136.55000000017026,1367.3449999996592,1382.3200000006182,1384.3049999995856,1387.7050000000963,1388.014999999541,1388.6299999994662,1417,1418,1432,1454</t>
  </si>
  <si>
    <t>"mozilla/5.0 (windows nt 6.1) applewebkit/537.36 (khtml;"xmlhttprequest�;.jpg";0;0.271;0.327;0.333;0.371;0.371];0.382;0.462];0.478;0.527;0.551;0.567;0.675];0.683];0.908];0.93;0.938];0.941];0.964];0];0]]];0b75dogjxigafnloyt1ywvtfyq1ptb0llt015tnvxnelxuuvj;0b75dogjxigafnxvncxjftujxsc1zvgthnhi3whzrexhgvjzr;0b75dogjxigaft2fuwxhptmx4agdonkfhexdfthlqbedyyvnj;0b75dogjxigafx0zxznzzv1bzt01faehowlrir3g0rjzin1jr;1;1.05;1.822];10;10.595;10.595];11;11.856;11.856];111.67500000010477;111.82000000007974;112.62500000066211;1147.5649999993038;1165.6499999999141;1195.2400000000125;1195.3700000003664;1196.7999999997119;12.206;12.206];12.375;12.381;12.883;12.883];12.884;12.884];121.59499999961554;1255.5750000001353;1258.1300000001647;1258.1449999997858;13;13.568;1335.465000000113;1335.985000000619;1336.2349999997605;1336.6900000000896;1337.3499999997875;1337.6250000001164;1347.2600000004604;135.4350000001432;135.98999999976513;136.529999999766;136.55000000017026;1367.3449999996592;13700235;13700607;13700883;13700946;13701207;13701</t>
  </si>
  <si>
    <t>http://"mozilla/5.0 (windows nt 6.1) applewebkit/537.36 (khtml,"xmlhttprequest�,.jpg",0,0.271,0.327,0.333,0.371,0.371],0.382,0.462],0.478,0.527,0.551,0.567,0.675],0.683],0.908],0.93,0.938],0.941],0.964],0],0]]],0b75dogjxigafnloyt1ywvtfyq1ptb0llt015tnvxnelxuuvj,0b75dogjxigafnxvncxjftujxsc1zvgthnhi3whzrexhgvjzr,0b75dogjxigaft2fuwxhptmx4agdonkfhexdfthlqbedyyvnj,0b75dogjxigafx0zxznzzv1bzt01faehowlrir3g0rjzin1jr,1,1.05,1.822],10,10.595,10.595],11,11.856,11.856],111.67500000010477,111.82000000007974,112.62500000066211,1147.5649999993038,1165.6499999999141,1195.2400000000125,1195.3700000003664,1196.7999999997119,12.206,12.206],12.375,12.381,12.883,12.883],12.884,12.884],121.59499999961554,1255.5750000001353,1258.1300000001647,1258.1449999997858,13,13.568,1335.465000000113,1335.985000000619,1336.2349999997605,1336.6900000000896,1337.3499999997875,1337.6250000001164,1347.2600000004604,135.4350000001432,135.98999999976513,136.529999999766,136.55000000017026,1367.3449999996592,13700235,13700607,13700883,13700946,1370120</t>
  </si>
  <si>
    <t>"mozilla/5.0 (windows nt 6.1) applewebkit/537.36 (khtml;"xmlhttprequest�;.jpg";0;0.271;0.327;0.333;0.371;0.371];0.382;0.462];0.478;0.527;0.551;0.567;0.675];0.683];0.908];0.93;0.938];0.941];0.964];0];0]]];0b75dogjxigafnloyt1ywvtfyq1ptb0llt015tnvxnelxuuvj;0b75dogjxigafnxvncxjftujxsc1zvgthnhi3whzrexhgvjzr;0b75dogjxigaft2fuwxhptmx4agdonkfhexdfthlqbedyyvnj;0b75dogjxigafx0zxznzzv1bzt01faehowlrir3g0rjzin1jr;1;1.05;1.822];10;10.595;10.595];11;11.856;11.856];111.67500000010477;111.82000000007974;112.62500000066211;1147.5649999993038;1165.6499999999141;1195.2400000000125;1195.3700000003664;1196.7999999997119;12.206;12.206];12.375;12.381;12.883;12.883];12.884;12.884];121.59499999961554;1255.5750000001353;1258.1300000001647;1258.1449999997858;13;13.568;1335.465000000113;1335.985000000619;1336.2349999997605;1336.6900000000896;1337.3499999997875;1337.6250000001164;1347.2600000004604;135.4350000001432;135.98999999976513;136.529999999766;136.55000000017026;1367.3449999996592;13700014;13700109;13700167;13700235;13700451;13700</t>
  </si>
  <si>
    <t>http://"mozilla/5.0 (windows nt 6.1) applewebkit/537.36 (khtml,"xmlhttprequest�,.jpg",0,0.271,0.327,0.333,0.371,0.371],0.382,0.462],0.478,0.527,0.551,0.567,0.675],0.683],0.908],0.93,0.938],0.941],0.964],0],0]]],0b75dogjxigafnloyt1ywvtfyq1ptb0llt015tnvxnelxuuvj,0b75dogjxigafnxvncxjftujxsc1zvgthnhi3whzrexhgvjzr,0b75dogjxigaft2fuwxhptmx4agdonkfhexdfthlqbedyyvnj,0b75dogjxigafx0zxznzzv1bzt01faehowlrir3g0rjzin1jr,1,1.05,1.822],10,10.595,10.595],11,11.856,11.856],111.67500000010477,111.82000000007974,112.62500000066211,1147.5649999993038,1165.6499999999141,1195.2400000000125,1195.3700000003664,1196.7999999997119,12.206,12.206],12.375,12.381,12.883,12.883],12.884,12.884],121.59499999961554,1255.5750000001353,1258.1300000001647,1258.1449999997858,13,13.568,1335.465000000113,1335.985000000619,1336.2349999997605,1336.6900000000896,1337.3499999997875,1337.6250000001164,1347.2600000004604,135.4350000001432,135.98999999976513,136.529999999766,136.55000000017026,1367.3449999996592,13700014,13700109,13700167,13700235,1370045</t>
  </si>
  <si>
    <t>01/22/2020 10:36:06</t>
  </si>
  <si>
    <t>01/22/2020 10:36:37</t>
  </si>
  <si>
    <t>01/22/2020 10:36:07</t>
  </si>
  <si>
    <t>lu12536pnj6.tmp</t>
  </si>
  <si>
    <t>\\acsfs\profiles$\BRUNAAR\Numero\lu12536pnj6.tmp</t>
  </si>
  <si>
    <t>01/22/2020 10:37:38</t>
  </si>
  <si>
    <t>01/22/2020 10:35:35</t>
  </si>
  <si>
    <t>01/22/2020 10:32:55</t>
  </si>
  <si>
    <t>01/22/2020 10:38:37</t>
  </si>
  <si>
    <t>01/22/2020 10:32:57</t>
  </si>
  <si>
    <t>01/22/2020 10:36:51</t>
  </si>
  <si>
    <t>dbe2a853-2d33-4115-a62f-3b135819a157.tmp</t>
  </si>
  <si>
    <t>\\acsfs\profiles$\DALVADFB\Downloads\dbe2a853-2d33-4115-a62f-3b135819a157.tmp</t>
  </si>
  <si>
    <t>01/22/2020 10:33:47</t>
  </si>
  <si>
    <t>c52257b2-be8b-46ba-89c2-36b2337de38e.tmp</t>
  </si>
  <si>
    <t>\\acsfs\profiles$\kellzylenneasr\Downloads\c52257b2-be8b-46ba-89c2-36b2337de38e.tmp</t>
  </si>
  <si>
    <t>01/22/2020 10:36:10</t>
  </si>
  <si>
    <t>JULIANE ARAUJO SILVA_1_6781128318171294712_1_32.wav</t>
  </si>
  <si>
    <t>\\acsfs\Deptos\EDUCACAO EMPRESARIAL\KÉSIA\Ligações 3º ciclo - Janeiro 2020\JULIANE ARAUJO SILVA_1_6781128318171294712_1_32.wav</t>
  </si>
  <si>
    <t>01/22/2020 10:37:42</t>
  </si>
  <si>
    <t>01/22/2020 10:39:37</t>
  </si>
  <si>
    <t>01/22/2020 10:34:18</t>
  </si>
  <si>
    <t>0298040a-8529-4086-b187-ae261dc240c2.tmp</t>
  </si>
  <si>
    <t>\\acsfs\profiles$\anafsb\Downloads\0298040a-8529-4086-b187-ae261dc240c2.tmp</t>
  </si>
  <si>
    <t>01/22/2020 10:34:29</t>
  </si>
  <si>
    <t>69664cce-7786-4ed8-b4ee-2a0436c02f3d.tmp</t>
  </si>
  <si>
    <t>\\acsfs\profiles$\RAFAELRF\Downloads\69664cce-7786-4ed8-b4ee-2a0436c02f3d.tmp</t>
  </si>
  <si>
    <t>01/22/2020 10:35:18</t>
  </si>
  <si>
    <t>Ana Clara Morais Silveira_1_6780423093131221775_1_32.wav</t>
  </si>
  <si>
    <t>\\acsfs\Deptos\EDUCACAO EMPRESARIAL\FERNANDA MONIT\Fernanda\MONITORIA JANEIRO\Ligaçoes para MUTANT terceiro ciclo janeiro\Ana Clara Morais Silveira_1_6780423093131221775_1_32.wav</t>
  </si>
  <si>
    <t>01/22/2020 10:37:09</t>
  </si>
  <si>
    <t>mail.google.com/sync/u/0/i/s?hl=pt-BR&amp;c=755</t>
  </si>
  <si>
    <t>01/22/2020 10:37:13</t>
  </si>
  <si>
    <t>mail.google.com/sync/u/0/i/s?hl=pt-BR&amp;c=757</t>
  </si>
  <si>
    <t>01/22/2020 10:37:16</t>
  </si>
  <si>
    <t>01/22/2020 10:37:31</t>
  </si>
  <si>
    <t>01/22/2020 10:37:34</t>
  </si>
  <si>
    <t>01/22/2020 10:37:40</t>
  </si>
  <si>
    <t>01/22/2020 10:37:52</t>
  </si>
  <si>
    <t>01/22/2020 10:37:58</t>
  </si>
  <si>
    <t>01/22/2020 10:38:01</t>
  </si>
  <si>
    <t>01/22/2020 10:38:07</t>
  </si>
  <si>
    <t>01/22/2020 10:38:12</t>
  </si>
  <si>
    <t>01/22/2020 10:38:13</t>
  </si>
  <si>
    <t>01/22/2020 10:38:18</t>
  </si>
  <si>
    <t>01/22/2020 10:38:24</t>
  </si>
  <si>
    <t>01/22/2020 10:39:05</t>
  </si>
  <si>
    <t>01/22/2020 10:40:37</t>
  </si>
  <si>
    <t>01/22/2020 10:35:55</t>
  </si>
  <si>
    <t>a6274298-c764-4113-9a83-45f7eaa7a5e9.tmp</t>
  </si>
  <si>
    <t>\\acsfs\profiles$\wedersonbadr\My Documents\My Music\a6274298-c764-4113-9a83-45f7eaa7a5e9.tmp</t>
  </si>
  <si>
    <t>01/22/2020 10:42:37</t>
  </si>
  <si>
    <t>01/22/2020 10:38:05</t>
  </si>
  <si>
    <t>01/22/2020 10:39:35</t>
  </si>
  <si>
    <t>01/22/2020 10:43:37</t>
  </si>
  <si>
    <t>01/22/2020 10:38:32</t>
  </si>
  <si>
    <t>26270c99-baf3-494d-b864-5f791884aebd.tmp</t>
  </si>
  <si>
    <t>\\acsfs\profiles$\paulovadc\Downloads\26270c99-baf3-494d-b864-5f791884aebd.tmp</t>
  </si>
  <si>
    <t>01/22/2020 10:39:13</t>
  </si>
  <si>
    <t>d18712d7-4229-4068-a0bc-44012819340a.tmp</t>
  </si>
  <si>
    <t>\\acsfs\profiles$\nathaliarmr\Downloads\d18712d7-4229-4068-a0bc-44012819340a.tmp</t>
  </si>
  <si>
    <t>01/22/2020 10:44:38</t>
  </si>
  <si>
    <t>01/22/2020 10:43:36</t>
  </si>
  <si>
    <t>Agent State Details 21.01.2020.xlsx</t>
  </si>
  <si>
    <t>\\acsfs\deptos\Operacao\PCP\5 - Comum\PLANEJAMENTO BV\23 - EXTRAÇÕES\Agent State Details\2020\JANEIRO\Agent State Details 21.01.2020.xlsx</t>
  </si>
  <si>
    <t>01/22/2020 10:39:16</t>
  </si>
  <si>
    <t>\\acsfs\ACS\Gabriel da Silva\Contemporânea\BDBV\F2C948B5.tmp\</t>
  </si>
  <si>
    <t>\\acsfs\ACS\Gabriel da Silva\Contemporânea\BDBV\F2C948B5.tmp\:Zone.Identifier:$DATA</t>
  </si>
  <si>
    <t>01/22/2020 10:42:22</t>
  </si>
  <si>
    <t>\\acsfs\ACS\Gabriel da Silva\Contemporânea\BDBV\5C658A07.tmp\</t>
  </si>
  <si>
    <t>\\acsfs\ACS\Gabriel da Silva\Contemporânea\BDBV\5C658A07.tmp\:Zone.Identifier:$DATA</t>
  </si>
  <si>
    <t>01/22/2020 10:42:23</t>
  </si>
  <si>
    <t>01/22/2020 10:41:21</t>
  </si>
  <si>
    <t>1dc9f519-b783-4725-b72a-7d0fc9bb96ab.tmp</t>
  </si>
  <si>
    <t>\\acsfs\profiles$\claudiajca\Downloads\1dc9f519-b783-4725-b72a-7d0fc9bb96ab.tmp</t>
  </si>
  <si>
    <t>01/22/2020 10:41:17</t>
  </si>
  <si>
    <t>01/22/2020 10:44:58</t>
  </si>
  <si>
    <t>01/22/2020 10:45:37</t>
  </si>
  <si>
    <t>\\acsfs\profiles$\gustavodsil\Downloads\</t>
  </si>
  <si>
    <t>\\acsfs\profiles$\gustavodsil\Downloads\~ovo atalho.tmp</t>
  </si>
  <si>
    <t>01/22/2020 10:43:45</t>
  </si>
  <si>
    <t>http:///batch/drive/v2internal?%24ct=multipart%2Fmixed%3B%20boundary%3D%22%3D%3D%3D%3D%3D6xk8kyq0lpcf%3D%3D%3D%3D%3D%22&amp;key=AIzaSyAy9VVXHSpS2IJpptzYtGbLP3-3_l0aBk4</t>
  </si>
  <si>
    <t>01/22/2020 10:45:03</t>
  </si>
  <si>
    <t>01/22/2020 10:43:46</t>
  </si>
  <si>
    <t>http:///batch/drive/v2internal?%24ct=multipart%2Fmixed%3B%20boundary%3D%22%3D%3D%3D%3D%3Dtl0svus62nw7%3D%3D%3D%3D%3D%22&amp;key=AIzaSyAy9VVXHSpS2IJpptzYtGbLP3-3_l0aBk4</t>
  </si>
  <si>
    <t>01/22/2020 10:45:12</t>
  </si>
  <si>
    <t>powershell.lnk</t>
  </si>
  <si>
    <t>\\acsfs\profiles$\gustavodsil\Downloads\powershell.lnk</t>
  </si>
  <si>
    <t>01/22/2020 10:43:47</t>
  </si>
  <si>
    <t>http:///batch/drive/v2internal?%24ct=multipart%2Fmixed%3B%20boundary%3D%22%3D%3D%3D%3D%3D2nromgi21vy4%3D%3D%3D%3D%3D%22&amp;key=AIzaSyAy9VVXHSpS2IJpptzYtGbLP3-3_l0aBk4</t>
  </si>
  <si>
    <t>01/22/2020 10:43:55</t>
  </si>
  <si>
    <t>http:///batch/drive/v2internal?%24ct=multipart%2Fmixed%3B%20boundary%3D%22%3D%3D%3D%3D%3Dxqjwb3z4rv6x%3D%3D%3D%3D%3D%22&amp;key=AIzaSyAy9VVXHSpS2IJpptzYtGbLP3-3_l0aBk4</t>
  </si>
  <si>
    <t>01/22/2020 10:43:56</t>
  </si>
  <si>
    <t>http:///batch/drive/v2internal?%24ct=multipart%2Fmixed%3B%20boundary%3D%22%3D%3D%3D%3D%3D9rs113k18kst%3D%3D%3D%3D%3D%22&amp;key=AIzaSyAy9VVXHSpS2IJpptzYtGbLP3-3_l0aBk4</t>
  </si>
  <si>
    <t>01/22/2020 10:43:57</t>
  </si>
  <si>
    <t>http:///batch/drive/v2internal?%24ct=multipart%2Fmixed%3B%20boundary%3D%22%3D%3D%3D%3D%3D9hcy5zu0f2hi%3D%3D%3D%3D%3D%22&amp;key=AIzaSyAy9VVXHSpS2IJpptzYtGbLP3-3_l0aBk4</t>
  </si>
  <si>
    <t>01/22/2020 10:43:58</t>
  </si>
  <si>
    <t>http:///batch/drive/v2internal?%24ct=multipart%2Fmixed%3B%20boundary%3D%22%3D%3D%3D%3D%3Dyp09hfium5o1%3D%3D%3D%3D%3D%22&amp;key=AIzaSyAy9VVXHSpS2IJpptzYtGbLP3-3_l0aBk4</t>
  </si>
  <si>
    <t>01/22/2020 10:43:59</t>
  </si>
  <si>
    <t>http:///batch/drive/v2internal?%24ct=multipart%2Fmixed%3B%20boundary%3D%22%3D%3D%3D%3D%3Df7wephw6pay6%3D%3D%3D%3D%3D%22&amp;key=AIzaSyAy9VVXHSpS2IJpptzYtGbLP3-3_l0aBk4</t>
  </si>
  <si>
    <t>01/22/2020 10:44:26</t>
  </si>
  <si>
    <t>http:///batch/drive/v2internal?%24ct=multipart%2Fmixed%3B%20boundary%3D%22%3D%3D%3D%3D%3D1wlj45gz01xq%3D%3D%3D%3D%3D%22&amp;key=AIzaSyAy9VVXHSpS2IJpptzYtGbLP3-3_l0aBk4</t>
  </si>
  <si>
    <t>01/22/2020 10:44:27</t>
  </si>
  <si>
    <t>http:///batch/drive/v2internal?%24ct=multipart%2Fmixed%3B%20boundary%3D%22%3D%3D%3D%3D%3D66wny6bamk6i%3D%3D%3D%3D%3D%22&amp;key=AIzaSyAy9VVXHSpS2IJpptzYtGbLP3-3_l0aBk4</t>
  </si>
  <si>
    <t>ancestorhasaugmentedpermissions;c39960b51f8375faac1f388231a4d2de308e1_u x-goog-authuser: 0 --=====66wny6bamk6i=====-- re6�_x0018_6k�y;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http://ancestorhasaugmentedpermissions,c39960b51f8375faac1f388231a4d2de308e1_u x-goog-authuser: 0 --=====66wny6bamk6i=====-- re6�_x0018_6k�y,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http:///batch/drive/v2internal?%24ct=multipart%2Fmixed%3B%20boundary%3D%22%3D%3D%3D%3D%3D4t7vcjwcub9%3D%3D%3D%3D%3D%22&amp;key=AIzaSyAy9VVXHSpS2IJpptzYtGbLP3-3_l0aBk4</t>
  </si>
  <si>
    <t>ancestorhasaugmentedpermissions;c39960b51f8375faac1f388231a4d2de308e1_u x-goog-authuser: 0 --=====4t7vcjwcub9=====-- th&gt; _x001C_�_x0018__x001C_k�};c39960b51f8375faac1f388231a4d2de308e1_u x-goog-authuser: 0 --=====66wny6bamk6i=====-- re6�_x0018_6k�y;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http://ancestorhasaugmentedpermissions,c39960b51f8375faac1f388231a4d2de308e1_u x-goog-authuser: 0 --=====4t7vcjwcub9=====-- th&gt; _x001C_�_x0018__x001C_k�},c39960b51f8375faac1f388231a4d2de308e1_u x-goog-authuser: 0 --=====66wny6bamk6i=====-- re6�_x0018_6k�y,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01/22/2020 10:41:02</t>
  </si>
  <si>
    <t>aefd65a5-0741-438e-a1b2-0e0ba5e46562.tmp</t>
  </si>
  <si>
    <t>\\acsfs\profiles$\jhonatadss\Downloads\aefd65a5-0741-438e-a1b2-0e0ba5e46562.tmp</t>
  </si>
  <si>
    <t>01/22/2020 10:44:24</t>
  </si>
  <si>
    <t>01/22/2020 10:46:38</t>
  </si>
  <si>
    <t>a536498a-19bc-4b86-93f3-38d6427de651.tmp</t>
  </si>
  <si>
    <t>\\acsfs\profiles$\sarahbal\Downloads\a536498a-19bc-4b86-93f3-38d6427de651.tmp</t>
  </si>
  <si>
    <t>01/22/2020 10:41:41</t>
  </si>
  <si>
    <t>8f7a78d8-5464-4740-8fec-e3ac7b2772c2.tmp</t>
  </si>
  <si>
    <t>\\acsfs\profiles$\gabriellalpr\Downloads\8f7a78d8-5464-4740-8fec-e3ac7b2772c2.tmp</t>
  </si>
  <si>
    <t>01/22/2020 10:47:37</t>
  </si>
  <si>
    <t>01/22/2020 10:45:06</t>
  </si>
  <si>
    <t>01/22/2020 10:46:36</t>
  </si>
  <si>
    <t>01/22/2020 10:47:06</t>
  </si>
  <si>
    <t>01/22/2020 10:45:48</t>
  </si>
  <si>
    <t>01/22/2020 10:47:15</t>
  </si>
  <si>
    <t>01/22/2020 10:44:44</t>
  </si>
  <si>
    <t>01/22/2020 10:48:37</t>
  </si>
  <si>
    <t>formulário - aviso de 1ª advertência disciplinar falta em horas quind.doc</t>
  </si>
  <si>
    <t>01/22/2020 10:48:43</t>
  </si>
  <si>
    <t>01/22/2020 10:49:37</t>
  </si>
  <si>
    <t>ef9ac36b-dead-4a07-9902-798b4137dab0.tmp</t>
  </si>
  <si>
    <t>\\acsfs\profiles$\gabrielsma\Downloads\ef9ac36b-dead-4a07-9902-798b4137dab0.tmp</t>
  </si>
  <si>
    <t>01/22/2020 10:48:46</t>
  </si>
  <si>
    <t>01/22/2020 10:45:45</t>
  </si>
  <si>
    <t>.~lock.EVENTOS.odt#</t>
  </si>
  <si>
    <t>\\acsfs\profiles$\CLAUDIAJCA\.~lock.EVENTOS.odt#</t>
  </si>
  <si>
    <t>01/22/2020 10:45:05</t>
  </si>
  <si>
    <t>01/22/2020 10:45:32</t>
  </si>
  <si>
    <t>01/22/2020 10:48:26</t>
  </si>
  <si>
    <t>01/22/2020 10:48:48</t>
  </si>
  <si>
    <t>01/22/2020 10:48:21</t>
  </si>
  <si>
    <t>01/22/2020 10:50:38</t>
  </si>
  <si>
    <t>01/22/2020 10:48:22</t>
  </si>
  <si>
    <t>01/22/2020 10:49:10</t>
  </si>
  <si>
    <t>01/22/2020 10:49:20</t>
  </si>
  <si>
    <t>\\acsfs\profiles$\gustavodsil\Downloads\Disco Local (C).lnk</t>
  </si>
  <si>
    <t>01/22/2020 10:46:30</t>
  </si>
  <si>
    <t>_x0017__)�=��h��w�����_�_x0012_.��_x0007_��r�_x000F_���we紻����a*̓�_x001E__x0018_�য়����v�{5����s֊_x0011_٬��լ�=��[�b��_x0019_�_x0013_;�_x0018_;!�/;"mozilla/5.0 (windows nt 6.1) applewebkit/537.36 (khtml;0;1;13;13700014;13700109;13700167;13700185;13700235;13700451;13700563;13700607;13700883;13700946]]];13700951;13700982;13701078;13701139;13701207;13701214;13701235;13701239;13701262;13701276;13701298;13701418;13701422;13701430;13701450;13701458;13701486;13701506;13701510;13701534;13701537;13701573;13701577;13701589;13701609;13701613;13701613�;13701625;13701653;13701657;13701693;13701709;13701749;13701784;13701825;13701833;13701901;13701905;13701909;13701945;13701949;13701953;13701957;13701969;13702064;13702068;13702084;13702088;1579693709417000;1579693709971000;1579700112794;2;326881640;4;5701393;6.1;85;9000];[1;[[13701921;[[null;[];[]]];[]�����9栫��h�c_x0016_�_x0006_?p��٫�rb_x0012_o�b�#;[false;[null;adfn-cth4num3gi0lz44o3q5qnrgzk0xlfffjmf_pt_jwruzcnud29xgfjm8inpkb3oaz18vovca;andrelpsa@algartech.com;drive.web-frontend_20200108.00_p2;fabianacscg@algartech.com;false;false];false]];fzf8jgodlfu</t>
  </si>
  <si>
    <t>_x0017__)�=��h��w�����_�_x0012_.��_x0007_��r�_x000F_���we紻����a*̓�_x001E__x0018_�য়����v�{5����s֊_x0011_٬��լ�=��[�b��_x0019_�_x0013_;�_x0018_;!�/,"mozilla/5.0 (windows nt 6.1) applewebkit/537.36 (khtml,0,1,13,13700014,13700109,13700167,13700185,13700235,13700451,13700563,13700607,13700883,13700946]]],13700951,13700982,13701078,13701139,13701207,13701214,13701235,13701239,13701262,13701276,13701298,13701418,13701422,13701430,13701450,13701458,13701486,13701506,13701510,13701534,13701537,13701573,13701577,13701589,13701609,13701613,13701613�,13701625,13701653,13701657,13701693,13701709,13701749,13701784,13701825,13701833,13701901,13701905,13701909,13701945,13701949,13701953,13701957,13701969,13702064,13702068,13702084,13702088,1579693709417000,1579693709971000,1579700112794,2,326881640,4,5701393,6.1,85,9000],[1,[[13701921,[[null,[],[]]],[]�����9栫��h�c_x0016_�_x0006_?p��٫�rb_x0012_o�b�#,[false,[null,adfn-cth4num3gi0lz44o3q5qnrgzk0xlfffjmf_pt_jwruzcnud29xgfjm8inpkb3oaz18vovca,andrelpsa@algartech.com,drive.web-frontend_20200108.00_p2,fabianacscg@algartech.com,false,false],false]],fzf8jgodlfu</t>
  </si>
  <si>
    <t>01/22/2020 10:46:35</t>
  </si>
  <si>
    <t>01/22/2020 10:48:10</t>
  </si>
  <si>
    <t>http:///batch/drive/v2internal?%24ct=multipart%2Fmixed%3B%20boundary%3D%22%3D%3D%3D%3D%3Dtugni2pbyv15%3D%3D%3D%3D%3D%22&amp;key=AIzaSyAy9VVXHSpS2IJpptzYtGbLP3-3_l0aBk4</t>
  </si>
  <si>
    <t>http:///batch/drive/v2internal?%24ct=multipart%2Fmixed%3B%20boundary%3D%22%3D%3D%3D%3D%3Dmwm2lce19o2%3D%3D%3D%3D%3D%22&amp;key=AIzaSyAy9VVXHSpS2IJpptzYtGbLP3-3_l0aBk4</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missionid;picture;shared;sharedwithmedate;thumbnailversion;title;userpermission(role);workspaceids;</t>
  </si>
  <si>
    <t>http://ancestorhasaugmentedpermissions,containsunsubscribedchildren,displayname,domain,emailaddress,file(kind,fileid,filesize,hasthumbnail,hasvisitorpermissions,id,id),items(deleted,ken,kind,lastmodifyinguser(kind,lastviewedbymedate,modifiedbymedate,modifieddate,ontainsunsubscribedchildren,owners(kind,permissionid,picture,shared,sharedwithmedate,thumbnailversion,title,userpermission(role),workspaceids</t>
  </si>
  <si>
    <t>01/22/2020 10:48:11</t>
  </si>
  <si>
    <t>http:///batch/drive/v2internal?%24ct=multipart%2Fmixed%3B%20boundary%3D%22%3D%3D%3D%3D%3Djuur7wuip6d8%3D%3D%3D%3D%3D%22&amp;key=AIzaSyAy9VVXHSpS2IJpptzYtGbLP3-3_l0aBk4</t>
  </si>
  <si>
    <t>01/22/2020 10:48:12</t>
  </si>
  <si>
    <t>01/22/2020 10:52:38</t>
  </si>
  <si>
    <t>01/22/2020 10:47:36</t>
  </si>
  <si>
    <t>01/22/2020 10:50:36</t>
  </si>
  <si>
    <t>01/22/2020 10:51:06</t>
  </si>
  <si>
    <t>01/22/2020 10:51:36</t>
  </si>
  <si>
    <t>1bbff850-a4e4-40cb-bbc6-28361fcb54ab.tmp</t>
  </si>
  <si>
    <t>\\acsfs\profiles$\larissaad\Downloads\1bbff850-a4e4-40cb-bbc6-28361fcb54ab.tmp</t>
  </si>
  <si>
    <t>01/22/2020 10:49:04</t>
  </si>
  <si>
    <t>01/22/2020 10:53:38</t>
  </si>
  <si>
    <t>01/22/2020 10:48:35</t>
  </si>
  <si>
    <t>01/22/2020 10:49:24</t>
  </si>
  <si>
    <t>01/22/2020 10:49:40</t>
  </si>
  <si>
    <t>01/22/2020 10:49:44</t>
  </si>
  <si>
    <t>fernandaab@algartech.com;rafaelggs@algartech.com;talmaiardo@algartech.com;thiagordu@algartech.com;</t>
  </si>
  <si>
    <t>fernandaab@algartech.com,rafaelggs@algartech.com,talmaiardo@algartech.com,thiagordu@algartech.com</t>
  </si>
  <si>
    <t>01/22/2020 10:50:26</t>
  </si>
  <si>
    <t>01/22/2020 10:50:29</t>
  </si>
  <si>
    <t>01/22/2020 10:50:37</t>
  </si>
  <si>
    <t>01/22/2020 10:52:37</t>
  </si>
  <si>
    <t>LEONARDO COSTA BARROS_1_6780501884306268715_1_32.wav</t>
  </si>
  <si>
    <t>\\acsfs\Deptos\EDUCACAO EMPRESARIAL\KÉSIA\Ligações 3º ciclo - Janeiro 2020\LEONARDO COSTA BARROS_1_6780501884306268715_1_32.wav</t>
  </si>
  <si>
    <t>01/22/2020 10:54:37</t>
  </si>
  <si>
    <t>01/22/2020 10:51:05</t>
  </si>
  <si>
    <t>01/22/2020 10:51:23</t>
  </si>
  <si>
    <t>01/22/2020 10:53:17</t>
  </si>
  <si>
    <t>01/22/2020 10:55:38</t>
  </si>
  <si>
    <t>01/22/2020 10:52:34</t>
  </si>
  <si>
    <t>01/22/2020 10:53:37</t>
  </si>
  <si>
    <t>01/22/2020 10:53:10</t>
  </si>
  <si>
    <t>01/22/2020 10:53:18</t>
  </si>
  <si>
    <t>01/22/2020 10:57:38</t>
  </si>
  <si>
    <t>01/22/2020 10:52:58</t>
  </si>
  <si>
    <t>797bf432-98d5-4b8a-8ea8-4cc0ed0083c2.tmp</t>
  </si>
  <si>
    <t>\\acsfs\profiles$\anafsb\Downloads\797bf432-98d5-4b8a-8ea8-4cc0ed0083c2.tmp</t>
  </si>
  <si>
    <t>01/22/2020 10:52:59</t>
  </si>
  <si>
    <t>d1f2e6d4-555e-4d87-a305-ba0b7906e782.tmp</t>
  </si>
  <si>
    <t>\\acsfs\profiles$\anafsb\Downloads\d1f2e6d4-555e-4d87-a305-ba0b7906e782.tmp</t>
  </si>
  <si>
    <t>01/22/2020 10:53:36</t>
  </si>
  <si>
    <t>01/22/2020 10:54:26</t>
  </si>
  <si>
    <t>b445bf23-1797-4a30-9c6e-c9207161dec1.tmp</t>
  </si>
  <si>
    <t>\\acsfs\profiles$\gabrielafs\Downloads\b445bf23-1797-4a30-9c6e-c9207161dec1.tmp</t>
  </si>
  <si>
    <t>01/22/2020 10:58:37</t>
  </si>
  <si>
    <t>01/22/2020 10:57:25</t>
  </si>
  <si>
    <t>01/22/2020 10:53:59</t>
  </si>
  <si>
    <t>0b53e99f-3bed-4616-a603-14f1046b72fc.tmp</t>
  </si>
  <si>
    <t>\\acsfs\profiles$\ingridsm\Downloads\0b53e99f-3bed-4616-a603-14f1046b72fc.tmp</t>
  </si>
  <si>
    <t>01/22/2020 10:54:44</t>
  </si>
  <si>
    <t>d4a7c9a1-de3e-4089-a7b5-542db615e173.tmp</t>
  </si>
  <si>
    <t>\\acsfs\profiles$\ingridsm\Downloads\d4a7c9a1-de3e-4089-a7b5-542db615e173.tmp</t>
  </si>
  <si>
    <t>01/22/2020 10:55:47</t>
  </si>
  <si>
    <t>a2ccfb3e-33a0-40b7-b5ea-bf3a9b986c0b.tmp</t>
  </si>
  <si>
    <t>\\acsfs\profiles$\ingridsm\Downloads\a2ccfb3e-33a0-40b7-b5ea-bf3a9b986c0b.tmp</t>
  </si>
  <si>
    <t>01/22/2020 10:57:07</t>
  </si>
  <si>
    <t>88d1888d-6b8b-4916-af34-02147a19f2a7.tmp</t>
  </si>
  <si>
    <t>\\acsfs\profiles$\ingridsm\Downloads\88d1888d-6b8b-4916-af34-02147a19f2a7.tmp</t>
  </si>
  <si>
    <t>01/22/2020 10:57:15</t>
  </si>
  <si>
    <t>01/22/2020 10:54:09</t>
  </si>
  <si>
    <t>01/22/2020 10:59:38</t>
  </si>
  <si>
    <t>AGENT LOGIN LOGOUT DETAILS REPORT 21.01.2020.xlsx</t>
  </si>
  <si>
    <t>\\acsfs\deptos\Operacao\PCP\5 - Comum\PLANEJAMENTO BV\23 - EXTRAÇÕES\Agente Login Logout details report\2020\JANEIRO\AGENT LOGIN LOGOUT DETAILS REPORT 21.01.2020.xlsx</t>
  </si>
  <si>
    <t>01/22/2020 10:57:45</t>
  </si>
  <si>
    <t>Agent utilization 01.01.2020 a 20.01.2020.xlsx</t>
  </si>
  <si>
    <t>\\acsfs\deptos\Operacao\PCP\5 - Comum\PLANEJAMENTO BV\23 - EXTRAÇÕES\Agent utilization\2020\Agent utilization 01.01.2020 a 20.01.2020.xlsx</t>
  </si>
  <si>
    <t>01/22/2020 10:54:41</t>
  </si>
  <si>
    <t>01/22/2020 10:56:15</t>
  </si>
  <si>
    <t>Não confirmado 342428.crdownload</t>
  </si>
  <si>
    <t>\\acsfs\ACS\Gabriel da Silva\Contemporânea\VENDAS\Não confirmado 342428.crdownload</t>
  </si>
  <si>
    <t>b691df72-68b1-457b-9f10-8926546ca9a0.tmp</t>
  </si>
  <si>
    <t>\\acsfs\profiles$\gabrielsma\Downloads\b691df72-68b1-457b-9f10-8926546ca9a0.tmp</t>
  </si>
  <si>
    <t>01/22/2020 10:57:17</t>
  </si>
  <si>
    <t>\\acsfs\ACS\Gabriel da Silva\Contemporânea\Gen\Q29udHJvbGxlci5JRS1Qb3J0YWw-.ica.crdownload</t>
  </si>
  <si>
    <t>01/22/2020 10:58:44</t>
  </si>
  <si>
    <t>icaIcaIcatu.csv.bmpzmcu.partial</t>
  </si>
  <si>
    <t>\\acsfs\ACS\Gabriel da Silva\Contemporânea\VENDAS\icaIcaIcatu.csv.bmpzmcu.partial</t>
  </si>
  <si>
    <t>01/22/2020 10:54:08</t>
  </si>
  <si>
    <t>01/22/2020 10:55:56</t>
  </si>
  <si>
    <t>01/22/2020 10:56:36</t>
  </si>
  <si>
    <t>01/22/2020 10:57:05</t>
  </si>
  <si>
    <t>01/22/2020 11:00:37</t>
  </si>
  <si>
    <t>01/22/2020 10:59:14</t>
  </si>
  <si>
    <t>01/22/2020 10:59:23</t>
  </si>
  <si>
    <t>c$ (127.0.0.1).lnk</t>
  </si>
  <si>
    <t>\\acsfs\profiles$\gustavodsil\Downloads\c$ (127.0.0.1).lnk</t>
  </si>
  <si>
    <t>01/22/2020 10:56:09</t>
  </si>
  <si>
    <t>394d448d-b4d3-46e0-9a56-447bfd77a720.tmp</t>
  </si>
  <si>
    <t>\\acsfs\profiles$\wedersonbadr\My Documents\My Music\394d448d-b4d3-46e0-9a56-447bfd77a720.tmp</t>
  </si>
  <si>
    <t>01/22/2020 10:56:41</t>
  </si>
  <si>
    <t>99554feb-318e-4162-ac1b-55c378475b83.tmp</t>
  </si>
  <si>
    <t>\\acsfs\profiles$\wedersonbadr\My Documents\My Music\99554feb-318e-4162-ac1b-55c378475b83.tmp</t>
  </si>
  <si>
    <t>01/22/2020 11:00:15</t>
  </si>
  <si>
    <t>01/22/2020 10:59:05</t>
  </si>
  <si>
    <t>01/22/2020 11:01:37</t>
  </si>
  <si>
    <t>469f19c9-6fca-481c-ae42-bd4aea897947.tmp</t>
  </si>
  <si>
    <t>\\acsfs\profiles$\cassianogc\Downloads\469f19c9-6fca-481c-ae42-bd4aea897947.tmp</t>
  </si>
  <si>
    <t>01/22/2020 11:00:26</t>
  </si>
  <si>
    <t>e0fee91a-a7db-46b1-886e-414bf2ab6f74.tmp</t>
  </si>
  <si>
    <t>\\acsfs\profiles$\cassianogc\Downloads\e0fee91a-a7db-46b1-886e-414bf2ab6f74.tmp</t>
  </si>
  <si>
    <t>01/22/2020 11:01:02</t>
  </si>
  <si>
    <t>8c65d98c-0435-4047-994b-7bde7d72a432.tmp</t>
  </si>
  <si>
    <t>\\acsfs\profiles$\brendadsl\Downloads\8c65d98c-0435-4047-994b-7bde7d72a432.tmp</t>
  </si>
  <si>
    <t>01/22/2020 11:01:05</t>
  </si>
  <si>
    <t>c6447b9f-8f41-4933-8d0f-b58f2bf6e3f4.tmp</t>
  </si>
  <si>
    <t>\\acsfs\profiles$\brendadsl\Downloads\c6447b9f-8f41-4933-8d0f-b58f2bf6e3f4.tmp</t>
  </si>
  <si>
    <t>01/22/2020 11:01:07</t>
  </si>
  <si>
    <t>998febaf-05fd-4806-b4fd-2eaf6ff024b3.tmp</t>
  </si>
  <si>
    <t>\\acsfs\profiles$\brendadsl\Downloads\998febaf-05fd-4806-b4fd-2eaf6ff024b3.tmp</t>
  </si>
  <si>
    <t>01/22/2020 11:01:08</t>
  </si>
  <si>
    <t>02421e55-87b0-4637-875c-2a1f5bdddb60.tmp</t>
  </si>
  <si>
    <t>\\acsfs\profiles$\brendadsl\Downloads\02421e55-87b0-4637-875c-2a1f5bdddb60.tmp</t>
  </si>
  <si>
    <t>01/22/2020 11:01:09</t>
  </si>
  <si>
    <t>e91e9314-8e63-40f5-9af4-0c622761d8a8.tmp</t>
  </si>
  <si>
    <t>\\acsfs\profiles$\brendadsl\Downloads\e91e9314-8e63-40f5-9af4-0c622761d8a8.tmp</t>
  </si>
  <si>
    <t>01/22/2020 11:02:38</t>
  </si>
  <si>
    <t>01/22/2020 10:57:56</t>
  </si>
  <si>
    <t>d05166c9-803a-4608-9305-297c61442e8a.tmp</t>
  </si>
  <si>
    <t>\\acsfs\profiles$\antoniosva\Downloads\d05166c9-803a-4608-9305-297c61442e8a.tmp</t>
  </si>
  <si>
    <t>01/22/2020 10:58:26</t>
  </si>
  <si>
    <t>cca834f0-dcb6-47b6-a38b-585c484dff1e.tmp</t>
  </si>
  <si>
    <t>\\acsfs\profiles$\antoniosva\Downloads\cca834f0-dcb6-47b6-a38b-585c484dff1e.tmp</t>
  </si>
  <si>
    <t>01/22/2020 10:59:24</t>
  </si>
  <si>
    <t>8ebf5342-4689-4c36-a64c-1ecb6a31aef5.tmp</t>
  </si>
  <si>
    <t>\\acsfs\profiles$\antoniosva\Downloads\8ebf5342-4689-4c36-a64c-1ecb6a31aef5.tmp</t>
  </si>
  <si>
    <t>01/22/2020 11:00:13</t>
  </si>
  <si>
    <t>cad51d77-0312-4be4-84cb-1ccb5ae9ee61.tmp</t>
  </si>
  <si>
    <t>\\acsfs\profiles$\antoniosva\Downloads\cad51d77-0312-4be4-84cb-1ccb5ae9ee61.tmp</t>
  </si>
  <si>
    <t>01/22/2020 10:59:28</t>
  </si>
  <si>
    <t>1fac24dc-2613-4d5f-a638-9baa42a72f23.tmp</t>
  </si>
  <si>
    <t>\\acsfs\profiles$\anafsb\Downloads\1fac24dc-2613-4d5f-a638-9baa42a72f23.tmp</t>
  </si>
  <si>
    <t>01/22/2020 10:57:36</t>
  </si>
  <si>
    <t>01/22/2020 10:58:21</t>
  </si>
  <si>
    <t>73dbcc00-315b-4ffe-b61e-835179219cbe.tmp</t>
  </si>
  <si>
    <t>\\acsfs\profiles$\larissaad\Downloads\73dbcc00-315b-4ffe-b61e-835179219cbe.tmp</t>
  </si>
  <si>
    <t>01/22/2020 11:03:37</t>
  </si>
  <si>
    <t>01/22/2020 10:58:41</t>
  </si>
  <si>
    <t>2256af7a-fe5f-4f5a-98e8-38464d5a6871.tmp</t>
  </si>
  <si>
    <t>\\acsfs\profiles$\ingridsm\Downloads\2256af7a-fe5f-4f5a-98e8-38464d5a6871.tmp</t>
  </si>
  <si>
    <t>01/22/2020 11:04:38</t>
  </si>
  <si>
    <t>01/22/2020 11:01:35</t>
  </si>
  <si>
    <t>01/22/2020 11:01:45</t>
  </si>
  <si>
    <t>01/22/2020 11:02:17</t>
  </si>
  <si>
    <t>01/22/2020 11:03:05</t>
  </si>
  <si>
    <t>01/22/2020 11:04:14</t>
  </si>
  <si>
    <t>Bruna Lara Araujo Santos_1_6780741406042428170_1_32.wav</t>
  </si>
  <si>
    <t>\\acsfs\Deptos\EDUCACAO EMPRESARIAL\FERNANDA MONIT\Fernanda\MONITORIA JANEIRO\Ligaçoes para MUTANT terceiro ciclo janeiro\Bruna Lara Araujo Santos_1_6780741406042428170_1_32.wav</t>
  </si>
  <si>
    <t>01/22/2020 11:05:37</t>
  </si>
  <si>
    <t>01/22/2020 11:00:56</t>
  </si>
  <si>
    <t>01/22/2020 11:00:57</t>
  </si>
  <si>
    <t>01/22/2020 11:02:16</t>
  </si>
  <si>
    <t>http:///batch/drive/v2internal?%24ct=multipart%2Fmixed%3B%20boundary%3D%22%3D%3D%3D%3D%3D5w1k8d1pb60n%3D%3D%3D%3D%3D%22&amp;key=AIzaSyAy9VVXHSpS2IJpptzYtGbLP3-3_l0aBk4</t>
  </si>
  <si>
    <t>http:///batch/drive/v2internal?%24ct=multipart%2Fmixed%3B%20boundary%3D%22%3D%3D%3D%3D%3Dbtlwrbp9vnam%3D%3D%3D%3D%3D%22&amp;key=AIzaSyAy9VVXHSpS2IJpptzYtGbLP3-3_l0aBk4</t>
  </si>
  <si>
    <t>01/22/2020 11:02:18</t>
  </si>
  <si>
    <t>http:///batch/drive/v2internal?%24ct=multipart%2Fmixed%3B%20boundary%3D%22%3D%3D%3D%3D%3Dyev4vzawj1au%3D%3D%3D%3D%3D%22&amp;key=AIzaSyAy9VVXHSpS2IJpptzYtGbLP3-3_l0aBk4</t>
  </si>
  <si>
    <t>01/22/2020 11:03:54</t>
  </si>
  <si>
    <t>ancestorhasaugmentedpermissions;camillarl@algartech.com;containsunsubscribedchildren;displayname;domain;emailaddress;file(kind;fileid;filesize;gustavodsil@algartech.com;hasthumbnail;hasvisitorpermissions;id;id);items(deleted;ken;kind;lastmodifyinguser(kind;lastviewedbymedate;marianacgs@algartech.com;modifiedbymedate;modifieddate;ontainsunsubscribedchildren;owners(kind;per;permissionid;picture;robsonams@algartech.com;shared;sharedwithmedate;thiagordu@algartech.com;thumbnailversion;title;userpermission(role);workspaceids;</t>
  </si>
  <si>
    <t>ancestorhasaugmentedpermissions,camillarl@algartech.com,containsunsubscribedchildren,displayname,domain,emailaddress,file(kind,fileid,filesize,gustavodsil@algartech.com,hasthumbnail,hasvisitorpermissions,id,id),items(deleted,ken,kind,lastmodifyinguser(kind,lastviewedbymedate,marianacgs@algartech.com,modifiedbymedate,modifieddate,ontainsunsubscribedchildren,owners(kind,per,permissionid,picture,robsonams@algartech.com,shared,sharedwithmedate,thiagordu@algartech.com,thumbnailversion,title,userpermission(role),workspaceids</t>
  </si>
  <si>
    <t>01/22/2020 11:03:55</t>
  </si>
  <si>
    <t>01/22/2020 11:06:38</t>
  </si>
  <si>
    <t>01/22/2020 11:03:02</t>
  </si>
  <si>
    <t>e5bc89bc-f451-44c1-abc4-b06118b115b7.tmp</t>
  </si>
  <si>
    <t>\\acsfs\profiles$\brendadsl\Downloads\e5bc89bc-f451-44c1-abc4-b06118b115b7.tmp</t>
  </si>
  <si>
    <t>01/22/2020 11:03:13</t>
  </si>
  <si>
    <t>7b271f53-9938-4dca-8b3a-45c32e6fe884.tmp</t>
  </si>
  <si>
    <t>\\acsfs\profiles$\brendadsl\Downloads\7b271f53-9938-4dca-8b3a-45c32e6fe884.tmp</t>
  </si>
  <si>
    <t>01/22/2020 11:07:37</t>
  </si>
  <si>
    <t>01/22/2020 11:03:27</t>
  </si>
  <si>
    <t>01/22/2020 11:08:37</t>
  </si>
  <si>
    <t>6b3e21e5-420a-4587-a0b9-234c71429141.tmp</t>
  </si>
  <si>
    <t>\\acsfs\profiles$\lucasqdss\Downloads\6b3e21e5-420a-4587-a0b9-234c71429141.tmp</t>
  </si>
  <si>
    <t>01/22/2020 11:06:47</t>
  </si>
  <si>
    <t>ba760bcd-6797-425b-8a42-71fdbd01e138.tmp</t>
  </si>
  <si>
    <t>\\acsfs\profiles$\lucasqdss\Downloads\ba760bcd-6797-425b-8a42-71fdbd01e138.tmp</t>
  </si>
  <si>
    <t>01/22/2020 11:07:06</t>
  </si>
  <si>
    <t>62a38947-1b59-4792-bc67-899951058daa.tmp</t>
  </si>
  <si>
    <t>\\acsfs\profiles$\lucasqdss\Downloads\62a38947-1b59-4792-bc67-899951058daa.tmp</t>
  </si>
  <si>
    <t>01/22/2020 11:04:52</t>
  </si>
  <si>
    <t>MARLYANNE GONCALVES DE LIMA SILVA_1_6781264421389941356_1_32.wav</t>
  </si>
  <si>
    <t>\\acsfs\Deptos\EDUCACAO EMPRESARIAL\KÉSIA\Ligações 3º ciclo - Janeiro 2020\MARLYANNE GONCALVES DE LIMA SILVA_1_6781264421389941356_1_32.wav</t>
  </si>
  <si>
    <t>01/22/2020 11:04:10</t>
  </si>
  <si>
    <t>01/22/2020 11:09:38</t>
  </si>
  <si>
    <t>Queue Summary Report 01.01.20 a 20.01.2020.xlsx</t>
  </si>
  <si>
    <t>\\acsfs\deptos\Operacao\PCP\5 - Comum\PLANEJAMENTO BV\23 - EXTRAÇÕES\Queue Summary Report\2020\Queue Summary Report 01.01.20 a 20.01.2020.xlsx</t>
  </si>
  <si>
    <t>01/22/2020 11:04:33</t>
  </si>
  <si>
    <t>01/22/2020 11:08:30</t>
  </si>
  <si>
    <t>\\acsfs\ACS\Gabriel da Silva\Contemporânea\VENDAS\5B28E162.tmp\</t>
  </si>
  <si>
    <t>\\acsfs\ACS\Gabriel da Silva\Contemporânea\VENDAS\5B28E162.tmp\:Zone.Identifier:$DATA</t>
  </si>
  <si>
    <t>Ofertas.xlsx</t>
  </si>
  <si>
    <t>\\acsfs\ACS\Gabriel da Silva\Contemporânea\VENDAS\Ofertas.xlsx</t>
  </si>
  <si>
    <t>01/22/2020 11:04:24</t>
  </si>
  <si>
    <t>01/22/2020 11:07:19</t>
  </si>
  <si>
    <t>01/22/2020 11:07:38</t>
  </si>
  <si>
    <t>01/22/2020 11:07:44</t>
  </si>
  <si>
    <t>01/22/2020 11:07:47</t>
  </si>
  <si>
    <t>01/22/2020 11:07:52</t>
  </si>
  <si>
    <t>01/22/2020 11:07:59</t>
  </si>
  <si>
    <t>01/22/2020 11:08:01</t>
  </si>
  <si>
    <t>01/22/2020 11:08:12</t>
  </si>
  <si>
    <t>01/22/2020 11:08:29</t>
  </si>
  <si>
    <t>01/22/2020 11:08:55</t>
  </si>
  <si>
    <t>01/22/2020 11:09:06</t>
  </si>
  <si>
    <t>01/22/2020 11:09:12</t>
  </si>
  <si>
    <t>01/22/2020 11:09:18</t>
  </si>
  <si>
    <t>01/22/2020 11:06:41</t>
  </si>
  <si>
    <t>01/22/2020 11:10:37</t>
  </si>
  <si>
    <t>01/22/2020 11:06:43</t>
  </si>
  <si>
    <t>01/22/2020 11:07:49</t>
  </si>
  <si>
    <t>01/22/2020 11:07:50</t>
  </si>
  <si>
    <t>01/22/2020 11:05:53</t>
  </si>
  <si>
    <t>01/22/2020 11:11:38</t>
  </si>
  <si>
    <t>351618a5-5666-4bf5-a009-6934564f97be.tmp</t>
  </si>
  <si>
    <t>\\acsfs\profiles$\cassianogc\Downloads\351618a5-5666-4bf5-a009-6934564f97be.tmp</t>
  </si>
  <si>
    <t>01/22/2020 11:08:31</t>
  </si>
  <si>
    <t>bc3df324-975d-492e-b779-78495ee87457.tmp</t>
  </si>
  <si>
    <t>\\acsfs\profiles$\cassianogc\Downloads\bc3df324-975d-492e-b779-78495ee87457.tmp</t>
  </si>
  <si>
    <t>01/22/2020 11:12:37</t>
  </si>
  <si>
    <t>01/22/2020 11:07:07</t>
  </si>
  <si>
    <t>01/22/2020 11:11:07</t>
  </si>
  <si>
    <t>01/22/2020 11:08:11</t>
  </si>
  <si>
    <t>01/22/2020 11:13:38</t>
  </si>
  <si>
    <t>34047d05-fc8f-46e5-868c-511a02e7fc26.tmp</t>
  </si>
  <si>
    <t>\\acsfs\profiles$\lucasqdss\Downloads\34047d05-fc8f-46e5-868c-511a02e7fc26.tmp</t>
  </si>
  <si>
    <t>01/22/2020 11:08:20</t>
  </si>
  <si>
    <t>876d040f-b37c-496e-8795-90850c94f20d.tmp</t>
  </si>
  <si>
    <t>\\acsfs\profiles$\lucasqdss\Downloads\876d040f-b37c-496e-8795-90850c94f20d.tmp</t>
  </si>
  <si>
    <t>01/22/2020 11:10:58</t>
  </si>
  <si>
    <t>01/22/2020 11:14:37</t>
  </si>
  <si>
    <t>\\acsfs\ACS\Gabriel da Silva\Contemporânea\VENDAS\1DCC4C1.tmp\</t>
  </si>
  <si>
    <t>\\acsfs\ACS\Gabriel da Silva\Contemporânea\VENDAS\1DCC4C1.tmp\:Zone.Identifier:$DATA</t>
  </si>
  <si>
    <t>01/22/2020 11:10:59</t>
  </si>
  <si>
    <t>01/22/2020 11:09:23</t>
  </si>
  <si>
    <t>01/22/2020 11:09:28</t>
  </si>
  <si>
    <t>01/22/2020 11:09:33</t>
  </si>
  <si>
    <t>01/22/2020 11:09:44</t>
  </si>
  <si>
    <t>01/22/2020 11:09:49</t>
  </si>
  <si>
    <t>01/22/2020 11:09:54</t>
  </si>
  <si>
    <t>01/22/2020 11:09:59</t>
  </si>
  <si>
    <t>01/22/2020 11:10:05</t>
  </si>
  <si>
    <t>01/22/2020 11:10:10</t>
  </si>
  <si>
    <t>01/22/2020 11:10:16</t>
  </si>
  <si>
    <t>01/22/2020 11:10:20</t>
  </si>
  <si>
    <t>01/22/2020 11:10:23</t>
  </si>
  <si>
    <t>01/22/2020 11:10:26</t>
  </si>
  <si>
    <t>01/22/2020 11:10:31</t>
  </si>
  <si>
    <t>mail.google.com/sync/u/0/i/s?hl=pt-BR&amp;c=891</t>
  </si>
  <si>
    <t>01/22/2020 11:10:36</t>
  </si>
  <si>
    <t>01/22/2020 11:10:41</t>
  </si>
  <si>
    <t>01/22/2020 11:10:49</t>
  </si>
  <si>
    <t>01/22/2020 11:10:54</t>
  </si>
  <si>
    <t>01/22/2020 11:11:08</t>
  </si>
  <si>
    <t>01/22/2020 11:13:48</t>
  </si>
  <si>
    <t>01/22/2020 11:15:37</t>
  </si>
  <si>
    <t>01/22/2020 11:13:49</t>
  </si>
  <si>
    <t>01/22/2020 11:17:37</t>
  </si>
  <si>
    <t>01/22/2020 11:13:08</t>
  </si>
  <si>
    <t>01/22/2020 11:15:08</t>
  </si>
  <si>
    <t>01/22/2020 11:18:38</t>
  </si>
  <si>
    <t>01/22/2020 11:15:21</t>
  </si>
  <si>
    <t>6b27b331-965f-46fd-bbb0-bb1728478e41.tmp</t>
  </si>
  <si>
    <t>\\acsfs\profiles$\kellzylenneasr\Downloads\6b27b331-965f-46fd-bbb0-bb1728478e41.tmp</t>
  </si>
  <si>
    <t>01/22/2020 11:14:48</t>
  </si>
  <si>
    <t>01/22/2020 11:17:59</t>
  </si>
  <si>
    <t>01/22/2020 11:17:47</t>
  </si>
  <si>
    <t>44aef33a-8c63-4173-b9b2-11b32ab1b1d0.tmp</t>
  </si>
  <si>
    <t>\\acsfs\profiles$\ingridsm\Downloads\44aef33a-8c63-4173-b9b2-11b32ab1b1d0.tmp</t>
  </si>
  <si>
    <t>01/22/2020 11:15:05</t>
  </si>
  <si>
    <t>01/22/2020 11:19:37</t>
  </si>
  <si>
    <t>01/22/2020 11:16:39</t>
  </si>
  <si>
    <t>01/22/2020 11:17:54</t>
  </si>
  <si>
    <t>01/22/2020 11:20:37</t>
  </si>
  <si>
    <t>01/22/2020 11:17:07</t>
  </si>
  <si>
    <t>01/22/2020 11:17:08</t>
  </si>
  <si>
    <t>01/22/2020 11:15:27</t>
  </si>
  <si>
    <t>01/22/2020 11:15:28</t>
  </si>
  <si>
    <t>01/22/2020 11:15:29</t>
  </si>
  <si>
    <t>01/22/2020 11:19:18</t>
  </si>
  <si>
    <t>\\acsfs\profiles$\gustavodsil\My Documents\</t>
  </si>
  <si>
    <t>Atualiza WFM - Cópia.lnk</t>
  </si>
  <si>
    <t>\\acsfs\profiles$\gustavodsil\My Documents\Atualiza WFM - Cópia.lnk</t>
  </si>
  <si>
    <t>01/22/2020 11:20:35</t>
  </si>
  <si>
    <t>01/22/2020 11:21:37</t>
  </si>
  <si>
    <t>081c8253-145a-480a-bf03-d5c646d2ce82.tmp</t>
  </si>
  <si>
    <t>\\acsfs\profiles$\joselrb\Downloads\081c8253-145a-480a-bf03-d5c646d2ce82.tmp</t>
  </si>
  <si>
    <t>01/22/2020 11:20:43</t>
  </si>
  <si>
    <t>6582b270-d2fc-4258-8329-a925997c4785.tmp</t>
  </si>
  <si>
    <t>\\acsfs\profiles$\joselrb\Downloads\6582b270-d2fc-4258-8329-a925997c4785.tmp</t>
  </si>
  <si>
    <t>01/22/2020 11:21:14</t>
  </si>
  <si>
    <t>696ae18e-7834-4ae4-b450-b60fe71d0e6d.tmp</t>
  </si>
  <si>
    <t>\\acsfs\profiles$\joselrb\Downloads\696ae18e-7834-4ae4-b450-b60fe71d0e6d.tmp</t>
  </si>
  <si>
    <t>01/22/2020 11:22:37</t>
  </si>
  <si>
    <t>01/22/2020 11:20:49</t>
  </si>
  <si>
    <t>3ce66a22-5598-4e5b-9eb7-25c00fab376a.tmp</t>
  </si>
  <si>
    <t>\\acsfs\profiles$\lorrainerdl\Downloads\3ce66a22-5598-4e5b-9eb7-25c00fab376a.tmp</t>
  </si>
  <si>
    <t>01/22/2020 11:18:08</t>
  </si>
  <si>
    <t>01/22/2020 11:19:08</t>
  </si>
  <si>
    <t>01/22/2020 11:19:38</t>
  </si>
  <si>
    <t>01/22/2020 11:20:08</t>
  </si>
  <si>
    <t>01/22/2020 11:20:38</t>
  </si>
  <si>
    <t>01/22/2020 11:21:47</t>
  </si>
  <si>
    <t>86af9dbf-f48a-47d3-bb41-1bcadd343f92.tmp</t>
  </si>
  <si>
    <t>\\acsfs\profiles$\danielac\Downloads\86af9dbf-f48a-47d3-bb41-1bcadd343f92.tmp</t>
  </si>
  <si>
    <t>01/22/2020 11:22:43</t>
  </si>
  <si>
    <t>01/22/2020 11:23:38</t>
  </si>
  <si>
    <t>cc1dac5a-1f4e-4cf4-a0e0-12534c53af60.tmp</t>
  </si>
  <si>
    <t>\\acsfs\profiles$\rafaelacdoc\Downloads\cc1dac5a-1f4e-4cf4-a0e0-12534c53af60.tmp</t>
  </si>
  <si>
    <t>01/22/2020 11:20:25</t>
  </si>
  <si>
    <t>01/22/2020 11:24:37</t>
  </si>
  <si>
    <t>5c8ddc67-12d5-432e-a78a-7da1e73819ff.tmp</t>
  </si>
  <si>
    <t>\\acsfs\profiles$\gabrielsma\Downloads\5c8ddc67-12d5-432e-a78a-7da1e73819ff.tmp</t>
  </si>
  <si>
    <t>01/22/2020 11:20:30</t>
  </si>
  <si>
    <t>Não confirmado 980640.crdownload</t>
  </si>
  <si>
    <t>\\acsfs\ACS\Gabriel da Silva\Contemporânea\Gen\Não confirmado 980640.crdownload</t>
  </si>
  <si>
    <t>01/22/2020 11:22:51</t>
  </si>
  <si>
    <t>01/22/2020 11:21:05</t>
  </si>
  <si>
    <t>01/22/2020 11:24:12</t>
  </si>
  <si>
    <t>01/22/2020 11:25:37</t>
  </si>
  <si>
    <t>01/22/2020 11:20:16</t>
  </si>
  <si>
    <t>01/22/2020 11:20:31</t>
  </si>
  <si>
    <t>01/22/2020 11:20:47</t>
  </si>
  <si>
    <t>01/22/2020 11:26:37</t>
  </si>
  <si>
    <t>01/22/2020 11:22:57</t>
  </si>
  <si>
    <t>63d79309-9969-4459-b528-ee30bcc78e82.tmp</t>
  </si>
  <si>
    <t>\\acsfs\profiles$\joselrb\Downloads\63d79309-9969-4459-b528-ee30bcc78e82.tmp</t>
  </si>
  <si>
    <t>01/22/2020 11:23:30</t>
  </si>
  <si>
    <t>6123b3ba-6428-45a5-b6d6-47027f0224f4.tmp</t>
  </si>
  <si>
    <t>\\acsfs\profiles$\joselrb\Downloads\6123b3ba-6428-45a5-b6d6-47027f0224f4.tmp</t>
  </si>
  <si>
    <t>01/22/2020 11:27:37</t>
  </si>
  <si>
    <t>01/22/2020 11:25:52</t>
  </si>
  <si>
    <t>7d19c943-f706-4206-9a35-17a36cd8bae1.tmp</t>
  </si>
  <si>
    <t>\\acsfs\profiles$\lorrainerdl\Downloads\7d19c943-f706-4206-9a35-17a36cd8bae1.tmp</t>
  </si>
  <si>
    <t>01/22/2020 11:24:09</t>
  </si>
  <si>
    <t>01/22/2020 11:25:09</t>
  </si>
  <si>
    <t>01/22/2020 11:25:39</t>
  </si>
  <si>
    <t>01/22/2020 11:26:39</t>
  </si>
  <si>
    <t>01/22/2020 11:24:29</t>
  </si>
  <si>
    <t>01/22/2020 11:28:37</t>
  </si>
  <si>
    <t>e8358ca3-c6af-4317-8c68-7c4ecb9a5114.tmp</t>
  </si>
  <si>
    <t>\\acsfs\profiles$\nathaliarmr\Downloads\e8358ca3-c6af-4317-8c68-7c4ecb9a5114.tmp</t>
  </si>
  <si>
    <t>01/22/2020 11:25:10</t>
  </si>
  <si>
    <t>5fa8b306-a39f-45e7-a0ed-85145344fccf.tmp</t>
  </si>
  <si>
    <t>\\acsfs\profiles$\nathaliarmr\Downloads\5fa8b306-a39f-45e7-a0ed-85145344fccf.tmp</t>
  </si>
  <si>
    <t>01/22/2020 11:29:37</t>
  </si>
  <si>
    <t>01/22/2020 11:27:21</t>
  </si>
  <si>
    <t>Erros operacionais - Dezembro.R2.xlsx</t>
  </si>
  <si>
    <t>\\acsfs\ACS\Gabriel da Silva\Contemporânea\Gen\Erros operacionais - Dezembro.R2.xlsx</t>
  </si>
  <si>
    <t>01/22/2020 11:28:35</t>
  </si>
  <si>
    <t>ef137bc5-107c-48e8-bc11-acab138f8135;</t>
  </si>
  <si>
    <t>outlook.office.com/owa/service.svc?action=CreateItem&amp;app=Mail&amp;n=164</t>
  </si>
  <si>
    <t>01/22/2020 11:28:43</t>
  </si>
  <si>
    <t>outlook.office.com/owa/service.svc?action=UpdateItem&amp;app=Mail&amp;n=199</t>
  </si>
  <si>
    <t>01/22/2020 11:25:43</t>
  </si>
  <si>
    <t>01/22/2020 11:26:15</t>
  </si>
  <si>
    <t>01/22/2020 11:26:28</t>
  </si>
  <si>
    <t>01/22/2020 11:26:30</t>
  </si>
  <si>
    <t>01/22/2020 11:26:40</t>
  </si>
  <si>
    <t>01/22/2020 11:26:44</t>
  </si>
  <si>
    <t>01/22/2020 11:26:58</t>
  </si>
  <si>
    <t>01/22/2020 11:27:05</t>
  </si>
  <si>
    <t>01/22/2020 11:27:07</t>
  </si>
  <si>
    <t>01/22/2020 11:27:13</t>
  </si>
  <si>
    <t>01/22/2020 11:27:16</t>
  </si>
  <si>
    <t>01/22/2020 11:27:49</t>
  </si>
  <si>
    <t>01/22/2020 11:27:51</t>
  </si>
  <si>
    <t>01/22/2020 11:27:55</t>
  </si>
  <si>
    <t>01/22/2020 11:28:08</t>
  </si>
  <si>
    <t>01/22/2020 11:28:16</t>
  </si>
  <si>
    <t>01/22/2020 11:28:29</t>
  </si>
  <si>
    <t>01/22/2020 11:28:50</t>
  </si>
  <si>
    <t>01/22/2020 11:29:01</t>
  </si>
  <si>
    <t>01/22/2020 11:29:17</t>
  </si>
  <si>
    <t>01/22/2020 11:28:27</t>
  </si>
  <si>
    <t>01/22/2020 11:30:37</t>
  </si>
  <si>
    <t>def214d9-f860-4df9-8c86-d92f75ac74d9.tmp</t>
  </si>
  <si>
    <t>\\acsfs\profiles$\THYAGOSP\Downloads\def214d9-f860-4df9-8c86-d92f75ac74d9.tmp</t>
  </si>
  <si>
    <t>01/22/2020 11:26:48</t>
  </si>
  <si>
    <t>01/22/2020 11:27:40</t>
  </si>
  <si>
    <t>01/22/2020 11:31:37</t>
  </si>
  <si>
    <t>97a6b402-1e75-405e-92b3-84fad9169f64.tmp</t>
  </si>
  <si>
    <t>\\acsfs\profiles$\cassianogc\Downloads\97a6b402-1e75-405e-92b3-84fad9169f64.tmp</t>
  </si>
  <si>
    <t>01/22/2020 11:28:58</t>
  </si>
  <si>
    <t>9f7469b2-32b7-4508-8112-eb75a678b19d.tmp</t>
  </si>
  <si>
    <t>\\acsfs\profiles$\cassianogc\Downloads\9f7469b2-32b7-4508-8112-eb75a678b19d.tmp</t>
  </si>
  <si>
    <t>01/22/2020 11:29:24</t>
  </si>
  <si>
    <t>01/22/2020 11:29:57</t>
  </si>
  <si>
    <t>01/22/2020 11:32:37</t>
  </si>
  <si>
    <t>01/22/2020 11:27:09</t>
  </si>
  <si>
    <t>01/22/2020 11:29:26</t>
  </si>
  <si>
    <t>abff3bfb-1925-45e9-9995-c24659b6a7bc.tmp</t>
  </si>
  <si>
    <t>\\acsfs\profiles$\lorraynevam\Downloads\abff3bfb-1925-45e9-9995-c24659b6a7bc.tmp</t>
  </si>
  <si>
    <t>01/22/2020 11:29:36</t>
  </si>
  <si>
    <t>5659aa7b-5252-4a8b-8774-dd23f044554b.tmp</t>
  </si>
  <si>
    <t>\\acsfs\profiles$\lorraynevam\Downloads\5659aa7b-5252-4a8b-8774-dd23f044554b.tmp</t>
  </si>
  <si>
    <t>01/22/2020 11:33:37</t>
  </si>
  <si>
    <t>01/22/2020 11:34:37</t>
  </si>
  <si>
    <t>01/22/2020 11:29:32</t>
  </si>
  <si>
    <t>01/22/2020 11:29:45</t>
  </si>
  <si>
    <t>01/22/2020 11:30:05</t>
  </si>
  <si>
    <t>01/22/2020 11:30:15</t>
  </si>
  <si>
    <t>01/22/2020 11:32:01</t>
  </si>
  <si>
    <t>01/22/2020 11:33:07</t>
  </si>
  <si>
    <t>01/22/2020 11:30:41</t>
  </si>
  <si>
    <t>01/22/2020 11:35:37</t>
  </si>
  <si>
    <t>01/22/2020 11:30:42</t>
  </si>
  <si>
    <t>01/22/2020 11:31:43</t>
  </si>
  <si>
    <t>01/22/2020 11:31:45</t>
  </si>
  <si>
    <t>01/22/2020 11:32:50</t>
  </si>
  <si>
    <t>01/22/2020 11:32:51</t>
  </si>
  <si>
    <t>01/22/2020 11:32:52</t>
  </si>
  <si>
    <t>01/22/2020 11:32:53</t>
  </si>
  <si>
    <t>01/22/2020 11:32:38</t>
  </si>
  <si>
    <t>01/22/2020 11:36:37</t>
  </si>
  <si>
    <t>01/22/2020 11:34:32</t>
  </si>
  <si>
    <t>4670f313-3ad0-42f1-93c4-c9edc2aa6805.tmp</t>
  </si>
  <si>
    <t>\\acsfs\profiles$\cassianogc\Downloads\4670f313-3ad0-42f1-93c4-c9edc2aa6805.tmp</t>
  </si>
  <si>
    <t>01/22/2020 11:37:37</t>
  </si>
  <si>
    <t>01/22/2020 11:34:40</t>
  </si>
  <si>
    <t>01/22/2020 11:39:37</t>
  </si>
  <si>
    <t>01/22/2020 11:39:07</t>
  </si>
  <si>
    <t>01/22/2020 11:37:21</t>
  </si>
  <si>
    <t>01/22/2020 11:40:37</t>
  </si>
  <si>
    <t>65c0712c-a93b-4053-90a3-35c2c27ce3cb.tmp</t>
  </si>
  <si>
    <t>\\acsfs\profiles$\vivianalds\Downloads\65c0712c-a93b-4053-90a3-35c2c27ce3cb.tmp</t>
  </si>
  <si>
    <t>01/22/2020 11:37:25</t>
  </si>
  <si>
    <t>98567f0e-9e08-4bfb-bd83-017faa18ccd1.tmp</t>
  </si>
  <si>
    <t>\\acsfs\profiles$\vivianalds\Downloads\98567f0e-9e08-4bfb-bd83-017faa18ccd1.tmp</t>
  </si>
  <si>
    <t>01/22/2020 11:38:13</t>
  </si>
  <si>
    <t>ee2ea51a-189c-4126-93de-a156567abc44.tmp</t>
  </si>
  <si>
    <t>\\acsfs\profiles$\THYAGOSP\Downloads\ee2ea51a-189c-4126-93de-a156567abc44.tmp</t>
  </si>
  <si>
    <t>01/22/2020 11:40:17</t>
  </si>
  <si>
    <t>01/22/2020 11:41:37</t>
  </si>
  <si>
    <t>75af4404-d841-452d-ad7f-f19ff08fcac9.tmp</t>
  </si>
  <si>
    <t>\\acsfs\profiles$\cassianogc\Downloads\75af4404-d841-452d-ad7f-f19ff08fcac9.tmp</t>
  </si>
  <si>
    <t>01/22/2020 11:40:46</t>
  </si>
  <si>
    <t>09bccdda-f963-490f-96db-152f4ca884a4.tmp</t>
  </si>
  <si>
    <t>\\acsfs\profiles$\francislayneads\Downloads\09bccdda-f963-490f-96db-152f4ca884a4.tmp</t>
  </si>
  <si>
    <t>01/22/2020 11:37:50</t>
  </si>
  <si>
    <t>01/22/2020 11:42:37</t>
  </si>
  <si>
    <t>01/22/2020 11:38:10</t>
  </si>
  <si>
    <t>01/22/2020 11:38:48</t>
  </si>
  <si>
    <t>01/22/2020 11:38:56</t>
  </si>
  <si>
    <t>01/22/2020 11:39:15</t>
  </si>
  <si>
    <t>01/22/2020 11:39:24</t>
  </si>
  <si>
    <t>01/22/2020 11:39:36</t>
  </si>
  <si>
    <t>01/22/2020 11:39:57</t>
  </si>
  <si>
    <t>01/22/2020 11:40:00</t>
  </si>
  <si>
    <t>01/22/2020 11:40:18</t>
  </si>
  <si>
    <t>01/22/2020 11:40:31</t>
  </si>
  <si>
    <t>01/22/2020 11:40:55</t>
  </si>
  <si>
    <t>01/22/2020 11:41:20</t>
  </si>
  <si>
    <t>01/22/2020 11:41:21</t>
  </si>
  <si>
    <t>01/22/2020 11:41:35</t>
  </si>
  <si>
    <t>01/22/2020 11:43:37</t>
  </si>
  <si>
    <t>06583cf3-66ac-4fbe-a694-8c6242a190ca.tmp</t>
  </si>
  <si>
    <t>\\acsfs\profiles$\laianear\Downloads\06583cf3-66ac-4fbe-a694-8c6242a190ca.tmp</t>
  </si>
  <si>
    <t>dda8667f-b51a-464e-aeee-820f1c6b14ef.tmp</t>
  </si>
  <si>
    <t>\\acsfs\profiles$\laianear\Downloads\dda8667f-b51a-464e-aeee-820f1c6b14ef.tmp</t>
  </si>
  <si>
    <t>01/22/2020 11:42:29</t>
  </si>
  <si>
    <t>6887daee-45de-4385-93cf-4e0def73eebe.tmp</t>
  </si>
  <si>
    <t>\\acsfs\profiles$\laianear\Downloads\6887daee-45de-4385-93cf-4e0def73eebe.tmp</t>
  </si>
  <si>
    <t>01/22/2020 11:44:38</t>
  </si>
  <si>
    <t>01/22/2020 11:39:32</t>
  </si>
  <si>
    <t>01/22/2020 11:41:55</t>
  </si>
  <si>
    <t>01/22/2020 11:41:46</t>
  </si>
  <si>
    <t>01/22/2020 11:47:37</t>
  </si>
  <si>
    <t>01/22/2020 11:41:52</t>
  </si>
  <si>
    <t>01/22/2020 11:41:59</t>
  </si>
  <si>
    <t>01/22/2020 11:42:04</t>
  </si>
  <si>
    <t>01/22/2020 11:43:55</t>
  </si>
  <si>
    <t>01/22/2020 11:43:57</t>
  </si>
  <si>
    <t>01/22/2020 11:44:03</t>
  </si>
  <si>
    <t>01/22/2020 11:44:31</t>
  </si>
  <si>
    <t>01/22/2020 11:43:11</t>
  </si>
  <si>
    <t>01/22/2020 11:43:41</t>
  </si>
  <si>
    <t>01/22/2020 11:44:42</t>
  </si>
  <si>
    <t>01/22/2020 11:45:12</t>
  </si>
  <si>
    <t>01/22/2020 11:47:12</t>
  </si>
  <si>
    <t>01/22/2020 11:48:38</t>
  </si>
  <si>
    <t>01/22/2020 11:48:07</t>
  </si>
  <si>
    <t>01/22/2020 11:45:06</t>
  </si>
  <si>
    <t>01/22/2020 11:49:37</t>
  </si>
  <si>
    <t>01/22/2020 11:45:24</t>
  </si>
  <si>
    <t>01/22/2020 11:47:54</t>
  </si>
  <si>
    <t>01/22/2020 11:47:03</t>
  </si>
  <si>
    <t>01/22/2020 11:51:38</t>
  </si>
  <si>
    <t>01/22/2020 11:47:07</t>
  </si>
  <si>
    <t>01/22/2020 11:48:44</t>
  </si>
  <si>
    <t>01/22/2020 11:52:37</t>
  </si>
  <si>
    <t>andrelpsa@algartech.com;fabianacscg@algartech.com;harunams@algartech.com;luizffn@algartech.com;mirianppb@algartech.com;talmaiardo@algartech.com;taysdss@algartech.com;</t>
  </si>
  <si>
    <t>andrelpsa@algartech.com,fabianacscg@algartech.com,harunams@algartech.com,luizffn@algartech.com,mirianppb@algartech.com,talmaiardo@algartech.com,taysdss@algartech.com</t>
  </si>
  <si>
    <t>01/22/2020 11:49:03</t>
  </si>
  <si>
    <t>01/22/2020 11:49:10</t>
  </si>
  <si>
    <t>01/22/2020 11:51:28</t>
  </si>
  <si>
    <t>01/22/2020 11:51:31</t>
  </si>
  <si>
    <t>01/22/2020 11:47:17</t>
  </si>
  <si>
    <t>01/22/2020 11:48:23</t>
  </si>
  <si>
    <t>01/22/2020 11:50:12</t>
  </si>
  <si>
    <t>01/22/2020 11:51:13</t>
  </si>
  <si>
    <t>01/22/2020 11:51:12</t>
  </si>
  <si>
    <t>aec54b44-dffc-49e8-ab9f-202386168207.tmp</t>
  </si>
  <si>
    <t>\\acsfs\profiles$\danielac\Downloads\aec54b44-dffc-49e8-ab9f-202386168207.tmp</t>
  </si>
  <si>
    <t>01/22/2020 11:48:50</t>
  </si>
  <si>
    <t>01/22/2020 11:53:38</t>
  </si>
  <si>
    <t>01/22/2020 11:49:46</t>
  </si>
  <si>
    <t>45486305-ee6a-41ec-a6af-46f6444520b2.tmp</t>
  </si>
  <si>
    <t>\\acsfs\profiles$\nathaliarmr\Downloads\45486305-ee6a-41ec-a6af-46f6444520b2.tmp</t>
  </si>
  <si>
    <t>01/22/2020 11:54:37</t>
  </si>
  <si>
    <t>01/22/2020 11:50:19</t>
  </si>
  <si>
    <t>01/22/2020 11:51:06</t>
  </si>
  <si>
    <t>01/22/2020 11:51:45</t>
  </si>
  <si>
    <t>a2dd5ce2-c66e-42a4-818e-bea256a70aa8.tmp</t>
  </si>
  <si>
    <t>\\acsfs\profiles$\luanaldsi\Downloads\a2dd5ce2-c66e-42a4-818e-bea256a70aa8.tmp</t>
  </si>
  <si>
    <t>01/22/2020 11:51:58</t>
  </si>
  <si>
    <t>525cd886-228b-4112-9dcd-3f7c57340d7b.tmp</t>
  </si>
  <si>
    <t>\\acsfs\profiles$\luanaldsi\Downloads\525cd886-228b-4112-9dcd-3f7c57340d7b.tmp</t>
  </si>
  <si>
    <t>01/22/2020 11:52:45</t>
  </si>
  <si>
    <t>01/22/2020 11:55:37</t>
  </si>
  <si>
    <t>Relacionamento com o Cliente.docx</t>
  </si>
  <si>
    <t>\\acsfs\DEPTOS\EDUCACAO EMPRESARIAL\2 - Operações\0 - BV\1 - TREINADORES\Haruna\LEANDRA\Relacionamento com o Cliente.docx</t>
  </si>
  <si>
    <t>01/22/2020 11:53:35</t>
  </si>
  <si>
    <t>01/22/2020 11:56:37</t>
  </si>
  <si>
    <t>01/22/2020 11:53:33</t>
  </si>
  <si>
    <t>425120c1-b24f-4351-a9a0-763760856a39.tmp</t>
  </si>
  <si>
    <t>\\acsfs\profiles$\brendadsl\Downloads\425120c1-b24f-4351-a9a0-763760856a39.tmp</t>
  </si>
  <si>
    <t>01/22/2020 11:51:54</t>
  </si>
  <si>
    <t>01/22/2020 11:57:38</t>
  </si>
  <si>
    <t>01/22/2020 11:51:55</t>
  </si>
  <si>
    <t>01/22/2020 11:52:01</t>
  </si>
  <si>
    <t>01/22/2020 11:52:26</t>
  </si>
  <si>
    <t>01/22/2020 11:52:54</t>
  </si>
  <si>
    <t>01/22/2020 11:53:01</t>
  </si>
  <si>
    <t>01/22/2020 11:53:11</t>
  </si>
  <si>
    <t>01/22/2020 11:53:49</t>
  </si>
  <si>
    <t>01/22/2020 11:54:12</t>
  </si>
  <si>
    <t>01/22/2020 11:54:18</t>
  </si>
  <si>
    <t>01/22/2020 11:53:13</t>
  </si>
  <si>
    <t>01/22/2020 11:56:00</t>
  </si>
  <si>
    <t>01/22/2020 11:59:37</t>
  </si>
  <si>
    <t>01/22/2020 11:57:06</t>
  </si>
  <si>
    <t>01/22/2020 11:58:47</t>
  </si>
  <si>
    <t>Cintia de Jesus Lima_1_6780749725394082774_1_32.wav</t>
  </si>
  <si>
    <t>\\acsfs\Deptos\EDUCACAO EMPRESARIAL\FERNANDA MONIT\Fernanda\MONITORIA JANEIRO\Ligaçoes para MUTANT terceiro ciclo janeiro\Cintia de Jesus Lima_1_6780749725394082774_1_32.wav</t>
  </si>
  <si>
    <t>01/22/2020 11:57:42</t>
  </si>
  <si>
    <t>01/22/2020 12:00:38</t>
  </si>
  <si>
    <t>9fd994b7-70df-4cdc-8ded-7ca656e9ad88.tmp</t>
  </si>
  <si>
    <t>\\acsfs\profiles$\yurics\Downloads\9fd994b7-70df-4cdc-8ded-7ca656e9ad88.tmp</t>
  </si>
  <si>
    <t>01/22/2020 12:00:22</t>
  </si>
  <si>
    <t>01/22/2020 11:56:19</t>
  </si>
  <si>
    <t>http:///batch/drive/v2internal?%24ct=multipart%2Fmixed%3B%20boundary%3D%22%3D%3D%3D%3D%3D2vexoeuo7q1b%3D%3D%3D%3D%3D%22&amp;key=AIzaSyAy9VVXHSpS2IJpptzYtGbLP3-3_l0aBk4</t>
  </si>
  <si>
    <t>"mozilla/5.0 (windows nt 6.1) applewebkit/537.36 (khtml;1;13;13700235;13700883;13701207;13701235;13701262;13701276;13701418;13701422;13701430;13701506;13701510;13701537;13701577;13701613;13701784;13701833;13701905;13701945;13701953;13701969;13702088;1579699809283000;1579699810700000;5701393;[[13700185;adfn-cvs_qg5nlh24sgkozd4wqzeuuw-q3gfcugwdwm2brzd60-ryfcucqdwzbqbocm6f7ilrajd;ancestorhasaugmentedpermissions;containsunsubscribedchildren;displayname;domain;emailaddress;fa3g0gqd-s8mca";false];file(kind;fileid;filesize;hasthumbnail;hasvisitorpermissions;id;id);items(deleted;ken;ken=ac4w5vgy5w9fayfw7g_flvpiainrsfoeag:1579699809277&amp;buildlabel=drive.web-frontend_20200108.00_p2;kind;lastmodifyinguser(kind;lastviewedbymedate;like gecko) chrome/79.0.3945.130 safari/537.36";modifiedbymedate;modifieddate;null;ontainsunsubscribedchildren;owners(kind;per;permissionid;picture;pt-br;shared;sharedwithmedate;thumbnailversion;title;userpermission(role);workspaceids;</t>
  </si>
  <si>
    <t>http://"mozilla/5.0 (windows nt 6.1) applewebkit/537.36 (khtml,1,13,13700235,13700883,13701207,13701235,13701262,13701276,13701418,13701422,13701430,13701506,13701510,13701537,13701577,13701613,13701784,13701833,13701905,13701945,13701953,13701969,13702088,1579699809283000,1579699810700000,5701393,[[13700185,adfn-cvs_qg5nlh24sgkozd4wqzeuuw-q3gfcugwdwm2brzd60-ryfcucqdwzbqbocm6f7ilrajd,ancestorhasaugmentedpermissions,containsunsubscribedchildren,displayname,domain,emailaddress,fa3g0gqd-s8mca",false],file(kind,fileid,filesize,hasthumbnail,hasvisitorpermissions,id,id),items(deleted,ken,ken=ac4w5vgy5w9fayfw7g_flvpiainrsfoeag:1579699809277&amp;buildlabel=drive.web-frontend_20200108.00_p2,kind,lastmodifyinguser(kind,lastviewedbymedate,like gecko) chrome/79.0.3945.130 safari/537.36",modifiedbymedate,modifieddate,null,ontainsunsubscribedchildren,owners(kind,per,permissionid,picture,pt-br,shared,sharedwithmedate,thumbnailversion,title,userpermission(role),workspaceids</t>
  </si>
  <si>
    <t>01/22/2020 11:56:20</t>
  </si>
  <si>
    <t>http:///batch/drive/v2internal?%24ct=multipart%2Fmixed%3B%20boundary%3D%22%3D%3D%3D%3D%3Dwtne4hjex8bv%3D%3D%3D%3D%3D%22&amp;key=AIzaSyAy9VVXHSpS2IJpptzYtGbLP3-3_l0aBk4</t>
  </si>
  <si>
    <t>01/22/2020 11:56:21</t>
  </si>
  <si>
    <t>http:///batch/drive/v2internal?%24ct=multipart%2Fmixed%3B%20boundary%3D%22%3D%3D%3D%3D%3De10uhy1n75tp%3D%3D%3D%3D%3D%22&amp;key=AIzaSyAy9VVXHSpS2IJpptzYtGbLP3-3_l0aBk4</t>
  </si>
  <si>
    <t>01/22/2020 11:59:35</t>
  </si>
  <si>
    <t>http:///batch/drive/v2internal?%24ct=multipart%2Fmixed%3B%20boundary%3D%22%3D%3D%3D%3D%3D1tlh7jnsio72%3D%3D%3D%3D%3D%22&amp;key=AIzaSyAy9VVXHSpS2IJpptzYtGbLP3-3_l0aBk4</t>
  </si>
  <si>
    <t>"mozilla/5.0 (windows nt 6.1) applewebkit/537.36 (khtml;#�kz�:;1;13;13700014;13700185;13700951;13701078;13701139;13701214;13701235;13701239;13701298;13701422;13701450;13701486;13701589;13701609;13701613;13701784;13701833;1370194;13701945;13701969;13702064;13702088;1579693709417000;1579693709971000;[[13701921;adfn-cth4num3gi0lz44o3q5qnrgzk0xlfffjmf_pt_jwruzcnud29xgfjm8inpkb3oaz18vovca;ancestorhasaugmentedpermissions;containsunsubscribedchildren;displayname;domain;emailaddress;false];file(kind;fileid;filesize;fzf8jgodlfukaq";hasthumbnail;hasvisitorpermissions;id;id);items(deleted;ken;ken=ac4w5vjq-c3rtabpcyjscx3dcrwleocoia:1579693709412&amp;buildlabel=drive.web-frontend_20200108.00_p2/��mē @�1o�ӎ��$�z_x001E_��6����8���� �� pw3�r_x0004_x�����[��f�_x0017_ �� �_x0019_k dc�i���x��'_x0013_��_x0004_q��-o`�.?&amp;:�_x0011_�_x0018_e��5 ��&gt;�_x001E_{�aڂzk_x0007__x0010_�;�����iv_x001C__x000E_*!chf�yy�3��^�m;_x0007_�z�i'�ph8_x0008_џv�b�r_x001E_�rk��pn]y_x0004_4ew8z�k��;wbђ�q?��b_x001D_3{_x0014_ h�_x0002__x0011_�r�_x000E_h_x0005_j_x0006_�yy�_�_x0002_r��)���gwa��*���5�u�f k/ � �ʢ;�4��g�_x0018__x0008_r�_x0010_��_x0007_c�a:\e;kind;lastmodifyinguser(kind;lastviewedbymedate;like gecko) chrome/79.0.3945.13</t>
  </si>
  <si>
    <t>http://"mozilla/5.0 (windows nt 6.1) applewebkit/537.36 (khtml,#�kz�:,1,13,13700014,13700185,13700951,13701078,13701139,13701214,13701235,13701239,13701298,13701422,13701450,13701486,13701589,13701609,13701613,13701784,13701833,1370194,13701945,13701969,13702064,13702088,1579693709417000,1579693709971000,[[13701921,adfn-cth4num3gi0lz44o3q5qnrgzk0xlfffjmf_pt_jwruzcnud29xgfjm8inpkb3oaz18vovca,ancestorhasaugmentedpermissions,containsunsubscribedchildren,displayname,domain,emailaddress,false],file(kind,fileid,filesize,fzf8jgodlfukaq",hasthumbnail,hasvisitorpermissions,id,id),items(deleted,ken,ken=ac4w5vjq-c3rtabpcyjscx3dcrwleocoia:1579693709412&amp;buildlabel=drive.web-frontend_20200108.00_p2/��mē @�1o�ӎ��$�z_x001E_��6����8���� �� pw3�r_x0004_x�����[��f�_x0017_ �� �_x0019_k dc�i���x��'_x0013_��_x0004_q��-o`�.?&amp;:�_x0011_�_x0018_e��5 ��&gt;�_x001E_{�aڂzk_x0007__x0010_�;�����iv_x001C__x000E_*!chf�yy�3��^�m;_x0007_�z�i'�ph8_x0008_џv�b�r_x001E_�rk��pn]y_x0004_4ew8z�k��;wbђ�q?��b_x001D_3{_x0014_ h�_x0002__x0011_�r�_x000E_h_x0005_j_x0006_�yy�_�_x0002_r��)���gwa��*���5�u�f k/ � �ʢ;�4��g�_x0018__x0008_r�_x0010_��_x0007_c�a:\e,kind,lastmodifyinguser(kind,lastviewedbymedate,like gecko) chrome/79.0.</t>
  </si>
  <si>
    <t>01/22/2020 11:59:36</t>
  </si>
  <si>
    <t>http:///batch/drive/v2internal?%24ct=multipart%2Fmixed%3B%20boundary%3D%22%3D%3D%3D%3D%3D8irjendbspn9%3D%3D%3D%3D%3D%22&amp;key=AIzaSyAy9VVXHSpS2IJpptzYtGbLP3-3_l0aBk4</t>
  </si>
  <si>
    <t>http:///batch/drive/v2internal?%24ct=multipart%2Fmixed%3B%20boundary%3D%22%3D%3D%3D%3D%3Dxjes3sx81841%3D%3D%3D%3D%3D%22&amp;key=AIzaSyAy9VVXHSpS2IJpptzYtGbLP3-3_l0aBk4</t>
  </si>
  <si>
    <t>01/22/2020 11:59:53</t>
  </si>
  <si>
    <t>01/22/2020 12:01:37</t>
  </si>
  <si>
    <t>f80e6742-4bb5-40b6-8aeb-65c53efe3e94.tmp</t>
  </si>
  <si>
    <t>\\acsfs\profiles$\felipetds\Downloads\f80e6742-4bb5-40b6-8aeb-65c53efe3e94.tmp</t>
  </si>
  <si>
    <t>01/22/2020 12:00:46</t>
  </si>
  <si>
    <t>eee564e8-138a-4c5b-8e0b-9763577c1001.tmp</t>
  </si>
  <si>
    <t>\\acsfs\profiles$\felipetds\Downloads\eee564e8-138a-4c5b-8e0b-9763577c1001.tmp</t>
  </si>
  <si>
    <t>01/22/2020 12:00:12</t>
  </si>
  <si>
    <t>561cd7c1-6478-4ac2-bace-b83b459e013e.tmp</t>
  </si>
  <si>
    <t>\\acsfs\profiles$\gabrielaff\Downloads\561cd7c1-6478-4ac2-bace-b83b459e013e.tmp</t>
  </si>
  <si>
    <t>01/22/2020 12:00:13</t>
  </si>
  <si>
    <t>bcf11f9b-59c1-4c65-bae3-03c8f6165cff.tmp</t>
  </si>
  <si>
    <t>\\acsfs\profiles$\joselrb\Downloads\bcf11f9b-59c1-4c65-bae3-03c8f6165cff.tmp</t>
  </si>
  <si>
    <t>01/22/2020 12:02:38</t>
  </si>
  <si>
    <t>01/22/2020 11:58:44</t>
  </si>
  <si>
    <t>01/22/2020 12:01:44</t>
  </si>
  <si>
    <t>01/22/2020 12:04:37</t>
  </si>
  <si>
    <t>01/22/2020 11:59:31</t>
  </si>
  <si>
    <t>31ebf18e-c4fb-4942-b608-79f9a1816cae.tmp</t>
  </si>
  <si>
    <t>\\acsfs\profiles$\geovannasm\Downloads\31ebf18e-c4fb-4942-b608-79f9a1816cae.tmp</t>
  </si>
  <si>
    <t>01/22/2020 12:01:49</t>
  </si>
  <si>
    <t>mail.google.com/sync/u/0/i/s?hl=pt-BR&amp;c=932</t>
  </si>
  <si>
    <t>01/22/2020 12:02:12</t>
  </si>
  <si>
    <t>01/22/2020 12:02:34</t>
  </si>
  <si>
    <t>01/22/2020 12:02:39</t>
  </si>
  <si>
    <t>01/22/2020 11:59:59</t>
  </si>
  <si>
    <t>01/22/2020 12:01:08</t>
  </si>
  <si>
    <t>01/22/2020 12:01:15</t>
  </si>
  <si>
    <t>mail.google.com/sync/u/0/i/s?hl=pt-BR&amp;c=1017</t>
  </si>
  <si>
    <t>01/22/2020 12:03:06</t>
  </si>
  <si>
    <t>01/22/2020 12:05:38</t>
  </si>
  <si>
    <t>01/22/2020 12:04:32</t>
  </si>
  <si>
    <t>\\acsfs\DEPTOS\EDUCACAO EMPRESARIAL\2 - Operações\0 - BV\1 - TREINADORES\Haruna\LEANDRA\8F6AD2E3.tmp\</t>
  </si>
  <si>
    <t>\\acsfs\DEPTOS\EDUCACAO EMPRESARIAL\2 - Operações\0 - BV\1 - TREINADORES\Haruna\LEANDRA\8F6AD2E3.tmp\:Zone.Identifier:$DATA</t>
  </si>
  <si>
    <t>01/22/2020 12:04:33</t>
  </si>
  <si>
    <t>\\acsfs\DEPTOS\EDUCACAO EMPRESARIAL\2 - Operações\0 - BV\1 - TREINADORES\Haruna\LEANDRA\Seguro Auto.pptx\</t>
  </si>
  <si>
    <t>\\acsfs\DEPTOS\EDUCACAO EMPRESARIAL\2 - Operações\0 - BV\1 - TREINADORES\Haruna\LEANDRA\Seguro Auto.pptx</t>
  </si>
  <si>
    <t>image19.svg</t>
  </si>
  <si>
    <t>image26.svg</t>
  </si>
  <si>
    <t>image36.svg</t>
  </si>
  <si>
    <t>Seguro Auto.pptx</t>
  </si>
  <si>
    <t>01/22/2020 12:01:13</t>
  </si>
  <si>
    <t>01/22/2020 12:01:02</t>
  </si>
  <si>
    <t>01/22/2020 12:06:37</t>
  </si>
  <si>
    <t>01/22/2020 12:01:06</t>
  </si>
  <si>
    <t>01/22/2020 12:02:44</t>
  </si>
  <si>
    <t>8ea68909-028b-46b0-b8d0-508f0a53ddbf.tmp</t>
  </si>
  <si>
    <t>\\acsfs\profiles$\cintiadcf\Downloads\8ea68909-028b-46b0-b8d0-508f0a53ddbf.tmp</t>
  </si>
  <si>
    <t>01/22/2020 12:05:18</t>
  </si>
  <si>
    <t>084141b6-2b36-4742-a339-549b614fc726.tmp</t>
  </si>
  <si>
    <t>\\acsfs\profiles$\matheushds\Downloads\084141b6-2b36-4742-a339-549b614fc726.tmp</t>
  </si>
  <si>
    <t>01/22/2020 12:05:22</t>
  </si>
  <si>
    <t>31f83b62-eb37-4e87-bc5a-97df1e0476c6.tmp</t>
  </si>
  <si>
    <t>\\acsfs\profiles$\matheushds\Downloads\31f83b62-eb37-4e87-bc5a-97df1e0476c6.tmp</t>
  </si>
  <si>
    <t>01/22/2020 12:07:37</t>
  </si>
  <si>
    <t>01/22/2020 12:02:14</t>
  </si>
  <si>
    <t>01/22/2020 12:03:45</t>
  </si>
  <si>
    <t>01/22/2020 12:04:15</t>
  </si>
  <si>
    <t>01/22/2020 12:04:45</t>
  </si>
  <si>
    <t>01/22/2020 12:05:45</t>
  </si>
  <si>
    <t>01/22/2020 12:08:38</t>
  </si>
  <si>
    <t>01/22/2020 12:03:48</t>
  </si>
  <si>
    <t>01/22/2020 12:07:54</t>
  </si>
  <si>
    <t>5604044c-df6c-46b3-a129-329a059e29d4.tmp</t>
  </si>
  <si>
    <t>\\acsfs\profiles$\paulovadc\Downloads\5604044c-df6c-46b3-a129-329a059e29d4.tmp</t>
  </si>
  <si>
    <t>01/22/2020 12:08:44</t>
  </si>
  <si>
    <t>01/22/2020 12:09:37</t>
  </si>
  <si>
    <t>01/22/2020 12:07:03</t>
  </si>
  <si>
    <t>c7ae3dc2-480b-4a05-b271-b6c39df0a9c3.tmp</t>
  </si>
  <si>
    <t>\\acsfs\profiles$\claudiajca\Downloads\c7ae3dc2-480b-4a05-b271-b6c39df0a9c3.tmp</t>
  </si>
  <si>
    <t>01/22/2020 12:04:57</t>
  </si>
  <si>
    <t>01/22/2020 12:10:37</t>
  </si>
  <si>
    <t>01/22/2020 12:05:11</t>
  </si>
  <si>
    <t>01/22/2020 12:05:23</t>
  </si>
  <si>
    <t>01/22/2020 12:05:27</t>
  </si>
  <si>
    <t>01/22/2020 12:05:34</t>
  </si>
  <si>
    <t>01/22/2020 12:05:53</t>
  </si>
  <si>
    <t>01/22/2020 12:06:06</t>
  </si>
  <si>
    <t>01/22/2020 12:09:06</t>
  </si>
  <si>
    <t>01/22/2020 12:07:56</t>
  </si>
  <si>
    <t>Não confirmado 738625.crdownload</t>
  </si>
  <si>
    <t>\\acsfs\Deptos\Operacao\Banco_Votorantim\Supervisao\Maristela\CRBV vendas\Não confirmado 738625.crdownload</t>
  </si>
  <si>
    <t>01/22/2020 12:05:57</t>
  </si>
  <si>
    <t>01/22/2020 12:06:22</t>
  </si>
  <si>
    <t>01/22/2020 12:08:14</t>
  </si>
  <si>
    <t>01/22/2020 12:12:37</t>
  </si>
  <si>
    <t>01/22/2020 12:09:25</t>
  </si>
  <si>
    <t>01/22/2020 12:09:26</t>
  </si>
  <si>
    <t>01/22/2020 12:09:31</t>
  </si>
  <si>
    <t>01/22/2020 12:10:16</t>
  </si>
  <si>
    <t>01/22/2020 12:10:40</t>
  </si>
  <si>
    <t>01/22/2020 12:10:58</t>
  </si>
  <si>
    <t>01/22/2020 12:11:12</t>
  </si>
  <si>
    <t>01/22/2020 12:07:15</t>
  </si>
  <si>
    <t>01/22/2020 12:07:46</t>
  </si>
  <si>
    <t>01/22/2020 12:08:16</t>
  </si>
  <si>
    <t>01/22/2020 12:10:46</t>
  </si>
  <si>
    <t>01/22/2020 12:11:50</t>
  </si>
  <si>
    <t>01/22/2020 12:13:38</t>
  </si>
  <si>
    <t>01/22/2020 12:11:52</t>
  </si>
  <si>
    <t>01/22/2020 12:12:47</t>
  </si>
  <si>
    <t>7;</t>
  </si>
  <si>
    <t>01/22/2020 12:12:58</t>
  </si>
  <si>
    <t>01/22/2020 12:12:59</t>
  </si>
  <si>
    <t>01/22/2020 12:11:18</t>
  </si>
  <si>
    <t>01/22/2020 12:15:38</t>
  </si>
  <si>
    <t>01/22/2020 12:15:21</t>
  </si>
  <si>
    <t>01/22/2020 12:16:37</t>
  </si>
  <si>
    <t>5e3806bf-ae3a-490e-9f43-2b58775af965.tmp</t>
  </si>
  <si>
    <t>\\acsfs\profiles$\cassianogc\Downloads\5e3806bf-ae3a-490e-9f43-2b58775af965.tmp</t>
  </si>
  <si>
    <t>01/22/2020 12:13:33</t>
  </si>
  <si>
    <t>068033c5-4705-40e8-8e59-6a5f06314bcf.tmp</t>
  </si>
  <si>
    <t>\\acsfs\profiles$\sarahbal\Downloads\068033c5-4705-40e8-8e59-6a5f06314bcf.tmp</t>
  </si>
  <si>
    <t>01/22/2020 12:13:45</t>
  </si>
  <si>
    <t>f37ef021-2a31-4cbb-aa79-eeb5f71da131.tmp</t>
  </si>
  <si>
    <t>\\acsfs\profiles$\sarahbal\Downloads\f37ef021-2a31-4cbb-aa79-eeb5f71da131.tmp</t>
  </si>
  <si>
    <t>01/22/2020 12:14:43</t>
  </si>
  <si>
    <t>8197f434-c5e6-47c6-b880-74fde9b26421.tmp</t>
  </si>
  <si>
    <t>\\acsfs\profiles$\sarahbal\Downloads\8197f434-c5e6-47c6-b880-74fde9b26421.tmp</t>
  </si>
  <si>
    <t>01/22/2020 12:12:03</t>
  </si>
  <si>
    <t>01/22/2020 12:17:38</t>
  </si>
  <si>
    <t>01/22/2020 12:12:38</t>
  </si>
  <si>
    <t>01/22/2020 12:12:42</t>
  </si>
  <si>
    <t>01/22/2020 12:15:29</t>
  </si>
  <si>
    <t>http:///batch/drive/v2internal?%24ct=multipart%2Fmixed%3B%20boundary%3D%22%3D%3D%3D%3D%3D54umgphdh9g5%3D%3D%3D%3D%3D%22&amp;key=AIzaSyAy9VVXHSpS2IJpptzYtGbLP3-3_l0aBk4</t>
  </si>
  <si>
    <t>01/22/2020 12:15:30</t>
  </si>
  <si>
    <t>http:///batch/drive/v2internal?%24ct=multipart%2Fmixed%3B%20boundary%3D%22%3D%3D%3D%3D%3D6jlus33iqw90%3D%3D%3D%3D%3D%22&amp;key=AIzaSyAy9VVXHSpS2IJpptzYtGbLP3-3_l0aBk4</t>
  </si>
  <si>
    <t>01/22/2020 12:14:48</t>
  </si>
  <si>
    <t>01/22/2020 12:15:18</t>
  </si>
  <si>
    <t>01/22/2020 12:15:48</t>
  </si>
  <si>
    <t>01/22/2020 12:16:18</t>
  </si>
  <si>
    <t>01/22/2020 12:16:48</t>
  </si>
  <si>
    <t>8b0b1b3a-d876-4e45-950a-c37ca0a29b64.tmp</t>
  </si>
  <si>
    <t>\\acsfs\profiles$\gabrielafs\Downloads\8b0b1b3a-d876-4e45-950a-c37ca0a29b64.tmp</t>
  </si>
  <si>
    <t>01/22/2020 12:14:11</t>
  </si>
  <si>
    <t>a67dd68b-22eb-4ef6-a703-1c822cc41c44.tmp</t>
  </si>
  <si>
    <t>\\acsfs\profiles$\gabrielafs\Downloads\a67dd68b-22eb-4ef6-a703-1c822cc41c44.tmp</t>
  </si>
  <si>
    <t>01/22/2020 12:15:17</t>
  </si>
  <si>
    <t>01/22/2020 12:18:37</t>
  </si>
  <si>
    <t>220e376c-6790-415d-9e03-9d081bfec366.tmp</t>
  </si>
  <si>
    <t>\\acsfs\profiles$\lorenabmc\Downloads\220e376c-6790-415d-9e03-9d081bfec366.tmp</t>
  </si>
  <si>
    <t>01/22/2020 12:13:39</t>
  </si>
  <si>
    <t>01/22/2020 12:13:50</t>
  </si>
  <si>
    <t>01/22/2020 12:14:03</t>
  </si>
  <si>
    <t>fernandaab@algartech.com;larisacc@algartech.com;marianerdo@algartech.com;severinojfds@algartech.com;talmaiardo@algartech.com;thiagordu@algartech.com;vitorgmp@algartech.com;</t>
  </si>
  <si>
    <t>fernandaab@algartech.com,larisacc@algartech.com,marianerdo@algartech.com,severinojfds@algartech.com,talmaiardo@algartech.com,thiagordu@algartech.com,vitorgmp@algartech.com</t>
  </si>
  <si>
    <t>01/22/2020 12:14:17</t>
  </si>
  <si>
    <t>bvs-centralcartoes@bv.com.br;cintia.souza-domingues@dxc.com;fernandaab@algartech.com;fernandorsju@algartech.com;larisacc@algartech.com;marianeps@algartech.com;marianerdo@algartech.com;severinojfds@algartech.com;talmaiardo@algartech.com;thiagordu@algartech.com;</t>
  </si>
  <si>
    <t>bvs-centralcartoes@bv.com.br,cintia.souza-domingues@dxc.com,fernandaab@algartech.com,fernandorsju@algartech.com,larisacc@algartech.com,marianeps@algartech.com,marianerdo@algartech.com,severinojfds@algartech.com,talmaiardo@algartech.com,thiagordu@algartech.com</t>
  </si>
  <si>
    <t>01/22/2020 12:14:55</t>
  </si>
  <si>
    <t>dd5e8d5f-b52a-4f86-91b7-0779ba918551.tmp</t>
  </si>
  <si>
    <t>\\acsfs\profiles$\nathaliarmr\Downloads\dd5e8d5f-b52a-4f86-91b7-0779ba918551.tmp</t>
  </si>
  <si>
    <t>01/22/2020 12:15:07</t>
  </si>
  <si>
    <t>01/22/2020 12:20:37</t>
  </si>
  <si>
    <t>01/22/2020 12:19:07</t>
  </si>
  <si>
    <t>01/22/2020 12:17:43</t>
  </si>
  <si>
    <t>01/22/2020 12:21:37</t>
  </si>
  <si>
    <t>01/22/2020 12:22:37</t>
  </si>
  <si>
    <t>01/22/2020 12:17:48</t>
  </si>
  <si>
    <t>01/22/2020 12:21:11</t>
  </si>
  <si>
    <t>01/22/2020 12:25:38</t>
  </si>
  <si>
    <t>01/22/2020 12:23:21</t>
  </si>
  <si>
    <t>Mentira (3).ejyaayh.partial</t>
  </si>
  <si>
    <t>\\acsfs\profiles$\nathalydds\Downloads\Mentira (3).ejyaayh.partial</t>
  </si>
  <si>
    <t>01/22/2020 12:23:49</t>
  </si>
  <si>
    <t>Mentira (4).df8bmpg.partial</t>
  </si>
  <si>
    <t>\\acsfs\profiles$\nathalydds\Downloads\Mentira (4).df8bmpg.partial</t>
  </si>
  <si>
    <t>01/22/2020 12:26:38</t>
  </si>
  <si>
    <t>01/22/2020 12:20:59</t>
  </si>
  <si>
    <t>9f4fdd6d-75f2-4d83-86f0-2db05389311d.tmp</t>
  </si>
  <si>
    <t>\\acsfs\profiles$\esterasg\Downloads\9f4fdd6d-75f2-4d83-86f0-2db05389311d.tmp</t>
  </si>
  <si>
    <t>01/22/2020 12:25:27</t>
  </si>
  <si>
    <t>e874ba97-5c29-4c1a-acbf-7acdd262c969.tmp</t>
  </si>
  <si>
    <t>\\acsfs\profiles$\sarahbal\Downloads\e874ba97-5c29-4c1a-acbf-7acdd262c969.tmp</t>
  </si>
  <si>
    <t>01/22/2020 12:23:12</t>
  </si>
  <si>
    <t>01/22/2020 12:27:39</t>
  </si>
  <si>
    <t>01/22/2020 12:22:50</t>
  </si>
  <si>
    <t>01/22/2020 12:23:20</t>
  </si>
  <si>
    <t>01/22/2020 12:23:50</t>
  </si>
  <si>
    <t>01/22/2020 12:26:21</t>
  </si>
  <si>
    <t>01/22/2020 12:26:51</t>
  </si>
  <si>
    <t>01/22/2020 12:23:00</t>
  </si>
  <si>
    <t>28d51932-3ea9-4d8a-a8b5-abb81832df86.tmp</t>
  </si>
  <si>
    <t>\\acsfs\profiles$\ALYNYA\Downloads\28d51932-3ea9-4d8a-a8b5-abb81832df86.tmp</t>
  </si>
  <si>
    <t>01/22/2020 12:28:39</t>
  </si>
  <si>
    <t>01/22/2020 12:24:00</t>
  </si>
  <si>
    <t>7;fernandaab@algartech.com;lilianls@algartech.com;mirianppb@algartech.com;</t>
  </si>
  <si>
    <t>7,fernandaab@algartech.com,lilianls@algartech.com,mirianppb@algartech.com</t>
  </si>
  <si>
    <t>01/22/2020 12:24:06</t>
  </si>
  <si>
    <t>01/22/2020 12:24:17</t>
  </si>
  <si>
    <t>01/22/2020 12:24:30</t>
  </si>
  <si>
    <t>01/22/2020 12:24:32</t>
  </si>
  <si>
    <t>01/22/2020 12:24:35</t>
  </si>
  <si>
    <t>01/22/2020 12:24:52</t>
  </si>
  <si>
    <t>01/22/2020 12:25:03</t>
  </si>
  <si>
    <t>01/22/2020 12:26:18</t>
  </si>
  <si>
    <t>01/22/2020 12:30:39</t>
  </si>
  <si>
    <t>eda26fd0-1d30-466b-ac95-23db92cf58a0.tmp</t>
  </si>
  <si>
    <t>\\acsfs\profiles$\cintiadjl\Downloads\eda26fd0-1d30-466b-ac95-23db92cf58a0.tmp</t>
  </si>
  <si>
    <t>01/22/2020 12:26:01</t>
  </si>
  <si>
    <t>01/22/2020 12:26:02</t>
  </si>
  <si>
    <t>01/22/2020 12:26:04</t>
  </si>
  <si>
    <t>mail.google.com/sync/u/0/i/s?hl=pt-BR&amp;c=1048</t>
  </si>
  <si>
    <t>01/22/2020 12:26:28</t>
  </si>
  <si>
    <t>01/22/2020 12:26:52</t>
  </si>
  <si>
    <t>01/22/2020 12:26:59</t>
  </si>
  <si>
    <t>01/22/2020 12:27:04</t>
  </si>
  <si>
    <t>01/22/2020 12:27:06</t>
  </si>
  <si>
    <t>01/22/2020 12:27:36</t>
  </si>
  <si>
    <t>01/22/2020 12:27:51</t>
  </si>
  <si>
    <t>01/22/2020 12:28:00</t>
  </si>
  <si>
    <t>01/22/2020 12:28:01</t>
  </si>
  <si>
    <t>01/22/2020 12:28:03</t>
  </si>
  <si>
    <t>01/22/2020 12:28:04</t>
  </si>
  <si>
    <t>01/22/2020 12:28:10</t>
  </si>
  <si>
    <t>01/22/2020 12:28:19</t>
  </si>
  <si>
    <t>01/22/2020 12:28:23</t>
  </si>
  <si>
    <t>01/22/2020 12:28:31</t>
  </si>
  <si>
    <t>mail.google.com/sync/u/0/i/s?hl=pt-BR&amp;c=1073</t>
  </si>
  <si>
    <t>01/22/2020 12:27:18</t>
  </si>
  <si>
    <t>01/22/2020 12:31:39</t>
  </si>
  <si>
    <t>6a992cc6-a155-404f-a9b8-2e872cd36b12.tmp</t>
  </si>
  <si>
    <t>\\acsfs\profiles$\sarahbal\Downloads\6a992cc6-a155-404f-a9b8-2e872cd36b12.tmp</t>
  </si>
  <si>
    <t>01/22/2020 12:27:19</t>
  </si>
  <si>
    <t>673c3c33-7d52-4155-9a5f-300cd1181b0a.tmp</t>
  </si>
  <si>
    <t>\\acsfs\profiles$\LUISPLS\Downloads\673c3c33-7d52-4155-9a5f-300cd1181b0a.tmp</t>
  </si>
  <si>
    <t>01/22/2020 12:29:01</t>
  </si>
  <si>
    <t>546b920a-e8c3-40f3-a1f2-6b0717746a89.tmp</t>
  </si>
  <si>
    <t>\\acsfs\profiles$\LUISPLS\Downloads\546b920a-e8c3-40f3-a1f2-6b0717746a89.tmp</t>
  </si>
  <si>
    <t>01/22/2020 12:32:40</t>
  </si>
  <si>
    <t>01/22/2020 12:28:21</t>
  </si>
  <si>
    <t>01/22/2020 12:28:51</t>
  </si>
  <si>
    <t>01/22/2020 12:29:52</t>
  </si>
  <si>
    <t>01/22/2020 12:30:22</t>
  </si>
  <si>
    <t>01/22/2020 12:31:06</t>
  </si>
  <si>
    <t>https://udpmailboxap01.acs.com.br:8443/h/search;jsessionid=1ux9ngngpbf4086jz82cwbcc8?si=0&amp;so=0&amp;sc=81778&amp;st=conversation&amp;action=compose</t>
  </si>
  <si>
    <t>01/22/2020 12:31:36</t>
  </si>
  <si>
    <t>01/22/2020 12:32:06</t>
  </si>
  <si>
    <t>01/22/2020 12:31:38</t>
  </si>
  <si>
    <t>01/22/2020 12:34:40</t>
  </si>
  <si>
    <t>abc5435f-0948-4802-9018-0ebde2ee2579.tmp</t>
  </si>
  <si>
    <t>\\acsfs\profiles$\websondsa\Downloads\abc5435f-0948-4802-9018-0ebde2ee2579.tmp</t>
  </si>
  <si>
    <t>01/22/2020 12:33:06</t>
  </si>
  <si>
    <t>01/22/2020 12:35:39</t>
  </si>
  <si>
    <t>01/22/2020 12:34:30</t>
  </si>
  <si>
    <t>01/22/2020 12:34:52</t>
  </si>
  <si>
    <t>01/22/2020 12:35:01</t>
  </si>
  <si>
    <t>01/22/2020 12:32:47</t>
  </si>
  <si>
    <t>8717e6ad-9183-429f-a9dc-da1a35a83388.tmp</t>
  </si>
  <si>
    <t>\\acsfs\profiles$\nataliacsl\Downloads\8717e6ad-9183-429f-a9dc-da1a35a83388.tmp</t>
  </si>
  <si>
    <t>01/22/2020 12:35:34</t>
  </si>
  <si>
    <t>01/22/2020 12:36:39</t>
  </si>
  <si>
    <t>980da889-8fe5-4b69-b579-5191ccad620f.tmp</t>
  </si>
  <si>
    <t>\\acsfs\profiles$\cassianogc\Downloads\980da889-8fe5-4b69-b579-5191ccad620f.tmp</t>
  </si>
  <si>
    <t>01/22/2020 12:34:15</t>
  </si>
  <si>
    <t>01/22/2020 12:37:39</t>
  </si>
  <si>
    <t>01/22/2020 12:35:06</t>
  </si>
  <si>
    <t>01/22/2020 12:35:36</t>
  </si>
  <si>
    <t>01/22/2020 12:34:28</t>
  </si>
  <si>
    <t>vendas amanhã.txt</t>
  </si>
  <si>
    <t>\\acsfs\profiles$\thaynaracsl\My Documents\vendas amanhã.txt</t>
  </si>
  <si>
    <t>01/22/2020 12:34:09</t>
  </si>
  <si>
    <t>01/22/2020 12:38:39</t>
  </si>
  <si>
    <t>4b4f9aa5-8d13-43b7-91d9-9ce8a830f548.tmp</t>
  </si>
  <si>
    <t>\\acsfs\profiles$\esterasg\Downloads\4b4f9aa5-8d13-43b7-91d9-9ce8a830f548.tmp</t>
  </si>
  <si>
    <t>01/22/2020 12:37:43</t>
  </si>
  <si>
    <t>01/22/2020 12:37:44</t>
  </si>
  <si>
    <t>lu438649tmbnq.tmp</t>
  </si>
  <si>
    <t>\\acsfs\profiles$\regisedsj\My Documents\lu438649tmbnq.tmp</t>
  </si>
  <si>
    <t>\\acsfs\profiles$\regisedsj\My Documents\lu438649tmbnq.tmp\</t>
  </si>
  <si>
    <t>\\acsfs\profiles$\regisedsj\My Documents\lu438649tmbnq.tmp\META-INF\</t>
  </si>
  <si>
    <t>\\acsfs\profiles$\regisedsj\My Documents\lu438649tmbnq.tmp\Thumbnails\</t>
  </si>
  <si>
    <t>01/22/2020 12:38:02</t>
  </si>
  <si>
    <t>294bb313-8920-4650-908c-b2ca09977d9a.tmp</t>
  </si>
  <si>
    <t>\\acsfs\profiles$\regisedsj\Downloads\294bb313-8920-4650-908c-b2ca09977d9a.tmp</t>
  </si>
  <si>
    <t>01/22/2020 12:38:04</t>
  </si>
  <si>
    <t>91b3eb3c-fa79-44cf-b31e-03c6ed839938.tmp</t>
  </si>
  <si>
    <t>\\acsfs\profiles$\regisedsj\Downloads\91b3eb3c-fa79-44cf-b31e-03c6ed839938.tmp</t>
  </si>
  <si>
    <t>01/22/2020 12:38:29</t>
  </si>
  <si>
    <t>01/22/2020 12:40:39</t>
  </si>
  <si>
    <t>8b974d4f-fbf2-4dea-bce7-d91090e74a3c.tmp</t>
  </si>
  <si>
    <t>\\acsfs\profiles$\marcosvnds\Downloads\8b974d4f-fbf2-4dea-bce7-d91090e74a3c.tmp</t>
  </si>
  <si>
    <t>01/22/2020 12:38:58</t>
  </si>
  <si>
    <t>f4576fe2-305e-4477-8ea5-3e143d185e22.tmp</t>
  </si>
  <si>
    <t>\\acsfs\profiles$\marcosvnds\Downloads\f4576fe2-305e-4477-8ea5-3e143d185e22.tmp</t>
  </si>
  <si>
    <t>01/22/2020 12:39:06</t>
  </si>
  <si>
    <t>0c28247c-f951-4992-b07e-55252d5f7163.tmp</t>
  </si>
  <si>
    <t>\\acsfs\profiles$\marcosvnds\Downloads\0c28247c-f951-4992-b07e-55252d5f7163.tmp</t>
  </si>
  <si>
    <t>01/22/2020 12:36:14</t>
  </si>
  <si>
    <t>01/22/2020 12:36:27</t>
  </si>
  <si>
    <t>01/22/2020 12:39:09</t>
  </si>
  <si>
    <t>01/22/2020 12:36:26</t>
  </si>
  <si>
    <t>01/22/2020 12:41:40</t>
  </si>
  <si>
    <t>c10e72ff-7ab3-4429-9bba-9783fcab2767.tmp</t>
  </si>
  <si>
    <t>\\acsfs\profiles$\andrezacapf\Downloads\c10e72ff-7ab3-4429-9bba-9783fcab2767.tmp</t>
  </si>
  <si>
    <t>01/22/2020 12:40:14</t>
  </si>
  <si>
    <t>01/22/2020 12:40:15</t>
  </si>
  <si>
    <t>lu579122v9d3v.tmp</t>
  </si>
  <si>
    <t>\\acsfs\profiles$\LUISPLS\My Documents\Nova pasta\lu579122v9d3v.tmp</t>
  </si>
  <si>
    <t>\\acsfs\profiles$\LUISPLS\My Documents\Nova pasta\lu579122v9d3v.tmp\</t>
  </si>
  <si>
    <t>\\acsfs\profiles$\LUISPLS\My Documents\Nova pasta\lu579122v9d3v.tmp\META-INF\</t>
  </si>
  <si>
    <t>\\acsfs\profiles$\LUISPLS\My Documents\Nova pasta\lu579122v9d3v.tmp\Thumbnails\</t>
  </si>
  <si>
    <t>01/22/2020 12:40:57</t>
  </si>
  <si>
    <t>1f15684c-cec2-49eb-a8ba-1950509c6745.tmp</t>
  </si>
  <si>
    <t>\\acsfs\profiles$\joselrb\Downloads\1f15684c-cec2-49eb-a8ba-1950509c6745.tmp</t>
  </si>
  <si>
    <t>01/22/2020 12:42:39</t>
  </si>
  <si>
    <t>01/22/2020 12:41:42</t>
  </si>
  <si>
    <t>f144432d-0511-4ac0-babc-71a24085bb2d.tmp</t>
  </si>
  <si>
    <t>\\acsfs\profiles$\larissaad\Downloads\f144432d-0511-4ac0-babc-71a24085bb2d.tmp</t>
  </si>
  <si>
    <t>01/22/2020 12:38:47</t>
  </si>
  <si>
    <t>01/22/2020 12:43:40</t>
  </si>
  <si>
    <t>dd420f05-0eef-48e1-8d62-2904d2db5b75.tmp</t>
  </si>
  <si>
    <t>\\acsfs\profiles$\nathaliarmr\Downloads\dd420f05-0eef-48e1-8d62-2904d2db5b75.tmp</t>
  </si>
  <si>
    <t>01/22/2020 12:39:24</t>
  </si>
  <si>
    <t>01/22/2020 12:44:39</t>
  </si>
  <si>
    <t>Não confirmado 727121.crdownload</t>
  </si>
  <si>
    <t>\\acsfs\ACS\Gabriel da Silva\Contemporânea\NPS\NPS_Voz\Janeiro.20\Não confirmado 727121.crdownload</t>
  </si>
  <si>
    <t>01/22/2020 12:41:13</t>
  </si>
  <si>
    <t>Não confirmado 95476.crdownload</t>
  </si>
  <si>
    <t>\\acsfs\ACS\Gabriel da Silva\Contemporânea\Gen\Não confirmado 95476.crdownload</t>
  </si>
  <si>
    <t>01/22/2020 12:43:09</t>
  </si>
  <si>
    <t>\\acsfs\ACS\Gabriel da Silva\Contemporânea\NPS\NPS_Chat\Janeiro.20\</t>
  </si>
  <si>
    <t>Não confirmado 460686.crdownload</t>
  </si>
  <si>
    <t>\\acsfs\ACS\Gabriel da Silva\Contemporânea\NPS\NPS_Chat\Janeiro.20\Não confirmado 460686.crdownload</t>
  </si>
  <si>
    <t>01/22/2020 12:42:54</t>
  </si>
  <si>
    <t>01/22/2020 12:45:39</t>
  </si>
  <si>
    <t>d9a1f504-1b93-4368-9bf2-072d7c232c32.tmp</t>
  </si>
  <si>
    <t>\\acsfs\profiles$\henriquehmdo\Downloads\d9a1f504-1b93-4368-9bf2-072d7c232c32.tmp</t>
  </si>
  <si>
    <t>01/22/2020 12:43:02</t>
  </si>
  <si>
    <t>1e9cf8b4-a400-467e-9eb9-e7a65c64fd17.tmp</t>
  </si>
  <si>
    <t>\\acsfs\profiles$\marcosvnds\Downloads\1e9cf8b4-a400-467e-9eb9-e7a65c64fd17.tmp</t>
  </si>
  <si>
    <t>01/22/2020 12:41:22</t>
  </si>
  <si>
    <t>01/22/2020 12:42:53</t>
  </si>
  <si>
    <t>01/22/2020 12:45:06</t>
  </si>
  <si>
    <t>01/22/2020 12:42:48</t>
  </si>
  <si>
    <t>01/22/2020 12:46:40</t>
  </si>
  <si>
    <t>c8812844-34eb-40f7-b6c6-d730be5304cd.tmp</t>
  </si>
  <si>
    <t>\\acsfs\profiles$\francislayneads\Downloads\c8812844-34eb-40f7-b6c6-d730be5304cd.tmp</t>
  </si>
  <si>
    <t>01/22/2020 12:47:39</t>
  </si>
  <si>
    <t>01/22/2020 12:43:05</t>
  </si>
  <si>
    <t>01/22/2020 12:48:40</t>
  </si>
  <si>
    <t>bfbb132a-2e67-4601-95eb-457a324f3e8c.tmp</t>
  </si>
  <si>
    <t>\\acsfs\profiles$\laianear\Downloads\bfbb132a-2e67-4601-95eb-457a324f3e8c.tmp</t>
  </si>
  <si>
    <t>01/22/2020 12:47:47</t>
  </si>
  <si>
    <t>78775db9-351d-4580-8d86-8ef4b39519d9.tmp</t>
  </si>
  <si>
    <t>\\acsfs\profiles$\nathaliarmr\Downloads\78775db9-351d-4580-8d86-8ef4b39519d9.tmp</t>
  </si>
  <si>
    <t>01/22/2020 12:44:55</t>
  </si>
  <si>
    <t>01/22/2020 12:49:39</t>
  </si>
  <si>
    <t>interacoesSapBI.xlsx</t>
  </si>
  <si>
    <t>\\acsfs\ACS\Gabriel da Silva\Contemporânea\NPS\NPS_Chat\Janeiro.20\interacoesSapBI.xlsx</t>
  </si>
  <si>
    <t>01/22/2020 12:45:07</t>
  </si>
  <si>
    <t>3626e728-b77d-48fe-8810-0e308a86ede2.tmp</t>
  </si>
  <si>
    <t>\\acsfs\profiles$\gabrielsma\Downloads\3626e728-b77d-48fe-8810-0e308a86ede2.tmp</t>
  </si>
  <si>
    <t>01/22/2020 12:45:16</t>
  </si>
  <si>
    <t>01/22/2020 12:46:21</t>
  </si>
  <si>
    <t>Pesquisa_Satisfacao_2020-01-01.csv</t>
  </si>
  <si>
    <t>\\acsfs\ACS\Gabriel da Silva\Contemporânea\NPS\NPS_Chat\Janeiro.20\Pesquisa_Satisfacao_2020-01-01.csv</t>
  </si>
  <si>
    <t>Pesquisa_Satisfacao_2020-01-02.csv</t>
  </si>
  <si>
    <t>\\acsfs\ACS\Gabriel da Silva\Contemporânea\NPS\NPS_Chat\Janeiro.20\Pesquisa_Satisfacao_2020-01-02.csv</t>
  </si>
  <si>
    <t>01/22/2020 12:46:22</t>
  </si>
  <si>
    <t>Pesquisa_Satisfacao_2020-01-03.csv</t>
  </si>
  <si>
    <t>\\acsfs\ACS\Gabriel da Silva\Contemporânea\NPS\NPS_Chat\Janeiro.20\Pesquisa_Satisfacao_2020-01-03.csv</t>
  </si>
  <si>
    <t>Pesquisa_Satisfacao_2020-01-04.csv</t>
  </si>
  <si>
    <t>\\acsfs\ACS\Gabriel da Silva\Contemporânea\NPS\NPS_Chat\Janeiro.20\Pesquisa_Satisfacao_2020-01-04.csv</t>
  </si>
  <si>
    <t>01/22/2020 12:46:23</t>
  </si>
  <si>
    <t>Pesquisa_Satisfacao_2020-01-05.csv</t>
  </si>
  <si>
    <t>\\acsfs\ACS\Gabriel da Silva\Contemporânea\NPS\NPS_Chat\Janeiro.20\Pesquisa_Satisfacao_2020-01-05.csv</t>
  </si>
  <si>
    <t>Pesquisa_Satisfacao_2020-01-06.csv</t>
  </si>
  <si>
    <t>\\acsfs\ACS\Gabriel da Silva\Contemporânea\NPS\NPS_Chat\Janeiro.20\Pesquisa_Satisfacao_2020-01-06.csv</t>
  </si>
  <si>
    <t>Pesquisa_Satisfacao_2020-01-07.csv</t>
  </si>
  <si>
    <t>\\acsfs\ACS\Gabriel da Silva\Contemporânea\NPS\NPS_Chat\Janeiro.20\Pesquisa_Satisfacao_2020-01-07.csv</t>
  </si>
  <si>
    <t>01/22/2020 12:46:24</t>
  </si>
  <si>
    <t>Pesquisa_Satisfacao_2020-01-08.csv</t>
  </si>
  <si>
    <t>\\acsfs\ACS\Gabriel da Silva\Contemporânea\NPS\NPS_Chat\Janeiro.20\Pesquisa_Satisfacao_2020-01-08.csv</t>
  </si>
  <si>
    <t>Pesquisa_Satisfacao_2020-01-09.csv</t>
  </si>
  <si>
    <t>\\acsfs\ACS\Gabriel da Silva\Contemporânea\NPS\NPS_Chat\Janeiro.20\Pesquisa_Satisfacao_2020-01-09.csv</t>
  </si>
  <si>
    <t>01/22/2020 12:45:49</t>
  </si>
  <si>
    <t>01/22/2020 12:50:39</t>
  </si>
  <si>
    <t>\\acsfs\profiles$\fernandofs\My Documents\My Pictures\</t>
  </si>
  <si>
    <t>\\acsfs\profiles$\fernandofs\My Documents\My Videos\desktop.ini</t>
  </si>
  <si>
    <t>01/22/2020 12:45:53</t>
  </si>
  <si>
    <t>\\acsfs\profiles$\fernandofs\My Documents\My Videos\</t>
  </si>
  <si>
    <t>01/22/2020 12:45:57</t>
  </si>
  <si>
    <t>01/22/2020 12:45:59</t>
  </si>
  <si>
    <t>01/22/2020 12:46:00</t>
  </si>
  <si>
    <t>01/22/2020 12:46:01</t>
  </si>
  <si>
    <t>\\acsfs\profiles$\fernandofs\My Documents\My Music\</t>
  </si>
  <si>
    <t>\\acsfs\profiles$\fernandofs\My Documents\My Pictures\desktop.ini</t>
  </si>
  <si>
    <t>01/22/2020 12:46:02</t>
  </si>
  <si>
    <t>01/22/2020 12:46:04</t>
  </si>
  <si>
    <t>01/22/2020 12:46:05</t>
  </si>
  <si>
    <t>01/22/2020 12:46:06</t>
  </si>
  <si>
    <t>01/22/2020 12:46:07</t>
  </si>
  <si>
    <t>\\acsfs\profiles$\fernandofs\Contacts\</t>
  </si>
  <si>
    <t>\\acsfs\profiles$\fernandofs\Contacts\desktop.ini</t>
  </si>
  <si>
    <t>01/22/2020 12:46:08</t>
  </si>
  <si>
    <t>01/22/2020 12:46:09</t>
  </si>
  <si>
    <t>01/22/2020 12:46:10</t>
  </si>
  <si>
    <t>01/22/2020 12:46:11</t>
  </si>
  <si>
    <t>\\acsfs\profiles$\fernandofs\My Documents\</t>
  </si>
  <si>
    <t>\\acsfs\profiles$\fernandofs\Favorites\desktop.ini</t>
  </si>
  <si>
    <t>01/22/2020 12:46:12</t>
  </si>
  <si>
    <t>01/22/2020 12:46:13</t>
  </si>
  <si>
    <t>01/22/2020 12:46:14</t>
  </si>
  <si>
    <t>01/22/2020 12:46:16</t>
  </si>
  <si>
    <t>01/22/2020 12:46:17</t>
  </si>
  <si>
    <t>01/22/2020 12:46:18</t>
  </si>
  <si>
    <t>\\acsfs\profiles$\fernandofs\My Documents\My Music\desktop.ini</t>
  </si>
  <si>
    <t>\\acsfs\profiles$\fernandofs\Searches\</t>
  </si>
  <si>
    <t>\\acsfs\profiles$\fernandofs\Searches\desktop.ini</t>
  </si>
  <si>
    <t>01/22/2020 12:46:25</t>
  </si>
  <si>
    <t>01/22/2020 12:46:27</t>
  </si>
  <si>
    <t>01/22/2020 12:46:28</t>
  </si>
  <si>
    <t>01/22/2020 12:46:29</t>
  </si>
  <si>
    <t>01/22/2020 12:46:30</t>
  </si>
  <si>
    <t>\\acsfs\profiles$\fernandofs\Downloads\desktop.ini</t>
  </si>
  <si>
    <t>01/22/2020 12:46:31</t>
  </si>
  <si>
    <t>01/22/2020 12:46:33</t>
  </si>
  <si>
    <t>\\acsfs\profiles$\fernandofs\Favorites\</t>
  </si>
  <si>
    <t>\\acsfs\profiles$\fernandofs\My Documents\desktop.ini</t>
  </si>
  <si>
    <t>01/22/2020 12:46:35</t>
  </si>
  <si>
    <t>01/22/2020 12:46:36</t>
  </si>
  <si>
    <t>01/22/2020 12:46:37</t>
  </si>
  <si>
    <t>01/22/2020 12:46:38</t>
  </si>
  <si>
    <t>01/22/2020 12:46:39</t>
  </si>
  <si>
    <t>\\acsfs\profiles$\fernandofs\Saved Games\desktop.ini</t>
  </si>
  <si>
    <t>01/22/2020 12:47:55</t>
  </si>
  <si>
    <t>093d5d20-bf05-45f6-b8ba-7d7e433edf23.tmp</t>
  </si>
  <si>
    <t>\\acsfs\profiles$\fernandofs\Downloads\093d5d20-bf05-45f6-b8ba-7d7e433edf23.tmp</t>
  </si>
  <si>
    <t>01/22/2020 12:48:06</t>
  </si>
  <si>
    <t>a0223ee2-d430-4eea-af96-af205b69d8a6.tmp</t>
  </si>
  <si>
    <t>\\acsfs\profiles$\fernandofs\Downloads\a0223ee2-d430-4eea-af96-af205b69d8a6.tmp</t>
  </si>
  <si>
    <t>01/22/2020 12:48:53</t>
  </si>
  <si>
    <t>01/22/2020 12:46:26</t>
  </si>
  <si>
    <t>01/22/2020 12:51:39</t>
  </si>
  <si>
    <t>lu12536pnja.tmp</t>
  </si>
  <si>
    <t>\\acsfs\profiles$\BRUNAAR\Numero\lu12536pnja.tmp</t>
  </si>
  <si>
    <t>01/22/2020 12:47:41</t>
  </si>
  <si>
    <t>2adcfc33-da40-41ce-a3af-28509cdd960d.tmp</t>
  </si>
  <si>
    <t>\\acsfs\profiles$\inarajst\Downloads\2adcfc33-da40-41ce-a3af-28509cdd960d.tmp</t>
  </si>
  <si>
    <t>01/22/2020 12:52:39</t>
  </si>
  <si>
    <t>01/22/2020 12:48:56</t>
  </si>
  <si>
    <t>01/22/2020 12:53:40</t>
  </si>
  <si>
    <t>01/22/2020 12:49:09</t>
  </si>
  <si>
    <t>01/22/2020 12:52:40</t>
  </si>
  <si>
    <t>01/22/2020 12:54:39</t>
  </si>
  <si>
    <t>01/22/2020 12:55:39</t>
  </si>
  <si>
    <t>01/22/2020 12:50:24</t>
  </si>
  <si>
    <t>01/22/2020 12:51:07</t>
  </si>
  <si>
    <t>01/22/2020 12:57:39</t>
  </si>
  <si>
    <t>01/22/2020 12:57:26</t>
  </si>
  <si>
    <t>01/22/2020 12:57:27</t>
  </si>
  <si>
    <t>lu5784487ohst.tmp</t>
  </si>
  <si>
    <t>\\acsfs\profiles$\ALYNYA\My Documents\lu5784487ohst.tmp</t>
  </si>
  <si>
    <t>\\acsfs\profiles$\ALYNYA\My Documents\lu5784487ohst.tmp\</t>
  </si>
  <si>
    <t>\\acsfs\profiles$\ALYNYA\My Documents\lu5784487ohst.tmp\META-INF\</t>
  </si>
  <si>
    <t>\\acsfs\profiles$\ALYNYA\My Documents\lu5784487ohst.tmp\Thumbnails\</t>
  </si>
  <si>
    <t>01/22/2020 12:53:33</t>
  </si>
  <si>
    <t>01/22/2020 12:58:39</t>
  </si>
  <si>
    <t>01/22/2020 12:56:12</t>
  </si>
  <si>
    <t>01/22/2020 12:58:40</t>
  </si>
  <si>
    <t>01/22/2020 12:59:39</t>
  </si>
  <si>
    <t>\\acsfs\ACS\Gabriel da Silva\Contemporânea\NPS\NPS_Chat\</t>
  </si>
  <si>
    <t>trataBase.xlsx</t>
  </si>
  <si>
    <t>\\acsfs\ACS\Gabriel da Silva\Contemporânea\NPS\NPS_Chat\trataBase.xlsx</t>
  </si>
  <si>
    <t>01/22/2020 12:59:15</t>
  </si>
  <si>
    <t>01/22/2020 13:00:39</t>
  </si>
  <si>
    <t>ad750196-cf0d-4dcf-85d5-4b2abcfaac99.tmp</t>
  </si>
  <si>
    <t>\\acsfs\profiles$\cintiadjl\Downloads\ad750196-cf0d-4dcf-85d5-4b2abcfaac99.tmp</t>
  </si>
  <si>
    <t>01/22/2020 12:56:56</t>
  </si>
  <si>
    <t>01/22/2020 12:57:07</t>
  </si>
  <si>
    <t>01/22/2020 12:57:54</t>
  </si>
  <si>
    <t>01/22/2020 12:56:50</t>
  </si>
  <si>
    <t>e5499463-236c-4dd4-a76a-4706608323d4.tmp</t>
  </si>
  <si>
    <t>\\acsfs\profiles$\wedersonbadr\My Documents\My Music\e5499463-236c-4dd4-a76a-4706608323d4.tmp</t>
  </si>
  <si>
    <t>01/22/2020 13:01:40</t>
  </si>
  <si>
    <t>01/22/2020 12:56:11</t>
  </si>
  <si>
    <t>b2681f2a-1fd5-41c0-bd41-f8f07cd1c310.tmp</t>
  </si>
  <si>
    <t>\\acsfs\profiles$\cassianogc\Downloads\b2681f2a-1fd5-41c0-bd41-f8f07cd1c310.tmp</t>
  </si>
  <si>
    <t>01/22/2020 12:56:51</t>
  </si>
  <si>
    <t>0fbdc983-a76f-4edc-ac68-c8d52b8d1ad5.tmp</t>
  </si>
  <si>
    <t>\\acsfs\profiles$\cassianogc\Downloads\0fbdc983-a76f-4edc-ac68-c8d52b8d1ad5.tmp</t>
  </si>
  <si>
    <t>01/22/2020 12:59:52</t>
  </si>
  <si>
    <t>74-86-7A-FC-2A-B1</t>
  </si>
  <si>
    <t>VOTORANT-ACB005</t>
  </si>
  <si>
    <t>monicaados</t>
  </si>
  <si>
    <t>01/22/2020 13:01:02</t>
  </si>
  <si>
    <t>08/12/1978;</t>
  </si>
  <si>
    <t>https://08/12/1978</t>
  </si>
  <si>
    <t>01/22/2020 13:01:13</t>
  </si>
  <si>
    <t>01/22/2020 13:02:39</t>
  </si>
  <si>
    <t>01/22/2020 13:03:39</t>
  </si>
  <si>
    <t>01/22/2020 13:00:36</t>
  </si>
  <si>
    <t>01/22/2020 13:01:35</t>
  </si>
  <si>
    <t>01/22/2020 13:05:39</t>
  </si>
  <si>
    <t>01/22/2020 13:01:44</t>
  </si>
  <si>
    <t>\\acsfs\DEPTOS\EDUCACAO EMPRESARIAL\2 - Operações\0 - BV\1 - TREINADORES\Haruna\INFOGRAFICOS\Thumbs.db</t>
  </si>
  <si>
    <t>01/22/2020 13:01:48</t>
  </si>
  <si>
    <t>\\acsfs\DEPTOS\EDUCACAO EMPRESARIAL\2 - Operações\0 - BV\1 - TREINADORES\Haruna\INFOGRAFICOS\</t>
  </si>
  <si>
    <t>01/22/2020 13:01:49</t>
  </si>
  <si>
    <t>01/22/2020 13:01:53</t>
  </si>
  <si>
    <t>01/22/2020 13:01:54</t>
  </si>
  <si>
    <t>01/22/2020 13:01:55</t>
  </si>
  <si>
    <t>01/22/2020 13:03:07</t>
  </si>
  <si>
    <t>01/22/2020 13:04:27</t>
  </si>
  <si>
    <t>01/22/2020 13:06:40</t>
  </si>
  <si>
    <t>01/22/2020 13:01:58</t>
  </si>
  <si>
    <t>01/22/2020 13:07:40</t>
  </si>
  <si>
    <t>01/22/2020 13:04:36</t>
  </si>
  <si>
    <t>01/22/2020 13:05:36</t>
  </si>
  <si>
    <t>01/22/2020 13:06:06</t>
  </si>
  <si>
    <t>01/22/2020 13:08:10</t>
  </si>
  <si>
    <t>01/22/2020 13:08:41</t>
  </si>
  <si>
    <t>d3d27ab8-f0d5-4e24-8756-a62fd1630d4e.tmp</t>
  </si>
  <si>
    <t>\\acsfs\profiles$\laylaams\Downloads\d3d27ab8-f0d5-4e24-8756-a62fd1630d4e.tmp</t>
  </si>
  <si>
    <t>01/22/2020 13:09:40</t>
  </si>
  <si>
    <t>01/22/2020 13:06:19</t>
  </si>
  <si>
    <t>01/22/2020 13:06:20</t>
  </si>
  <si>
    <t>lu2733221pk6d.tmp</t>
  </si>
  <si>
    <t>\\acsfs\profiles$\RAFAELRF\meu\lu2733221pk6d.tmp</t>
  </si>
  <si>
    <t>01/22/2020 13:05:28</t>
  </si>
  <si>
    <t>01/22/2020 13:10:41</t>
  </si>
  <si>
    <t>01/22/2020 13:09:07</t>
  </si>
  <si>
    <t>01/22/2020 13:07:35</t>
  </si>
  <si>
    <t>16c712c4-a0ae-4789-8aa9-0f2d1d986333.tmp</t>
  </si>
  <si>
    <t>\\acsfs\profiles$\wedersonbadr\My Documents\My Music\16c712c4-a0ae-4789-8aa9-0f2d1d986333.tmp</t>
  </si>
  <si>
    <t>01/22/2020 13:12:41</t>
  </si>
  <si>
    <t>01/22/2020 13:08:42</t>
  </si>
  <si>
    <t>01/22/2020 13:08:43</t>
  </si>
  <si>
    <t>01/22/2020 13:08:44</t>
  </si>
  <si>
    <t>01/22/2020 13:08:45</t>
  </si>
  <si>
    <t>01/22/2020 13:08:46</t>
  </si>
  <si>
    <t>01/22/2020 13:08:47</t>
  </si>
  <si>
    <t>01/22/2020 13:08:48</t>
  </si>
  <si>
    <t>01/22/2020 13:08:49</t>
  </si>
  <si>
    <t>01/22/2020 13:08:50</t>
  </si>
  <si>
    <t>01/22/2020 13:08:51</t>
  </si>
  <si>
    <t>01/22/2020 13:08:52</t>
  </si>
  <si>
    <t>01/22/2020 13:08:53</t>
  </si>
  <si>
    <t>01/22/2020 13:08:54</t>
  </si>
  <si>
    <t>01/22/2020 13:08:55</t>
  </si>
  <si>
    <t>01/22/2020 13:08:56</t>
  </si>
  <si>
    <t>01/22/2020 13:08:57</t>
  </si>
  <si>
    <t>01/22/2020 13:08:58</t>
  </si>
  <si>
    <t>01/22/2020 13:08:59</t>
  </si>
  <si>
    <t>01/22/2020 13:12:06</t>
  </si>
  <si>
    <t>01/22/2020 13:13:40</t>
  </si>
  <si>
    <t>01/22/2020 13:09:10</t>
  </si>
  <si>
    <t>1d475e32-65cb-419d-af1d-03274ddd8dc3.tmp</t>
  </si>
  <si>
    <t>\\acsfs\profiles$\laylaams\Downloads\1d475e32-65cb-419d-af1d-03274ddd8dc3.tmp</t>
  </si>
  <si>
    <t>01/22/2020 13:11:25</t>
  </si>
  <si>
    <t>01/22/2020 13:12:11</t>
  </si>
  <si>
    <t>01/22/2020 13:15:40</t>
  </si>
  <si>
    <t>01/22/2020 13:13:33</t>
  </si>
  <si>
    <t>01/22/2020 13:13:35</t>
  </si>
  <si>
    <t>01/22/2020 13:12:13</t>
  </si>
  <si>
    <t>01/22/2020 13:12:58</t>
  </si>
  <si>
    <t>01/22/2020 13:15:06</t>
  </si>
  <si>
    <t>01/22/2020 13:13:20</t>
  </si>
  <si>
    <t>01/22/2020 13:17:40</t>
  </si>
  <si>
    <t>XLOG_antoniosva_22012020_131252.log</t>
  </si>
  <si>
    <t>\\acsfs\profiles$\antoniosva\My Documents\xworkcenter\logs\XLOG_antoniosva_22012020_131252.log</t>
  </si>
  <si>
    <t>01/22/2020 13:15:17</t>
  </si>
  <si>
    <t>70dadfe4-de5f-40b7-ac74-bcb380484d0f.tmp</t>
  </si>
  <si>
    <t>\\acsfs\profiles$\larissaad\Downloads\70dadfe4-de5f-40b7-ac74-bcb380484d0f.tmp</t>
  </si>
  <si>
    <t>01/22/2020 13:18:13</t>
  </si>
  <si>
    <t>01/22/2020 13:18:40</t>
  </si>
  <si>
    <t>94514ac1-8baf-42e6-ba5f-e0dcbe55098d.tmp</t>
  </si>
  <si>
    <t>\\acsfs\profiles$\karinarm\Downloads\94514ac1-8baf-42e6-ba5f-e0dcbe55098d.tmp</t>
  </si>
  <si>
    <t>01/22/2020 13:19:41</t>
  </si>
  <si>
    <t>01/22/2020 13:14:39</t>
  </si>
  <si>
    <t>NPS CHAT.xlsb</t>
  </si>
  <si>
    <t>\\acsfs\ACS\Gabriel da Silva\Contemporânea\NPS\NPS CHAT.xlsb</t>
  </si>
  <si>
    <t>01/22/2020 13:14:19</t>
  </si>
  <si>
    <t>a7cfad16-1814-4f24-b7fb-5f112438d1ed.tmp</t>
  </si>
  <si>
    <t>\\acsfs\profiles$\geovannasm\Downloads\a7cfad16-1814-4f24-b7fb-5f112438d1ed.tmp</t>
  </si>
  <si>
    <t>01/22/2020 13:16:39</t>
  </si>
  <si>
    <t>01/22/2020 13:20:40</t>
  </si>
  <si>
    <t>01/22/2020 13:22:40</t>
  </si>
  <si>
    <t>01/22/2020 13:19:12</t>
  </si>
  <si>
    <t>01/22/2020 13:23:40</t>
  </si>
  <si>
    <t>01/22/2020 13:20:11</t>
  </si>
  <si>
    <t>01/22/2020 13:20:27</t>
  </si>
  <si>
    <t>01/22/2020 13:20:58</t>
  </si>
  <si>
    <t>\\acsfs\profiles$\thaianaads\Contacts\</t>
  </si>
  <si>
    <t>THAIANA ALVES DA SILVA (13593).contact</t>
  </si>
  <si>
    <t>\\acsfs\profiles$\thaianaads\Contacts\THAIANA ALVES DA SILVA (13593).contact</t>
  </si>
  <si>
    <t>01/22/2020 13:21:06</t>
  </si>
  <si>
    <t>\\acsfs\profiles$\thaianaads\My Documents\My Videos\</t>
  </si>
  <si>
    <t>\\acsfs\profiles$\thaianaads\My Documents\My Videos\desktop.ini</t>
  </si>
  <si>
    <t>01/22/2020 13:21:07</t>
  </si>
  <si>
    <t>\\acsfs\profiles$\thaianaads\My Documents\My Pictures\</t>
  </si>
  <si>
    <t>\\acsfs\profiles$\thaianaads\My Documents\My Pictures\desktop.ini</t>
  </si>
  <si>
    <t>01/22/2020 13:21:08</t>
  </si>
  <si>
    <t>\\acsfs\profiles$\thaianaads\Contacts\desktop.ini</t>
  </si>
  <si>
    <t>\\acsfs\profiles$\thaianaads\Favorites\</t>
  </si>
  <si>
    <t>\\acsfs\profiles$\thaianaads\Favorites\desktop.ini</t>
  </si>
  <si>
    <t>01/22/2020 13:21:09</t>
  </si>
  <si>
    <t>\\acsfs\profiles$\thaianaads\My Documents\My Music\</t>
  </si>
  <si>
    <t>\\acsfs\profiles$\thaianaads\My Documents\My Music\desktop.ini</t>
  </si>
  <si>
    <t>01/22/2020 13:21:10</t>
  </si>
  <si>
    <t>\\acsfs\profiles$\thaianaads\Searches\</t>
  </si>
  <si>
    <t>\\acsfs\profiles$\thaianaads\Searches\desktop.ini</t>
  </si>
  <si>
    <t>\\acsfs\profiles$\thaianaads\Downloads\</t>
  </si>
  <si>
    <t>\\acsfs\profiles$\thaianaads\Downloads\desktop.ini</t>
  </si>
  <si>
    <t>01/22/2020 13:21:11</t>
  </si>
  <si>
    <t>\\acsfs\profiles$\thaianaads\My Documents\desktop.ini</t>
  </si>
  <si>
    <t>\\acsfs\profiles$\thaianaads\Saved Games\</t>
  </si>
  <si>
    <t>\\acsfs\profiles$\thaianaads\Saved Games\desktop.ini</t>
  </si>
  <si>
    <t>01/22/2020 13:21:12</t>
  </si>
  <si>
    <t>01/22/2020 13:21:26</t>
  </si>
  <si>
    <t>\\acsfs\profiles$\thaianaads\Favorites\Links for Brasil\</t>
  </si>
  <si>
    <t>\\acsfs\profiles$\thaianaads\Favorites\Links for Brasil\desktop.ini</t>
  </si>
  <si>
    <t>01/22/2020 13:21:27</t>
  </si>
  <si>
    <t>\\acsfs\profiles$\thaianaads\Favorites\Links for Brasil\Microsoft Brasil.url</t>
  </si>
  <si>
    <t>\\acsfs\profiles$\thaianaads\Favorites\Links for Brasil\Windows Brasil.url</t>
  </si>
  <si>
    <t>\\acsfs\profiles$\thaianaads\Favorites\Links for Brasil\MSN Brasil.url</t>
  </si>
  <si>
    <t>01/22/2020 13:21:28</t>
  </si>
  <si>
    <t>01/22/2020 13:19:33</t>
  </si>
  <si>
    <t>01/22/2020 13:24:40</t>
  </si>
  <si>
    <t>94c399a2-7265-43f9-85c6-fc4d1baa632a.tmp</t>
  </si>
  <si>
    <t>\\acsfs\profiles$\karinarm\Downloads\94c399a2-7265-43f9-85c6-fc4d1baa632a.tmp</t>
  </si>
  <si>
    <t>01/22/2020 13:20:28</t>
  </si>
  <si>
    <t>702a6032-4f4c-4869-95e2-eac5085abad2.tmp</t>
  </si>
  <si>
    <t>\\acsfs\profiles$\karinarm\Downloads\702a6032-4f4c-4869-95e2-eac5085abad2.tmp</t>
  </si>
  <si>
    <t>01/22/2020 13:23:11</t>
  </si>
  <si>
    <t>01/22/2020 13:25:41</t>
  </si>
  <si>
    <t>f73cdebf-0501-426e-b4f7-2ece9fcdd847.tmp</t>
  </si>
  <si>
    <t>\\acsfs\profiles$\marcosvnds\Downloads\f73cdebf-0501-426e-b4f7-2ece9fcdd847.tmp</t>
  </si>
  <si>
    <t>01/22/2020 13:20:37</t>
  </si>
  <si>
    <t>01/22/2020 13:26:08</t>
  </si>
  <si>
    <t>01/22/2020 13:27:41</t>
  </si>
  <si>
    <t>30377cff-c819-40da-9da7-c7fdb3557507.tmp</t>
  </si>
  <si>
    <t>\\acsfs\profiles$\lorraynevam\Downloads\30377cff-c819-40da-9da7-c7fdb3557507.tmp</t>
  </si>
  <si>
    <t>01/22/2020 13:23:23</t>
  </si>
  <si>
    <t>\\acsfs\profiles$\nayarasds\Contacts\</t>
  </si>
  <si>
    <t>NAYARA SILVA DE SOUZA (32).contact</t>
  </si>
  <si>
    <t>\\acsfs\profiles$\nayarasds\Contacts\NAYARA SILVA DE SOUZA (32).contact</t>
  </si>
  <si>
    <t>01/22/2020 13:25:54</t>
  </si>
  <si>
    <t>01/22/2020 13:30:40</t>
  </si>
  <si>
    <t>f86755b9-046e-49d4-b137-da29a7d545a6.tmp</t>
  </si>
  <si>
    <t>\\acsfs\profiles$\quindaizaagds\Downloads\f86755b9-046e-49d4-b137-da29a7d545a6.tmp</t>
  </si>
  <si>
    <t>01/22/2020 13:26:56</t>
  </si>
  <si>
    <t>01/22/2020 13:27:07</t>
  </si>
  <si>
    <t>01/22/2020 13:28:25</t>
  </si>
  <si>
    <t>01/22/2020 13:31:11</t>
  </si>
  <si>
    <t>01/22/2020 13:31:40</t>
  </si>
  <si>
    <t>01/22/2020 13:28:06</t>
  </si>
  <si>
    <t>01/22/2020 13:32:40</t>
  </si>
  <si>
    <t>01/22/2020 13:31:28</t>
  </si>
  <si>
    <t>5e45b69b-84fd-4f55-a609-8bfcc500795c.tmp</t>
  </si>
  <si>
    <t>\\acsfs\profiles$\gabrielafs\Downloads\5e45b69b-84fd-4f55-a609-8bfcc500795c.tmp</t>
  </si>
  <si>
    <t>01/22/2020 13:34:41</t>
  </si>
  <si>
    <t>01/22/2020 13:30:55</t>
  </si>
  <si>
    <t>01/22/2020 13:35:40</t>
  </si>
  <si>
    <t>e0cd49f7-3a34-4c0d-b8e3-ce5322d40601.tmp</t>
  </si>
  <si>
    <t>\\acsfs\profiles$\quindaizaagds\Downloads\e0cd49f7-3a34-4c0d-b8e3-ce5322d40601.tmp</t>
  </si>
  <si>
    <t>01/22/2020 13:33:06</t>
  </si>
  <si>
    <t>12d03211-d4de-473f-8866-9583e1d36916.tmp</t>
  </si>
  <si>
    <t>\\acsfs\profiles$\quindaizaagds\Downloads\12d03211-d4de-473f-8866-9583e1d36916.tmp</t>
  </si>
  <si>
    <t>01/22/2020 13:33:33</t>
  </si>
  <si>
    <t>02993252-f55d-4cb2-af6f-a1707f9b0302.tmp</t>
  </si>
  <si>
    <t>\\acsfs\profiles$\quindaizaagds\Downloads\02993252-f55d-4cb2-af6f-a1707f9b0302.tmp</t>
  </si>
  <si>
    <t>01/22/2020 13:33:07</t>
  </si>
  <si>
    <t>01/22/2020 13:34:27</t>
  </si>
  <si>
    <t>01/22/2020 13:35:21</t>
  </si>
  <si>
    <t>Perfect.bo4u40l.partial</t>
  </si>
  <si>
    <t>\\acsfs\profiles$\nathalydds\Downloads\Perfect.bo4u40l.partial</t>
  </si>
  <si>
    <t>01/22/2020 13:37:40</t>
  </si>
  <si>
    <t>01/22/2020 13:36:06</t>
  </si>
  <si>
    <t>01/22/2020 13:39:40</t>
  </si>
  <si>
    <t>100014193183075;</t>
  </si>
  <si>
    <t>https://100014193183075</t>
  </si>
  <si>
    <t>01/22/2020 13:37:15</t>
  </si>
  <si>
    <t>01/22/2020 13:37:58</t>
  </si>
  <si>
    <t>\\udpavonfs01\AVON\00 - ACOMPANHAMENTO AVON\04 - BACKOFFICE CORNERSTONE\2020\01.2020\RELATORIO\Nova pasta\Acompanhamento Backoffice Cornerstone JAN.20.xlsx</t>
  </si>
  <si>
    <t>01/22/2020 13:38:57</t>
  </si>
  <si>
    <t>b53c1c79-9a9f-447b-b3d7-404cd1270e55.tmp</t>
  </si>
  <si>
    <t>\\acsfs\profiles$\KARENDSR\Downloads\b53c1c79-9a9f-447b-b3d7-404cd1270e55.tmp</t>
  </si>
  <si>
    <t>01/22/2020 13:40:40</t>
  </si>
  <si>
    <t>01/22/2020 13:35:55</t>
  </si>
  <si>
    <t>01/22/2020 13:39:08</t>
  </si>
  <si>
    <t>01/22/2020 13:36:11</t>
  </si>
  <si>
    <t>$ITJKAIV.partial</t>
  </si>
  <si>
    <t>\\acsfs\profiles$\nathalydds\Downloads\$RECYCLE.BIN\$ITJKAIV.partial</t>
  </si>
  <si>
    <t>01/22/2020 13:36:55</t>
  </si>
  <si>
    <t>01/22/2020 13:37:36</t>
  </si>
  <si>
    <t>01/22/2020 13:42:40</t>
  </si>
  <si>
    <t>01/22/2020 13:39:43</t>
  </si>
  <si>
    <t>01/22/2020 13:43:40</t>
  </si>
  <si>
    <t>01/22/2020 13:44:40</t>
  </si>
  <si>
    <t>01/22/2020 13:42:55</t>
  </si>
  <si>
    <t>66cdd8a6-147a-4b40-8c10-6e8ffd4e3c44.tmp</t>
  </si>
  <si>
    <t>\\acsfs\profiles$\mariajra\Downloads\66cdd8a6-147a-4b40-8c10-6e8ffd4e3c44.tmp</t>
  </si>
  <si>
    <t>01/22/2020 13:45:40</t>
  </si>
  <si>
    <t>01/22/2020 13:42:15</t>
  </si>
  <si>
    <t>01/22/2020 13:43:45</t>
  </si>
  <si>
    <t>01/22/2020 13:45:07</t>
  </si>
  <si>
    <t>01/22/2020 13:43:08</t>
  </si>
  <si>
    <t>01/22/2020 13:46:40</t>
  </si>
  <si>
    <t>fd992d7d-108b-4d9f-b82f-317a85345a11.tmp</t>
  </si>
  <si>
    <t>\\acsfs\profiles$\brendadsl\Downloads\fd992d7d-108b-4d9f-b82f-317a85345a11.tmp</t>
  </si>
  <si>
    <t>01/22/2020 13:43:43</t>
  </si>
  <si>
    <t>721e5f9e-e957-40c5-8fb7-cb0888c508e5.tmp</t>
  </si>
  <si>
    <t>\\acsfs\profiles$\brendadsl\Downloads\721e5f9e-e957-40c5-8fb7-cb0888c508e5.tmp</t>
  </si>
  <si>
    <t>01/22/2020 13:43:29</t>
  </si>
  <si>
    <t>01/22/2020 13:44:06</t>
  </si>
  <si>
    <t>01/22/2020 13:47:40</t>
  </si>
  <si>
    <t>01/22/2020 13:44:36</t>
  </si>
  <si>
    <t>01/22/2020 13:46:36</t>
  </si>
  <si>
    <t>01/22/2020 13:46:27</t>
  </si>
  <si>
    <t>01/22/2020 13:46:28</t>
  </si>
  <si>
    <t>01/22/2020 13:46:29</t>
  </si>
  <si>
    <t>01/22/2020 13:46:30</t>
  </si>
  <si>
    <t>01/22/2020 13:46:31</t>
  </si>
  <si>
    <t>01/22/2020 13:46:32</t>
  </si>
  <si>
    <t>01/22/2020 13:46:33</t>
  </si>
  <si>
    <t>01/22/2020 13:46:34</t>
  </si>
  <si>
    <t>01/22/2020 13:46:35</t>
  </si>
  <si>
    <t>01/22/2020 13:46:37</t>
  </si>
  <si>
    <t>01/22/2020 13:46:38</t>
  </si>
  <si>
    <t>01/22/2020 13:46:39</t>
  </si>
  <si>
    <t>01/22/2020 13:46:42</t>
  </si>
  <si>
    <t>01/22/2020 13:46:43</t>
  </si>
  <si>
    <t>01/22/2020 13:46:44</t>
  </si>
  <si>
    <t>01/22/2020 13:46:45</t>
  </si>
  <si>
    <t>01/22/2020 13:46:03</t>
  </si>
  <si>
    <t>01/22/2020 13:48:40</t>
  </si>
  <si>
    <t>Reneg - Vcto 25-01.xlsx</t>
  </si>
  <si>
    <t>\\acsfs\DEPTOS\Operacao\Banco_Votorantim\Comum\00 - COMUM - BV CARTÕES\EQUIPE ADILSON\Reneg\Reneg - Vcto 25-01.xlsx</t>
  </si>
  <si>
    <t>01/22/2020 13:49:40</t>
  </si>
  <si>
    <t>a80e84b5-acdb-40dc-b13f-c37380475a78.tmp</t>
  </si>
  <si>
    <t>\\acsfs\profiles$\isabellegtds\Downloads\a80e84b5-acdb-40dc-b13f-c37380475a78.tmp</t>
  </si>
  <si>
    <t>01/22/2020 13:48:07</t>
  </si>
  <si>
    <t>b5138b26-aeeb-4f24-9a46-13a3a2924e4d.tmp</t>
  </si>
  <si>
    <t>\\acsfs\profiles$\isabellegtds\Downloads\b5138b26-aeeb-4f24-9a46-13a3a2924e4d.tmp</t>
  </si>
  <si>
    <t>01/22/2020 13:48:08</t>
  </si>
  <si>
    <t>85d4a9e4-98da-442e-9de5-8d1f0f837be7.tmp</t>
  </si>
  <si>
    <t>\\acsfs\profiles$\isabellegtds\Downloads\85d4a9e4-98da-442e-9de5-8d1f0f837be7.tmp</t>
  </si>
  <si>
    <t>01/22/2020 13:44:58</t>
  </si>
  <si>
    <t>01/22/2020 13:46:25</t>
  </si>
  <si>
    <t>01/22/2020 13:50:41</t>
  </si>
  <si>
    <t>lu9872zhnap.tmp</t>
  </si>
  <si>
    <t>\\acsfs\profiles$\VIVIANALDS\My Documents\lu9872zhnap.tmp</t>
  </si>
  <si>
    <t>\\acsfs\profiles$\VIVIANALDS\My Documents\lu9872zhnap.tmp\</t>
  </si>
  <si>
    <t>\\acsfs\profiles$\VIVIANALDS\My Documents\lu9872zhnap.tmp\META-INF\</t>
  </si>
  <si>
    <t>\\acsfs\profiles$\VIVIANALDS\My Documents\lu9872zhnap.tmp\Thumbnails\</t>
  </si>
  <si>
    <t>01/22/2020 13:47:47</t>
  </si>
  <si>
    <t>54b34666-508b-4c45-bd00-e87c46ece21e.tmp</t>
  </si>
  <si>
    <t>\\acsfs\profiles$\Flaviojmm\Downloads\54b34666-508b-4c45-bd00-e87c46ece21e.tmp</t>
  </si>
  <si>
    <t>01/22/2020 13:49:32</t>
  </si>
  <si>
    <t>209c3f07-430e-4dfa-8776-da941139f751.tmp</t>
  </si>
  <si>
    <t>\\acsfs\profiles$\Flaviojmm\Downloads\209c3f07-430e-4dfa-8776-da941139f751.tmp</t>
  </si>
  <si>
    <t>01/22/2020 13:48:39</t>
  </si>
  <si>
    <t>01/22/2020 13:48:41</t>
  </si>
  <si>
    <t>01/22/2020 13:45:58</t>
  </si>
  <si>
    <t>3b8565a0-af17-4f8d-8d83-278dfe121ae9.tmp</t>
  </si>
  <si>
    <t>\\acsfs\profiles$\luanarda\Downloads\3b8565a0-af17-4f8d-8d83-278dfe121ae9.tmp</t>
  </si>
  <si>
    <t>01/22/2020 13:50:09</t>
  </si>
  <si>
    <t>01/22/2020 13:47:07</t>
  </si>
  <si>
    <t>01/22/2020 13:51:40</t>
  </si>
  <si>
    <t>01/22/2020 13:48:36</t>
  </si>
  <si>
    <t>01/22/2020 13:52:41</t>
  </si>
  <si>
    <t>01/22/2020 13:49:06</t>
  </si>
  <si>
    <t>01/22/2020 13:49:36</t>
  </si>
  <si>
    <t>01/22/2020 13:50:06</t>
  </si>
  <si>
    <t>01/22/2020 13:47:42</t>
  </si>
  <si>
    <t>af3f3b28-316d-472b-94a1-0522e3d47f7b.tmp</t>
  </si>
  <si>
    <t>\\acsfs\profiles$\Angelicacldr\Downloads\af3f3b28-316d-472b-94a1-0522e3d47f7b.tmp</t>
  </si>
  <si>
    <t>01/22/2020 13:49:29</t>
  </si>
  <si>
    <t>5f7015d9-5638-4926-a07f-6554b6e2f67f.tmp</t>
  </si>
  <si>
    <t>\\acsfs\profiles$\lorraynevam\Downloads\5f7015d9-5638-4926-a07f-6554b6e2f67f.tmp</t>
  </si>
  <si>
    <t>01/22/2020 13:48:57</t>
  </si>
  <si>
    <t>9d068975-0c9b-46c7-9421-4ec654240d7b.tmp</t>
  </si>
  <si>
    <t>\\acsfs\profiles$\regisadsa\Downloads\9d068975-0c9b-46c7-9421-4ec654240d7b.tmp</t>
  </si>
  <si>
    <t>01/22/2020 13:50:28</t>
  </si>
  <si>
    <t>f8c9ba65-d854-41a8-afc1-b741b567658c.tmp</t>
  </si>
  <si>
    <t>\\acsfs\profiles$\regisadsa\Downloads\f8c9ba65-d854-41a8-afc1-b741b567658c.tmp</t>
  </si>
  <si>
    <t>01/22/2020 13:50:52</t>
  </si>
  <si>
    <t>3d4f5a0b-04bf-4a67-97a3-6e44757fcacc.tmp</t>
  </si>
  <si>
    <t>\\acsfs\profiles$\regisadsa\Downloads\3d4f5a0b-04bf-4a67-97a3-6e44757fcacc.tmp</t>
  </si>
  <si>
    <t>01/22/2020 13:46:46</t>
  </si>
  <si>
    <t>01/22/2020 13:51:32</t>
  </si>
  <si>
    <t>b1a51818-5aa5-4a2d-aed1-9b6865c39d1f.tmp</t>
  </si>
  <si>
    <t>\\acsfs\profiles$\regisadsa\Downloads\b1a51818-5aa5-4a2d-aed1-9b6865c39d1f.tmp</t>
  </si>
  <si>
    <t>01/22/2020 13:46:47</t>
  </si>
  <si>
    <t>01/22/2020 13:46:48</t>
  </si>
  <si>
    <t>01/22/2020 13:46:49</t>
  </si>
  <si>
    <t>01/22/2020 13:46:50</t>
  </si>
  <si>
    <t>01/22/2020 13:46:51</t>
  </si>
  <si>
    <t>01/22/2020 13:46:52</t>
  </si>
  <si>
    <t>01/22/2020 13:46:53</t>
  </si>
  <si>
    <t>01/22/2020 13:46:54</t>
  </si>
  <si>
    <t>01/22/2020 13:46:55</t>
  </si>
  <si>
    <t>01/22/2020 13:46:56</t>
  </si>
  <si>
    <t>01/22/2020 13:46:57</t>
  </si>
  <si>
    <t>01/22/2020 13:48:38</t>
  </si>
  <si>
    <t>01/22/2020 13:53:40</t>
  </si>
  <si>
    <t>\\acsfs\profiles$\regisedsj\My Documents\My Pictures\</t>
  </si>
  <si>
    <t>\\acsfs\profiles$\regisedsj\My Documents\My Videos\desktop.ini</t>
  </si>
  <si>
    <t>\\acsfs\profiles$\regisedsj\My Documents\My Videos\</t>
  </si>
  <si>
    <t>01/22/2020 13:48:43</t>
  </si>
  <si>
    <t>01/22/2020 13:48:48</t>
  </si>
  <si>
    <t>\\acsfs\profiles$\regisedsj\My Documents\My Music\</t>
  </si>
  <si>
    <t>\\acsfs\profiles$\regisedsj\My Documents\My Pictures\desktop.ini</t>
  </si>
  <si>
    <t>01/22/2020 13:48:49</t>
  </si>
  <si>
    <t>01/22/2020 13:48:50</t>
  </si>
  <si>
    <t>01/22/2020 13:48:51</t>
  </si>
  <si>
    <t>\\acsfs\profiles$\regisedsj\Contacts\</t>
  </si>
  <si>
    <t>\\acsfs\profiles$\regisedsj\Contacts\desktop.ini</t>
  </si>
  <si>
    <t>01/22/2020 13:48:53</t>
  </si>
  <si>
    <t>01/22/2020 13:48:54</t>
  </si>
  <si>
    <t>01/22/2020 13:48:55</t>
  </si>
  <si>
    <t>01/22/2020 13:48:58</t>
  </si>
  <si>
    <t>01/22/2020 13:48:59</t>
  </si>
  <si>
    <t>\\acsfs\profiles$\regisedsj\Favorites\desktop.ini</t>
  </si>
  <si>
    <t>01/22/2020 13:49:00</t>
  </si>
  <si>
    <t>01/22/2020 13:49:01</t>
  </si>
  <si>
    <t>01/22/2020 13:49:03</t>
  </si>
  <si>
    <t>01/22/2020 13:49:04</t>
  </si>
  <si>
    <t>01/22/2020 13:49:05</t>
  </si>
  <si>
    <t>\\acsfs\profiles$\regisedsj\My Documents\My Music\desktop.ini</t>
  </si>
  <si>
    <t>01/22/2020 13:49:07</t>
  </si>
  <si>
    <t>01/22/2020 13:49:09</t>
  </si>
  <si>
    <t>01/22/2020 13:49:10</t>
  </si>
  <si>
    <t>01/22/2020 13:49:11</t>
  </si>
  <si>
    <t>\\acsfs\profiles$\regisedsj\Searches\</t>
  </si>
  <si>
    <t>\\acsfs\profiles$\regisedsj\Searches\desktop.ini</t>
  </si>
  <si>
    <t>01/22/2020 13:49:12</t>
  </si>
  <si>
    <t>01/22/2020 13:49:14</t>
  </si>
  <si>
    <t>01/22/2020 13:49:15</t>
  </si>
  <si>
    <t>01/22/2020 13:49:16</t>
  </si>
  <si>
    <t>01/22/2020 13:49:17</t>
  </si>
  <si>
    <t>\\acsfs\profiles$\regisedsj\Downloads\desktop.ini</t>
  </si>
  <si>
    <t>01/22/2020 13:49:18</t>
  </si>
  <si>
    <t>01/22/2020 13:49:19</t>
  </si>
  <si>
    <t>\\acsfs\profiles$\regisedsj\Favorites\</t>
  </si>
  <si>
    <t>\\acsfs\profiles$\regisedsj\My Documents\desktop.ini</t>
  </si>
  <si>
    <t>01/22/2020 13:49:21</t>
  </si>
  <si>
    <t>01/22/2020 13:49:22</t>
  </si>
  <si>
    <t>01/22/2020 13:49:23</t>
  </si>
  <si>
    <t>01/22/2020 13:49:24</t>
  </si>
  <si>
    <t>01/22/2020 13:49:25</t>
  </si>
  <si>
    <t>01/22/2020 13:49:27</t>
  </si>
  <si>
    <t>\\acsfs\profiles$\regisedsj\Saved Games\desktop.ini</t>
  </si>
  <si>
    <t>01/22/2020 13:49:56</t>
  </si>
  <si>
    <t>winrt--{S-1-5-21-602162358-764733703-839522115-358571}-.searchconnector-ms</t>
  </si>
  <si>
    <t>\\acsfs\profiles$\regisedsj\Searches\winrt--{S-1-5-21-602162358-764733703-839522115-358571}-.searchconnector-ms</t>
  </si>
  <si>
    <t>01/22/2020 13:51:53</t>
  </si>
  <si>
    <t>2a5d832d-af26-4a92-897d-252d8d4f36a3.tmp</t>
  </si>
  <si>
    <t>\\acsfs\profiles$\regisedsj\Downloads\2a5d832d-af26-4a92-897d-252d8d4f36a3.tmp</t>
  </si>
  <si>
    <t>01/22/2020 13:52:09</t>
  </si>
  <si>
    <t>Unconfirmed 440611.crdownload</t>
  </si>
  <si>
    <t>\\acsfs\profiles$\regisedsj\Downloads\Unconfirmed 440611.crdownload</t>
  </si>
  <si>
    <t>01/22/2020 13:51:30</t>
  </si>
  <si>
    <t>2a608873-e2e3-4bfb-ae92-9663216fedd8.tmp</t>
  </si>
  <si>
    <t>\\acsfs\profiles$\ingridsm\Downloads\2a608873-e2e3-4bfb-ae92-9663216fedd8.tmp</t>
  </si>
  <si>
    <t>01/22/2020 13:51:16</t>
  </si>
  <si>
    <t>01/22/2020 13:54:40</t>
  </si>
  <si>
    <t>01/22/2020 13:52:43</t>
  </si>
  <si>
    <t>01/22/2020 13:52:20</t>
  </si>
  <si>
    <t>01/22/2020 13:55:40</t>
  </si>
  <si>
    <t>a7dd3df6-1902-440e-95ac-51f275c7940e.tmp</t>
  </si>
  <si>
    <t>\\acsfs\profiles$\KARENJSS\Downloads\a7dd3df6-1902-440e-95ac-51f275c7940e.tmp</t>
  </si>
  <si>
    <t>01/22/2020 13:53:29</t>
  </si>
  <si>
    <t>268a53df-e44c-4e33-8733-e5cbf6a1acdd.tmp</t>
  </si>
  <si>
    <t>\\acsfs\profiles$\KARENJSS\Downloads\268a53df-e44c-4e33-8733-e5cbf6a1acdd.tmp</t>
  </si>
  <si>
    <t>01/22/2020 13:54:59</t>
  </si>
  <si>
    <t>b5766f7d-11b1-46c1-8b32-4c2565dadefd.tmp</t>
  </si>
  <si>
    <t>\\acsfs\profiles$\KARENJSS\Downloads\b5766f7d-11b1-46c1-8b32-4c2565dadefd.tmp</t>
  </si>
  <si>
    <t>01/22/2020 13:55:14</t>
  </si>
  <si>
    <t>0f85d5ea-d85d-495e-abfa-cbca3b59a0ef.tmp</t>
  </si>
  <si>
    <t>\\acsfs\profiles$\KARENJSS\Downloads\0f85d5ea-d85d-495e-abfa-cbca3b59a0ef.tmp</t>
  </si>
  <si>
    <t>01/22/2020 13:51:07</t>
  </si>
  <si>
    <t>01/22/2020 13:51:11</t>
  </si>
  <si>
    <t>Eric Henrique da Silva_1_6780414778074531453_1_32.wav</t>
  </si>
  <si>
    <t>\\acsfs\Deptos\EDUCACAO EMPRESARIAL\FERNANDA MONIT\Fernanda\MONITORIA JANEIRO\Ligaçoes para MUTANT terceiro ciclo janeiro\Eric Henrique da Silva_1_6780414778074531453_1_32.wav</t>
  </si>
  <si>
    <t>01/22/2020 13:53:09</t>
  </si>
  <si>
    <t>01/22/2020 13:53:25</t>
  </si>
  <si>
    <t>01/22/2020 13:53:31</t>
  </si>
  <si>
    <t>01/22/2020 13:54:52</t>
  </si>
  <si>
    <t>01/22/2020 13:54:58</t>
  </si>
  <si>
    <t>01/22/2020 13:55:12</t>
  </si>
  <si>
    <t>01/22/2020 13:55:23</t>
  </si>
  <si>
    <t>01/22/2020 13:56:40</t>
  </si>
  <si>
    <t>01/22/2020 13:53:14</t>
  </si>
  <si>
    <t>661a8c6e-acab-4db1-9b7a-a66dfc9fa58a.tmp</t>
  </si>
  <si>
    <t>\\acsfs\profiles$\sarahbal\Downloads\661a8c6e-acab-4db1-9b7a-a66dfc9fa58a.tmp</t>
  </si>
  <si>
    <t>01/22/2020 13:53:22</t>
  </si>
  <si>
    <t>d59cae51-55ee-4649-a5b2-5f7f07642c04.tmp</t>
  </si>
  <si>
    <t>\\acsfs\profiles$\sarahbal\Downloads\d59cae51-55ee-4649-a5b2-5f7f07642c04.tmp</t>
  </si>
  <si>
    <t>01/22/2020 13:55:36</t>
  </si>
  <si>
    <t>01/22/2020 13:57:41</t>
  </si>
  <si>
    <t>01/22/2020 13:56:06</t>
  </si>
  <si>
    <t>01/22/2020 13:56:36</t>
  </si>
  <si>
    <t>01/22/2020 13:57:06</t>
  </si>
  <si>
    <t>01/22/2020 13:55:44</t>
  </si>
  <si>
    <t>2a2276ce-77f7-48a1-b5ec-e92ac7cfc4eb.tmp</t>
  </si>
  <si>
    <t>\\acsfs\profiles$\regisadsa\Downloads\2a2276ce-77f7-48a1-b5ec-e92ac7cfc4eb.tmp</t>
  </si>
  <si>
    <t>01/22/2020 13:55:47</t>
  </si>
  <si>
    <t>c587070a-bffe-469c-8296-36c94a1a39c1.tmp</t>
  </si>
  <si>
    <t>\\acsfs\profiles$\regisadsa\Downloads\c587070a-bffe-469c-8296-36c94a1a39c1.tmp</t>
  </si>
  <si>
    <t>01/22/2020 13:53:04</t>
  </si>
  <si>
    <t>01/22/2020 13:58:40</t>
  </si>
  <si>
    <t>1f164783-9e03-41f6-aa69-250f5aca6e27.tmp</t>
  </si>
  <si>
    <t>\\acsfs\profiles$\regisedsj\Downloads\1f164783-9e03-41f6-aa69-250f5aca6e27.tmp</t>
  </si>
  <si>
    <t>01/22/2020 13:53:37</t>
  </si>
  <si>
    <t>Unconfirmed 121463.crdownload</t>
  </si>
  <si>
    <t>\\acsfs\profiles$\regisedsj\Downloads\Unconfirmed 121463.crdownload</t>
  </si>
  <si>
    <t>88b55125-7ea0-4dde-a61d-e34c7d15a21e.tmp</t>
  </si>
  <si>
    <t>\\acsfs\profiles$\regisedsj\Downloads\88b55125-7ea0-4dde-a61d-e34c7d15a21e.tmp</t>
  </si>
  <si>
    <t>01/22/2020 13:55:15</t>
  </si>
  <si>
    <t>f22186fb-ec25-4590-9d2d-cd5d7df85351.tmp</t>
  </si>
  <si>
    <t>\\acsfs\profiles$\regisedsj\Downloads\f22186fb-ec25-4590-9d2d-cd5d7df85351.tmp</t>
  </si>
  <si>
    <t>01/22/2020 13:57:58</t>
  </si>
  <si>
    <t>7d18d7f6-9f97-4a36-a9b0-a1245eb98eb9.tmp</t>
  </si>
  <si>
    <t>\\acsfs\profiles$\regisedsj\Downloads\7d18d7f6-9f97-4a36-a9b0-a1245eb98eb9.tmp</t>
  </si>
  <si>
    <t>01/22/2020 13:53:49</t>
  </si>
  <si>
    <t>6e621a10-6611-4961-98d7-a6ee4269e615.tmp</t>
  </si>
  <si>
    <t>\\acsfs\profiles$\paulovadc\Downloads\6e621a10-6611-4961-98d7-a6ee4269e615.tmp</t>
  </si>
  <si>
    <t>01/22/2020 13:58:24</t>
  </si>
  <si>
    <t>01/22/2020 13:59:41</t>
  </si>
  <si>
    <t>b00ba374-b76c-4ea7-82bc-316fd41bb208.tmp</t>
  </si>
  <si>
    <t>\\acsfs\profiles$\alinepp\Downloads\b00ba374-b76c-4ea7-82bc-316fd41bb208.tmp</t>
  </si>
  <si>
    <t>01/22/2020 13:58:25</t>
  </si>
  <si>
    <t>71a553bc-12a5-4e61-9c96-a1ff0681bae3.tmp</t>
  </si>
  <si>
    <t>\\acsfs\profiles$\alinepp\Downloads\71a553bc-12a5-4e61-9c96-a1ff0681bae3.tmp</t>
  </si>
  <si>
    <t>01/22/2020 13:58:26</t>
  </si>
  <si>
    <t>b2f85907-d492-4c86-a7e6-6c76fd7c8744.tmp</t>
  </si>
  <si>
    <t>\\acsfs\profiles$\alinepp\Downloads\b2f85907-d492-4c86-a7e6-6c76fd7c8744.tmp</t>
  </si>
  <si>
    <t>01/22/2020 13:56:39</t>
  </si>
  <si>
    <t>01/22/2020 13:57:24</t>
  </si>
  <si>
    <t>01/22/2020 14:00:40</t>
  </si>
  <si>
    <t>01/22/2020 13:55:21</t>
  </si>
  <si>
    <t>48b6d1bf-51cc-4c42-8404-14f5d4abf079.tmp</t>
  </si>
  <si>
    <t>\\acsfs\profiles$\KARENJSS\Downloads\48b6d1bf-51cc-4c42-8404-14f5d4abf079.tmp</t>
  </si>
  <si>
    <t>91bc6a6b-fcc8-40c9-af8e-2a78a8920705.tmp</t>
  </si>
  <si>
    <t>\\acsfs\profiles$\KARENJSS\Downloads\91bc6a6b-fcc8-40c9-af8e-2a78a8920705.tmp</t>
  </si>
  <si>
    <t>01/22/2020 13:55:24</t>
  </si>
  <si>
    <t>01/22/2020 13:55:49</t>
  </si>
  <si>
    <t>01/22/2020 13:55:50</t>
  </si>
  <si>
    <t>01/22/2020 13:56:02</t>
  </si>
  <si>
    <t>01/22/2020 13:56:09</t>
  </si>
  <si>
    <t>01/22/2020 13:56:16</t>
  </si>
  <si>
    <t>01/22/2020 13:56:18</t>
  </si>
  <si>
    <t>01/22/2020 13:56:24</t>
  </si>
  <si>
    <t>01/22/2020 13:56:32</t>
  </si>
  <si>
    <t>01/22/2020 13:56:50</t>
  </si>
  <si>
    <t>01/22/2020 13:56:53</t>
  </si>
  <si>
    <t>01/22/2020 13:57:07</t>
  </si>
  <si>
    <t>01/22/2020 13:57:21</t>
  </si>
  <si>
    <t>mail.google.com/sync/u/0/i/s?hl=pt-BR&amp;c=1127</t>
  </si>
  <si>
    <t>01/22/2020 13:57:29</t>
  </si>
  <si>
    <t>01/22/2020 13:57:35</t>
  </si>
  <si>
    <t>mail.google.com/sync/u/0/i/s?hl=pt-BR&amp;c=1132</t>
  </si>
  <si>
    <t>01/22/2020 13:57:40</t>
  </si>
  <si>
    <t>01/22/2020 13:57:47</t>
  </si>
  <si>
    <t>01/22/2020 13:57:59</t>
  </si>
  <si>
    <t>01/22/2020 13:58:06</t>
  </si>
  <si>
    <t>01/22/2020 13:58:11</t>
  </si>
  <si>
    <t>01/22/2020 13:58:20</t>
  </si>
  <si>
    <t>mail.google.com/sync/u/0/i/s?hl=pt-BR&amp;c=1144</t>
  </si>
  <si>
    <t>01/22/2020 13:58:23</t>
  </si>
  <si>
    <t>01/22/2020 13:58:35</t>
  </si>
  <si>
    <t>01/22/2020 13:59:01</t>
  </si>
  <si>
    <t>01/22/2020 13:59:25</t>
  </si>
  <si>
    <t>01/22/2020 13:59:26</t>
  </si>
  <si>
    <t>01/22/2020 13:59:34</t>
  </si>
  <si>
    <t>01/22/2020 13:59:45</t>
  </si>
  <si>
    <t>bvs-centralcartoes@bv.com.br;cintia.souza-domingues@dxc.com;fernandorsju@algartech.com;kesiadof@algartech.com;lilianls@algartech.com;marianeps@algartech.com;talmaiardo@algartech.com;thiagordu@algartech.com;</t>
  </si>
  <si>
    <t>bvs-centralcartoes@bv.com.br,cintia.souza-domingues@dxc.com,fernandorsju@algartech.com,kesiadof@algartech.com,lilianls@algartech.com,marianeps@algartech.com,talmaiardo@algartech.com,thiagordu@algartech.com</t>
  </si>
  <si>
    <t>01/22/2020 13:59:52</t>
  </si>
  <si>
    <t>bvs-centralcartoes@bv.com.br;cintia.souza-domingues@dxc.com;fernandorsju@algartech.com;kesiadof@algartech.com;lilianls@algartech.com;marianeps@algartech.com;sofiamses@algartech.com;talmaiardo@algartech.com;thiagordu@algartech.com;</t>
  </si>
  <si>
    <t>bvs-centralcartoes@bv.com.br,cintia.souza-domingues@dxc.com,fernandorsju@algartech.com,kesiadof@algartech.com,lilianls@algartech.com,marianeps@algartech.com,sofiamses@algartech.com,talmaiardo@algartech.com,thiagordu@algartech.com</t>
  </si>
  <si>
    <t>01/22/2020 13:59:57</t>
  </si>
  <si>
    <t>01/22/2020 14:00:13</t>
  </si>
  <si>
    <t>mail.google.com/sync/u/0/i/s?hl=pt-BR&amp;c=1189</t>
  </si>
  <si>
    <t>01/22/2020 13:59:06</t>
  </si>
  <si>
    <t>01/22/2020 14:01:41</t>
  </si>
  <si>
    <t>01/22/2020 13:57:36</t>
  </si>
  <si>
    <t>01/22/2020 14:02:40</t>
  </si>
  <si>
    <t>01/22/2020 14:02:50</t>
  </si>
  <si>
    <t>01/22/2020 14:03:40</t>
  </si>
  <si>
    <t>\\acsfs\DEPTOS\Operacao\Banco_Votorantim\Supervisao\BASE VENDAS\Bases diarias\</t>
  </si>
  <si>
    <t>RELAT_FILAS_1001_DIAR_20191001_050706.CSV</t>
  </si>
  <si>
    <t>\\acsfs\DEPTOS\Operacao\Banco_Votorantim\Supervisao\BASE VENDAS\Bases diarias\RELAT_FILAS_1001_DIAR_20191001_050706.CSV</t>
  </si>
  <si>
    <t>01/22/2020 14:01:32</t>
  </si>
  <si>
    <t>01/22/2020 14:04:40</t>
  </si>
  <si>
    <t>\\udpavonfs01\AVON\00 - ACOMPANHAMENTO AVON\04 - BACKOFFICE CORNERSTONE\2020\01.2020\RELATORIO\21.01.2020\</t>
  </si>
  <si>
    <t>\\udpavonfs01\AVON\00 - ACOMPANHAMENTO AVON\04 - BACKOFFICE CORNERSTONE\2020\01.2020\RELATORIO\21.01.2020\Acompanhamento Backoffice Cornerstone JAN.20.xlsx</t>
  </si>
  <si>
    <t>01/22/2020 14:00:56</t>
  </si>
  <si>
    <t>f252dc91-fb02-413e-bd04-2296bb77f709.tmp</t>
  </si>
  <si>
    <t>\\acsfs\profiles$\alinepp\Downloads\f252dc91-fb02-413e-bd04-2296bb77f709.tmp</t>
  </si>
  <si>
    <t>01/22/2020 14:02:27</t>
  </si>
  <si>
    <t>7ded3a7f-1b4b-4f40-abbd-ece3e886d25c.tmp</t>
  </si>
  <si>
    <t>\\acsfs\profiles$\alinepp\Downloads\7ded3a7f-1b4b-4f40-abbd-ece3e886d25c.tmp</t>
  </si>
  <si>
    <t>01/22/2020 14:02:52</t>
  </si>
  <si>
    <t>8d45ae03-2a9d-4c19-8009-8f9e946a946e.tmp</t>
  </si>
  <si>
    <t>\\acsfs\profiles$\alinepp\Downloads\8d45ae03-2a9d-4c19-8009-8f9e946a946e.tmp</t>
  </si>
  <si>
    <t>01/22/2020 13:59:28</t>
  </si>
  <si>
    <t>01/22/2020 14:00:01</t>
  </si>
  <si>
    <t>NPS CHAT.xlsx</t>
  </si>
  <si>
    <t>\\acsfs\ACS\Gabriel da Silva\Contemporânea\NPS\NPS CHAT.xlsx</t>
  </si>
  <si>
    <t>01/22/2020 14:00:19</t>
  </si>
  <si>
    <t>01/22/2020 14:04:15</t>
  </si>
  <si>
    <t>2f11d0a8-9d07-4b4b-a722-b4352d905a38.tmp</t>
  </si>
  <si>
    <t>\\acsfs\profiles$\luanaldsi\Downloads\2f11d0a8-9d07-4b4b-a722-b4352d905a38.tmp</t>
  </si>
  <si>
    <t>01/22/2020 14:05:41</t>
  </si>
  <si>
    <t>01/22/2020 14:04:35</t>
  </si>
  <si>
    <t>01/22/2020 14:00:28</t>
  </si>
  <si>
    <t>kesiadof@algartech.com;lilianls@algartech.com;sofiamses@algartech.com;talmaiardo@algartech.com;</t>
  </si>
  <si>
    <t>kesiadof@algartech.com,lilianls@algartech.com,sofiamses@algartech.com,talmaiardo@algartech.com</t>
  </si>
  <si>
    <t>01/22/2020 14:00:31</t>
  </si>
  <si>
    <t>01/22/2020 14:00:51</t>
  </si>
  <si>
    <t>mail.google.com/sync/u/0/i/s?hl=pt-BR&amp;c=1198</t>
  </si>
  <si>
    <t>01/22/2020 14:01:16</t>
  </si>
  <si>
    <t>01/22/2020 14:01:19</t>
  </si>
  <si>
    <t>01/22/2020 14:01:20</t>
  </si>
  <si>
    <t>01/22/2020 14:01:24</t>
  </si>
  <si>
    <t>mail.google.com/sync/u/0/i/s?hl=pt-BR&amp;c=1205</t>
  </si>
  <si>
    <t>01/22/2020 14:01:50</t>
  </si>
  <si>
    <t>mail.google.com/sync/u/0/i/s?hl=pt-BR&amp;c=1208</t>
  </si>
  <si>
    <t>01/22/2020 14:01:54</t>
  </si>
  <si>
    <t>01/22/2020 14:02:02</t>
  </si>
  <si>
    <t>01/22/2020 14:02:05</t>
  </si>
  <si>
    <t>01/22/2020 14:02:18</t>
  </si>
  <si>
    <t>mail.google.com/sync/u/0/i/s?hl=pt-BR&amp;c=1216</t>
  </si>
  <si>
    <t>01/22/2020 14:02:25</t>
  </si>
  <si>
    <t>mail.google.com/sync/u/0/i/s?hl=pt-BR&amp;c=1218</t>
  </si>
  <si>
    <t>01/22/2020 14:03:07</t>
  </si>
  <si>
    <t>01/22/2020 14:04:16</t>
  </si>
  <si>
    <t>Fabiana Fontinele Veras_1_6780385387613328225_1_32.wav</t>
  </si>
  <si>
    <t>\\acsfs\Deptos\EDUCACAO EMPRESARIAL\FERNANDA MONIT\Fernanda\MONITORIA JANEIRO\Ligaçoes para MUTANT terceiro ciclo janeiro\Fabiana Fontinele Veras_1_6780385387613328225_1_32.wav</t>
  </si>
  <si>
    <t>01/22/2020 14:05:19</t>
  </si>
  <si>
    <t>01/22/2020 14:05:55</t>
  </si>
  <si>
    <t>01/22/2020 14:06:40</t>
  </si>
  <si>
    <t>01/22/2020 14:03:06</t>
  </si>
  <si>
    <t>01/22/2020 14:07:40</t>
  </si>
  <si>
    <t>01/22/2020 14:04:06</t>
  </si>
  <si>
    <t>01/22/2020 14:02:57</t>
  </si>
  <si>
    <t>01/22/2020 14:08:41</t>
  </si>
  <si>
    <t>RELAT_FILAS_1001_DIAR_20191002_045938.CSV</t>
  </si>
  <si>
    <t>\\acsfs\DEPTOS\Operacao\Banco_Votorantim\Supervisao\BASE VENDAS\Bases diarias\RELAT_FILAS_1001_DIAR_20191002_045938.CSV</t>
  </si>
  <si>
    <t>01/22/2020 14:03:03</t>
  </si>
  <si>
    <t>RELAT_FILAS_1001_DIAR_20191003_044944.CSV</t>
  </si>
  <si>
    <t>\\acsfs\DEPTOS\Operacao\Banco_Votorantim\Supervisao\BASE VENDAS\Bases diarias\RELAT_FILAS_1001_DIAR_20191003_044944.CSV</t>
  </si>
  <si>
    <t>01/22/2020 14:03:11</t>
  </si>
  <si>
    <t>RELAT_FILAS_1001_DIAR_20191004_045606.CSV</t>
  </si>
  <si>
    <t>\\acsfs\DEPTOS\Operacao\Banco_Votorantim\Supervisao\BASE VENDAS\Bases diarias\RELAT_FILAS_1001_DIAR_20191004_045606.CSV</t>
  </si>
  <si>
    <t>01/22/2020 14:03:18</t>
  </si>
  <si>
    <t>RELAT_FILAS_1001_DIAR_20191005_043646.CSV</t>
  </si>
  <si>
    <t>\\acsfs\DEPTOS\Operacao\Banco_Votorantim\Supervisao\BASE VENDAS\Bases diarias\RELAT_FILAS_1001_DIAR_20191005_043646.CSV</t>
  </si>
  <si>
    <t>01/22/2020 14:03:22</t>
  </si>
  <si>
    <t>RELAT_FILAS_1001_DIAR_20191006_042241.CSV</t>
  </si>
  <si>
    <t>\\acsfs\DEPTOS\Operacao\Banco_Votorantim\Supervisao\BASE VENDAS\Bases diarias\RELAT_FILAS_1001_DIAR_20191006_042241.CSV</t>
  </si>
  <si>
    <t>01/22/2020 14:03:23</t>
  </si>
  <si>
    <t>RELAT_FILAS_1001_DIAR_20191007_040548.CSV</t>
  </si>
  <si>
    <t>\\acsfs\DEPTOS\Operacao\Banco_Votorantim\Supervisao\BASE VENDAS\Bases diarias\RELAT_FILAS_1001_DIAR_20191007_040548.CSV</t>
  </si>
  <si>
    <t>01/22/2020 14:03:33</t>
  </si>
  <si>
    <t>RELAT_FILAS_1001_DIAR_20191008_051318.CSV</t>
  </si>
  <si>
    <t>\\acsfs\DEPTOS\Operacao\Banco_Votorantim\Supervisao\BASE VENDAS\Bases diarias\RELAT_FILAS_1001_DIAR_20191008_051318.CSV</t>
  </si>
  <si>
    <t>01/22/2020 14:03:42</t>
  </si>
  <si>
    <t>RELAT_FILAS_1001_DIAR_20191009_050719.CSV</t>
  </si>
  <si>
    <t>\\acsfs\DEPTOS\Operacao\Banco_Votorantim\Supervisao\BASE VENDAS\Bases diarias\RELAT_FILAS_1001_DIAR_20191009_050719.CSV</t>
  </si>
  <si>
    <t>01/22/2020 14:03:51</t>
  </si>
  <si>
    <t>RELAT_FILAS_1001_DIAR_20191010_045655.CSV</t>
  </si>
  <si>
    <t>\\acsfs\DEPTOS\Operacao\Banco_Votorantim\Supervisao\BASE VENDAS\Bases diarias\RELAT_FILAS_1001_DIAR_20191010_045655.CSV</t>
  </si>
  <si>
    <t>01/22/2020 14:03:59</t>
  </si>
  <si>
    <t>RELAT_FILAS_1001_DIAR_20191011_045607.CSV</t>
  </si>
  <si>
    <t>\\acsfs\DEPTOS\Operacao\Banco_Votorantim\Supervisao\BASE VENDAS\Bases diarias\RELAT_FILAS_1001_DIAR_20191011_045607.CSV</t>
  </si>
  <si>
    <t>01/22/2020 14:04:05</t>
  </si>
  <si>
    <t>RELAT_FILAS_1001_DIAR_20191012_044018.CSV</t>
  </si>
  <si>
    <t>\\acsfs\DEPTOS\Operacao\Banco_Votorantim\Supervisao\BASE VENDAS\Bases diarias\RELAT_FILAS_1001_DIAR_20191012_044018.CSV</t>
  </si>
  <si>
    <t>01/22/2020 14:04:08</t>
  </si>
  <si>
    <t>RELAT_FILAS_1001_DIAR_20191013_040338.CSV</t>
  </si>
  <si>
    <t>\\acsfs\DEPTOS\Operacao\Banco_Votorantim\Supervisao\BASE VENDAS\Bases diarias\RELAT_FILAS_1001_DIAR_20191013_040338.CSV</t>
  </si>
  <si>
    <t>01/22/2020 14:04:09</t>
  </si>
  <si>
    <t>RELAT_FILAS_1001_DIAR_20191014_040548.CSV</t>
  </si>
  <si>
    <t>\\acsfs\DEPTOS\Operacao\Banco_Votorantim\Supervisao\BASE VENDAS\Bases diarias\RELAT_FILAS_1001_DIAR_20191014_040548.CSV</t>
  </si>
  <si>
    <t>01/22/2020 14:04:18</t>
  </si>
  <si>
    <t>RELAT_FILAS_1001_DIAR_20191015_044129.CSV</t>
  </si>
  <si>
    <t>\\acsfs\DEPTOS\Operacao\Banco_Votorantim\Supervisao\BASE VENDAS\Bases diarias\RELAT_FILAS_1001_DIAR_20191015_044129.CSV</t>
  </si>
  <si>
    <t>01/22/2020 14:04:27</t>
  </si>
  <si>
    <t>RELAT_FILAS_1001_DIAR_20191016_045848.CSV</t>
  </si>
  <si>
    <t>\\acsfs\DEPTOS\Operacao\Banco_Votorantim\Supervisao\BASE VENDAS\Bases diarias\RELAT_FILAS_1001_DIAR_20191016_045848.CSV</t>
  </si>
  <si>
    <t>RELAT_FILAS_1001_DIAR_20191017_045758.CSV</t>
  </si>
  <si>
    <t>\\acsfs\DEPTOS\Operacao\Banco_Votorantim\Supervisao\BASE VENDAS\Bases diarias\RELAT_FILAS_1001_DIAR_20191017_045758.CSV</t>
  </si>
  <si>
    <t>01/22/2020 14:04:42</t>
  </si>
  <si>
    <t>RELAT_FILAS_1001_DIAR_20191018_045205.CSV</t>
  </si>
  <si>
    <t>\\acsfs\DEPTOS\Operacao\Banco_Votorantim\Supervisao\BASE VENDAS\Bases diarias\RELAT_FILAS_1001_DIAR_20191018_045205.CSV</t>
  </si>
  <si>
    <t>01/22/2020 14:04:49</t>
  </si>
  <si>
    <t>RELAT_FILAS_1001_DIAR_20191019_045948.CSV</t>
  </si>
  <si>
    <t>\\acsfs\DEPTOS\Operacao\Banco_Votorantim\Supervisao\BASE VENDAS\Bases diarias\RELAT_FILAS_1001_DIAR_20191019_045948.CSV</t>
  </si>
  <si>
    <t>01/22/2020 14:04:52</t>
  </si>
  <si>
    <t>RELAT_FILAS_1001_DIAR_20191020_042236.CSV</t>
  </si>
  <si>
    <t>\\acsfs\DEPTOS\Operacao\Banco_Votorantim\Supervisao\BASE VENDAS\Bases diarias\RELAT_FILAS_1001_DIAR_20191020_042236.CSV</t>
  </si>
  <si>
    <t>01/22/2020 14:04:54</t>
  </si>
  <si>
    <t>RELAT_FILAS_1001_DIAR_20191021_040707.CSV</t>
  </si>
  <si>
    <t>\\acsfs\DEPTOS\Operacao\Banco_Votorantim\Supervisao\BASE VENDAS\Bases diarias\RELAT_FILAS_1001_DIAR_20191021_040707.CSV</t>
  </si>
  <si>
    <t>01/22/2020 14:05:03</t>
  </si>
  <si>
    <t>RELAT_FILAS_1001_DIAR_20191022_045540.CSV</t>
  </si>
  <si>
    <t>\\acsfs\DEPTOS\Operacao\Banco_Votorantim\Supervisao\BASE VENDAS\Bases diarias\RELAT_FILAS_1001_DIAR_20191022_045540.CSV</t>
  </si>
  <si>
    <t>01/22/2020 14:05:10</t>
  </si>
  <si>
    <t>RELAT_FILAS_1001_DIAR_20191023_044910.CSV</t>
  </si>
  <si>
    <t>\\acsfs\DEPTOS\Operacao\Banco_Votorantim\Supervisao\BASE VENDAS\Bases diarias\RELAT_FILAS_1001_DIAR_20191023_044910.CSV</t>
  </si>
  <si>
    <t>01/22/2020 14:05:18</t>
  </si>
  <si>
    <t>RELAT_FILAS_1001_DIAR_20191024_044754.CSV</t>
  </si>
  <si>
    <t>\\acsfs\DEPTOS\Operacao\Banco_Votorantim\Supervisao\BASE VENDAS\Bases diarias\RELAT_FILAS_1001_DIAR_20191024_044754.CSV</t>
  </si>
  <si>
    <t>01/22/2020 14:05:24</t>
  </si>
  <si>
    <t>RELAT_FILAS_1001_DIAR_20191025_044627.CSV</t>
  </si>
  <si>
    <t>\\acsfs\DEPTOS\Operacao\Banco_Votorantim\Supervisao\BASE VENDAS\Bases diarias\RELAT_FILAS_1001_DIAR_20191025_044627.CSV</t>
  </si>
  <si>
    <t>01/22/2020 14:05:26</t>
  </si>
  <si>
    <t>RELAT_FILAS_1001_DIAR_20191028_040638.CSV</t>
  </si>
  <si>
    <t>\\acsfs\DEPTOS\Operacao\Banco_Votorantim\Supervisao\BASE VENDAS\Bases diarias\RELAT_FILAS_1001_DIAR_20191028_040638.CSV</t>
  </si>
  <si>
    <t>01/22/2020 14:05:34</t>
  </si>
  <si>
    <t>RELAT_FILAS_1001_DIAR_20191029_045341.CSV</t>
  </si>
  <si>
    <t>\\acsfs\DEPTOS\Operacao\Banco_Votorantim\Supervisao\BASE VENDAS\Bases diarias\RELAT_FILAS_1001_DIAR_20191029_045341.CSV</t>
  </si>
  <si>
    <t>RELAT_FILAS_1001_DIAR_20191030_045323.CSV</t>
  </si>
  <si>
    <t>\\acsfs\DEPTOS\Operacao\Banco_Votorantim\Supervisao\BASE VENDAS\Bases diarias\RELAT_FILAS_1001_DIAR_20191030_045323.CSV</t>
  </si>
  <si>
    <t>01/22/2020 14:05:36</t>
  </si>
  <si>
    <t>01/22/2020 14:06:00</t>
  </si>
  <si>
    <t>01/22/2020 14:06:06</t>
  </si>
  <si>
    <t>7;fernandaab@algartech.com;lilianls@algartech.com;talmaiardo@algartech.com;</t>
  </si>
  <si>
    <t>7,fernandaab@algartech.com,lilianls@algartech.com,talmaiardo@algartech.com</t>
  </si>
  <si>
    <t>01/22/2020 14:06:08</t>
  </si>
  <si>
    <t>7;fernandaab@algartech.com;lilianls@algartech.com;sofiamses@algartech.com;talmaiardo@algartech.com;</t>
  </si>
  <si>
    <t>7,fernandaab@algartech.com,lilianls@algartech.com,sofiamses@algartech.com,talmaiardo@algartech.com</t>
  </si>
  <si>
    <t>01/22/2020 14:06:19</t>
  </si>
  <si>
    <t>bvs-centralcartoes@bv.com.br;cintia.souza-domingues@dxc.com;fernandaab@algartech.com;fernandorsju@algartech.com;lilianls@algartech.com;marianeps@algartech.com;sofiamses@algartech.com;talmaiardo@algartech.com;thiagordu@algartech.com;</t>
  </si>
  <si>
    <t>bvs-centralcartoes@bv.com.br,cintia.souza-domingues@dxc.com,fernandaab@algartech.com,fernandorsju@algartech.com,lilianls@algartech.com,marianeps@algartech.com,sofiamses@algartech.com,talmaiardo@algartech.com,thiagordu@algartech.com</t>
  </si>
  <si>
    <t>01/22/2020 14:06:22</t>
  </si>
  <si>
    <t>01/22/2020 14:06:31</t>
  </si>
  <si>
    <t>01/22/2020 14:06:48</t>
  </si>
  <si>
    <t>fernandaab@algartech.com;lilianls@algartech.com;sofiamses@algartech.com;talmaiardo@algartech.com;thiagordu@algartech.com;</t>
  </si>
  <si>
    <t>fernandaab@algartech.com,lilianls@algartech.com,sofiamses@algartech.com,talmaiardo@algartech.com,thiagordu@algartech.com</t>
  </si>
  <si>
    <t>01/22/2020 14:06:53</t>
  </si>
  <si>
    <t>01/22/2020 14:07:00</t>
  </si>
  <si>
    <t>01/22/2020 14:07:10</t>
  </si>
  <si>
    <t>01/22/2020 14:07:26</t>
  </si>
  <si>
    <t>01/22/2020 14:07:27</t>
  </si>
  <si>
    <t>01/22/2020 14:07:49</t>
  </si>
  <si>
    <t>fernandaab@algartech.com;lilianls@algartech.com;sofiamses@algartech.com;talmaiardo@algartech.com;</t>
  </si>
  <si>
    <t>fernandaab@algartech.com,lilianls@algartech.com,sofiamses@algartech.com,talmaiardo@algartech.com</t>
  </si>
  <si>
    <t>01/22/2020 14:08:06</t>
  </si>
  <si>
    <t>01/22/2020 14:08:30</t>
  </si>
  <si>
    <t>fernandaab@algartech.com;lilianls@algartech.com;rafaelggs@algartech.com;sofiamses@algartech.com;talmaiardo@algartech.com;thiagordu@algartech.com;</t>
  </si>
  <si>
    <t>fernandaab@algartech.com,lilianls@algartech.com,rafaelggs@algartech.com,sofiamses@algartech.com,talmaiardo@algartech.com,thiagordu@algartech.com</t>
  </si>
  <si>
    <t>01/22/2020 14:07:46</t>
  </si>
  <si>
    <t>01/22/2020 14:09:40</t>
  </si>
  <si>
    <t>01/22/2020 14:05:37</t>
  </si>
  <si>
    <t>74ce8363-c445-4171-a009-b65d66bcdeb8.tmp</t>
  </si>
  <si>
    <t>\\acsfs\profiles$\alinepp\Downloads\74ce8363-c445-4171-a009-b65d66bcdeb8.tmp</t>
  </si>
  <si>
    <t>01/22/2020 14:08:45</t>
  </si>
  <si>
    <t>01/22/2020 14:10:41</t>
  </si>
  <si>
    <t>01/22/2020 14:06:37</t>
  </si>
  <si>
    <t>c90c7397-f50e-4e1a-b3fc-7fcac6c3c13e.tmp</t>
  </si>
  <si>
    <t>\\acsfs\profiles$\marcosvnds\Downloads\c90c7397-f50e-4e1a-b3fc-7fcac6c3c13e.tmp</t>
  </si>
  <si>
    <t>01/22/2020 14:05:43</t>
  </si>
  <si>
    <t>Relacionamento com o cliente.pptx</t>
  </si>
  <si>
    <t>\\acsfs\DEPTOS\EDUCACAO EMPRESARIAL\2 - Operações\0 - BV\1 - TREINADORES\Haruna\Templates\Relacionamento com o cliente.pptx</t>
  </si>
  <si>
    <t>01/22/2020 14:08:24</t>
  </si>
  <si>
    <t>6cf567b6-e7c9-406a-93c3-987420c7ff3c.tmp</t>
  </si>
  <si>
    <t>\\acsfs\profiles$\KARENJSS\Downloads\6cf567b6-e7c9-406a-93c3-987420c7ff3c.tmp</t>
  </si>
  <si>
    <t>01/22/2020 14:06:49</t>
  </si>
  <si>
    <t>01/22/2020 14:09:07</t>
  </si>
  <si>
    <t>01/22/2020 14:10:06</t>
  </si>
  <si>
    <t>01/22/2020 14:09:36</t>
  </si>
  <si>
    <t>01/22/2020 14:12:41</t>
  </si>
  <si>
    <t>01/22/2020 14:11:06</t>
  </si>
  <si>
    <t>01/22/2020 14:07:32</t>
  </si>
  <si>
    <t>cd739d46-d1b0-4210-be67-45c9cd828f38.tmp</t>
  </si>
  <si>
    <t>\\acsfs\profiles$\danielac\Downloads\cd739d46-d1b0-4210-be67-45c9cd828f38.tmp</t>
  </si>
  <si>
    <t>01/22/2020 14:08:37</t>
  </si>
  <si>
    <t>01/22/2020 14:13:40</t>
  </si>
  <si>
    <t>\\acsfs\DEPTOS\Operacao\Banco_Votorantim\Supervisao\BASE VENDAS\Novembro 2019\</t>
  </si>
  <si>
    <t>RELAT_FILAS_1001_DIAR_20191130_045450.CSV</t>
  </si>
  <si>
    <t>\\acsfs\DEPTOS\Operacao\Banco_Votorantim\Supervisao\BASE VENDAS\Novembro 2019\RELAT_FILAS_1001_DIAR_20191130_045450.CSV</t>
  </si>
  <si>
    <t>01/22/2020 14:09:14</t>
  </si>
  <si>
    <t>01/22/2020 14:12:05</t>
  </si>
  <si>
    <t>\\acsfs\DEPTOS\Operacao\Banco_Votorantim\Supervisao\BASE VENDAS\Novembro 2019\Base Consolidada.xlsb</t>
  </si>
  <si>
    <t>01/22/2020 14:12:14</t>
  </si>
  <si>
    <t>RELAT_FILAS_1001_DIAR_20191102_044832.CSV</t>
  </si>
  <si>
    <t>\\acsfs\DEPTOS\Operacao\Banco_Votorantim\Supervisao\BASE VENDAS\Novembro 2019\RELAT_FILAS_1001_DIAR_20191102_044832.CSV</t>
  </si>
  <si>
    <t>01/22/2020 14:12:16</t>
  </si>
  <si>
    <t>RELAT_FILAS_1001_DIAR_20191103_040338.CSV</t>
  </si>
  <si>
    <t>\\acsfs\DEPTOS\Operacao\Banco_Votorantim\Supervisao\BASE VENDAS\Novembro 2019\RELAT_FILAS_1001_DIAR_20191103_040338.CSV</t>
  </si>
  <si>
    <t>01/22/2020 14:12:17</t>
  </si>
  <si>
    <t>RELAT_FILAS_1001_DIAR_20191104_040633.CSV</t>
  </si>
  <si>
    <t>\\acsfs\DEPTOS\Operacao\Banco_Votorantim\Supervisao\BASE VENDAS\Novembro 2019\RELAT_FILAS_1001_DIAR_20191104_040633.CSV</t>
  </si>
  <si>
    <t>01/22/2020 14:12:25</t>
  </si>
  <si>
    <t>RELAT_FILAS_1001_DIAR_20191105_045832.CSV</t>
  </si>
  <si>
    <t>\\acsfs\DEPTOS\Operacao\Banco_Votorantim\Supervisao\BASE VENDAS\Novembro 2019\RELAT_FILAS_1001_DIAR_20191105_045832.CSV</t>
  </si>
  <si>
    <t>01/22/2020 14:12:34</t>
  </si>
  <si>
    <t>RELAT_FILAS_1001_DIAR_20191106_045730.CSV</t>
  </si>
  <si>
    <t>\\acsfs\DEPTOS\Operacao\Banco_Votorantim\Supervisao\BASE VENDAS\Novembro 2019\RELAT_FILAS_1001_DIAR_20191106_045730.CSV</t>
  </si>
  <si>
    <t>RELAT_FILAS_1001_DIAR_20191107_050136.CSV</t>
  </si>
  <si>
    <t>\\acsfs\DEPTOS\Operacao\Banco_Votorantim\Supervisao\BASE VENDAS\Novembro 2019\RELAT_FILAS_1001_DIAR_20191107_050136.CSV</t>
  </si>
  <si>
    <t>01/22/2020 14:12:48</t>
  </si>
  <si>
    <t>RELAT_FILAS_1001_DIAR_20191108_050814.CSV</t>
  </si>
  <si>
    <t>\\acsfs\DEPTOS\Operacao\Banco_Votorantim\Supervisao\BASE VENDAS\Novembro 2019\RELAT_FILAS_1001_DIAR_20191108_050814.CSV</t>
  </si>
  <si>
    <t>01/22/2020 14:08:39</t>
  </si>
  <si>
    <t>01/22/2020 14:08:50</t>
  </si>
  <si>
    <t>01/22/2020 14:08:58</t>
  </si>
  <si>
    <t>01/22/2020 14:09:09</t>
  </si>
  <si>
    <t>01/22/2020 14:09:16</t>
  </si>
  <si>
    <t>01/22/2020 14:14:40</t>
  </si>
  <si>
    <t>01/22/2020 14:09:24</t>
  </si>
  <si>
    <t>01/22/2020 14:12:29</t>
  </si>
  <si>
    <t>MYLLENA RIBEIRO DE LIMA_1_6780758452767630581_1_32.wav</t>
  </si>
  <si>
    <t>\\acsfs\Deptos\EDUCACAO EMPRESARIAL\KÉSIA\Ligações 3º ciclo - Janeiro 2020\MYLLENA RIBEIRO DE LIMA_1_6780758452767630581_1_32.wav</t>
  </si>
  <si>
    <t>01/22/2020 14:09:58</t>
  </si>
  <si>
    <t>01/22/2020 14:11:33</t>
  </si>
  <si>
    <t>\\acsfs\ACS\Gabriel da Silva\Contemporânea\BDBV\C035E873.tmp\</t>
  </si>
  <si>
    <t>\\acsfs\ACS\Gabriel da Silva\Contemporânea\BDBV\C035E873.tmp\:Zone.Identifier:$DATA</t>
  </si>
  <si>
    <t>01/22/2020 14:11:34</t>
  </si>
  <si>
    <t>01/22/2020 14:11:07</t>
  </si>
  <si>
    <t>01/22/2020 14:15:40</t>
  </si>
  <si>
    <t>01/22/2020 14:11:10</t>
  </si>
  <si>
    <t>01/22/2020 14:11:28</t>
  </si>
  <si>
    <t>01/22/2020 14:13:47</t>
  </si>
  <si>
    <t>01/22/2020 14:13:51</t>
  </si>
  <si>
    <t>01/22/2020 14:14:20</t>
  </si>
  <si>
    <t>01/22/2020 14:14:53</t>
  </si>
  <si>
    <t>01/22/2020 14:15:04</t>
  </si>
  <si>
    <t>01/22/2020 14:15:05</t>
  </si>
  <si>
    <t>01/22/2020 14:15:17</t>
  </si>
  <si>
    <t>01/22/2020 14:15:22</t>
  </si>
  <si>
    <t>01/22/2020 14:15:31</t>
  </si>
  <si>
    <t>01/22/2020 14:16:41</t>
  </si>
  <si>
    <t>60c289d8-a30f-44c9-8528-d9a8ffda3407.tmp</t>
  </si>
  <si>
    <t>\\acsfs\profiles$\edicarlosdl\Downloads\60c289d8-a30f-44c9-8528-d9a8ffda3407.tmp</t>
  </si>
  <si>
    <t>01/22/2020 14:12:23</t>
  </si>
  <si>
    <t>0db9a91d-59d4-4445-bc96-e117399883e0.tmp</t>
  </si>
  <si>
    <t>\\acsfs\profiles$\edicarlosdl\Downloads\0db9a91d-59d4-4445-bc96-e117399883e0.tmp</t>
  </si>
  <si>
    <t>01/22/2020 14:13:56</t>
  </si>
  <si>
    <t>a4d4d289-dfa8-4d88-ab7c-1e5e54bac0da.tmp</t>
  </si>
  <si>
    <t>\\acsfs\profiles$\edicarlosdl\Downloads\a4d4d289-dfa8-4d88-ab7c-1e5e54bac0da.tmp</t>
  </si>
  <si>
    <t>01/22/2020 14:15:12</t>
  </si>
  <si>
    <t>01/22/2020 14:13:08</t>
  </si>
  <si>
    <t>01/22/2020 14:17:40</t>
  </si>
  <si>
    <t>01/22/2020 14:18:40</t>
  </si>
  <si>
    <t>01/22/2020 14:12:56</t>
  </si>
  <si>
    <t>RELAT_FILAS_1001_DIAR_20191109_044932.CSV</t>
  </si>
  <si>
    <t>\\acsfs\DEPTOS\Operacao\Banco_Votorantim\Supervisao\BASE VENDAS\Novembro 2019\RELAT_FILAS_1001_DIAR_20191109_044932.CSV</t>
  </si>
  <si>
    <t>01/22/2020 14:16:32</t>
  </si>
  <si>
    <t>4029b0d9-76eb-4da3-aa0f-b0d32ae27386.tmp</t>
  </si>
  <si>
    <t>\\acsfs\profiles$\erichds\Downloads\4029b0d9-76eb-4da3-aa0f-b0d32ae27386.tmp</t>
  </si>
  <si>
    <t>01/22/2020 14:12:59</t>
  </si>
  <si>
    <t>RELAT_FILAS_1001_DIAR_20191110_042731.CSV</t>
  </si>
  <si>
    <t>\\acsfs\DEPTOS\Operacao\Banco_Votorantim\Supervisao\BASE VENDAS\Novembro 2019\RELAT_FILAS_1001_DIAR_20191110_042731.CSV</t>
  </si>
  <si>
    <t>01/22/2020 14:13:01</t>
  </si>
  <si>
    <t>RELAT_FILAS_1001_DIAR_20191111_040657.CSV</t>
  </si>
  <si>
    <t>\\acsfs\DEPTOS\Operacao\Banco_Votorantim\Supervisao\BASE VENDAS\Novembro 2019\RELAT_FILAS_1001_DIAR_20191111_040657.CSV</t>
  </si>
  <si>
    <t>01/22/2020 14:13:09</t>
  </si>
  <si>
    <t>RELAT_FILAS_1001_DIAR_20191112_050545.CSV</t>
  </si>
  <si>
    <t>\\acsfs\DEPTOS\Operacao\Banco_Votorantim\Supervisao\BASE VENDAS\Novembro 2019\RELAT_FILAS_1001_DIAR_20191112_050545.CSV</t>
  </si>
  <si>
    <t>01/22/2020 14:13:18</t>
  </si>
  <si>
    <t>RELAT_FILAS_1001_DIAR_20191113_051415.CSV</t>
  </si>
  <si>
    <t>\\acsfs\DEPTOS\Operacao\Banco_Votorantim\Supervisao\BASE VENDAS\Novembro 2019\RELAT_FILAS_1001_DIAR_20191113_051415.CSV</t>
  </si>
  <si>
    <t>01/22/2020 14:13:26</t>
  </si>
  <si>
    <t>RELAT_FILAS_1001_DIAR_20191114_045447.CSV</t>
  </si>
  <si>
    <t>\\acsfs\DEPTOS\Operacao\Banco_Votorantim\Supervisao\BASE VENDAS\Novembro 2019\RELAT_FILAS_1001_DIAR_20191114_045447.CSV</t>
  </si>
  <si>
    <t>01/22/2020 14:13:34</t>
  </si>
  <si>
    <t>RELAT_FILAS_1001_DIAR_20191115_045115.CSV</t>
  </si>
  <si>
    <t>\\acsfs\DEPTOS\Operacao\Banco_Votorantim\Supervisao\BASE VENDAS\Novembro 2019\RELAT_FILAS_1001_DIAR_20191115_045115.CSV</t>
  </si>
  <si>
    <t>01/22/2020 14:13:36</t>
  </si>
  <si>
    <t>RELAT_FILAS_1001_DIAR_20191116_040349.CSV</t>
  </si>
  <si>
    <t>\\acsfs\DEPTOS\Operacao\Banco_Votorantim\Supervisao\BASE VENDAS\Novembro 2019\RELAT_FILAS_1001_DIAR_20191116_040349.CSV</t>
  </si>
  <si>
    <t>01/22/2020 14:13:39</t>
  </si>
  <si>
    <t>RELAT_FILAS_1001_DIAR_20191117_041934.CSV</t>
  </si>
  <si>
    <t>\\acsfs\DEPTOS\Operacao\Banco_Votorantim\Supervisao\BASE VENDAS\Novembro 2019\RELAT_FILAS_1001_DIAR_20191117_041934.CSV</t>
  </si>
  <si>
    <t>RELAT_FILAS_1001_DIAR_20191118_040500.CSV</t>
  </si>
  <si>
    <t>\\acsfs\DEPTOS\Operacao\Banco_Votorantim\Supervisao\BASE VENDAS\Novembro 2019\RELAT_FILAS_1001_DIAR_20191118_040500.CSV</t>
  </si>
  <si>
    <t>01/22/2020 14:13:50</t>
  </si>
  <si>
    <t>RELAT_FILAS_1001_DIAR_20191119_051110.CSV</t>
  </si>
  <si>
    <t>\\acsfs\DEPTOS\Operacao\Banco_Votorantim\Supervisao\BASE VENDAS\Novembro 2019\RELAT_FILAS_1001_DIAR_20191119_051110.CSV</t>
  </si>
  <si>
    <t>01/22/2020 14:13:59</t>
  </si>
  <si>
    <t>RELAT_FILAS_1001_DIAR_20191120_050737.CSV</t>
  </si>
  <si>
    <t>\\acsfs\DEPTOS\Operacao\Banco_Votorantim\Supervisao\BASE VENDAS\Novembro 2019\RELAT_FILAS_1001_DIAR_20191120_050737.CSV</t>
  </si>
  <si>
    <t>01/22/2020 14:14:04</t>
  </si>
  <si>
    <t>RELAT_FILAS_1001_DIAR_20191121_044424.CSV</t>
  </si>
  <si>
    <t>\\acsfs\DEPTOS\Operacao\Banco_Votorantim\Supervisao\BASE VENDAS\Novembro 2019\RELAT_FILAS_1001_DIAR_20191121_044424.CSV</t>
  </si>
  <si>
    <t>01/22/2020 14:14:11</t>
  </si>
  <si>
    <t>RELAT_FILAS_1001_DIAR_20191122_050250.CSV</t>
  </si>
  <si>
    <t>\\acsfs\DEPTOS\Operacao\Banco_Votorantim\Supervisao\BASE VENDAS\Novembro 2019\RELAT_FILAS_1001_DIAR_20191122_050250.CSV</t>
  </si>
  <si>
    <t>01/22/2020 14:14:17</t>
  </si>
  <si>
    <t>RELAT_FILAS_1001_DIAR_20191123_044114.CSV</t>
  </si>
  <si>
    <t>\\acsfs\DEPTOS\Operacao\Banco_Votorantim\Supervisao\BASE VENDAS\Novembro 2019\RELAT_FILAS_1001_DIAR_20191123_044114.CSV</t>
  </si>
  <si>
    <t>RELAT_FILAS_1001_DIAR_20191124_041938.CSV</t>
  </si>
  <si>
    <t>\\acsfs\DEPTOS\Operacao\Banco_Votorantim\Supervisao\BASE VENDAS\Novembro 2019\RELAT_FILAS_1001_DIAR_20191124_041938.CSV</t>
  </si>
  <si>
    <t>01/22/2020 14:14:21</t>
  </si>
  <si>
    <t>RELAT_FILAS_1001_DIAR_20191125_040635.CSV</t>
  </si>
  <si>
    <t>\\acsfs\DEPTOS\Operacao\Banco_Votorantim\Supervisao\BASE VENDAS\Novembro 2019\RELAT_FILAS_1001_DIAR_20191125_040635.CSV</t>
  </si>
  <si>
    <t>01/22/2020 14:14:30</t>
  </si>
  <si>
    <t>RELAT_FILAS_1001_DIAR_20191126_052023.CSV</t>
  </si>
  <si>
    <t>\\acsfs\DEPTOS\Operacao\Banco_Votorantim\Supervisao\BASE VENDAS\Novembro 2019\RELAT_FILAS_1001_DIAR_20191126_052023.CSV</t>
  </si>
  <si>
    <t>01/22/2020 14:14:38</t>
  </si>
  <si>
    <t>RELAT_FILAS_1001_DIAR_20191127_051351.CSV</t>
  </si>
  <si>
    <t>\\acsfs\DEPTOS\Operacao\Banco_Votorantim\Supervisao\BASE VENDAS\Novembro 2019\RELAT_FILAS_1001_DIAR_20191127_051351.CSV</t>
  </si>
  <si>
    <t>01/22/2020 14:14:45</t>
  </si>
  <si>
    <t>RELAT_FILAS_1001_DIAR_20191128_045748.CSV</t>
  </si>
  <si>
    <t>\\acsfs\DEPTOS\Operacao\Banco_Votorantim\Supervisao\BASE VENDAS\Novembro 2019\RELAT_FILAS_1001_DIAR_20191128_045748.CSV</t>
  </si>
  <si>
    <t>01/22/2020 14:14:52</t>
  </si>
  <si>
    <t>RELAT_FILAS_1001_DIAR_20191129_045643.CSV</t>
  </si>
  <si>
    <t>\\acsfs\DEPTOS\Operacao\Banco_Votorantim\Supervisao\BASE VENDAS\Novembro 2019\RELAT_FILAS_1001_DIAR_20191129_045643.CSV</t>
  </si>
  <si>
    <t>01/22/2020 14:16:02</t>
  </si>
  <si>
    <t>d2f7cb70-cd07-4103-888b-b6e70a2085eb.tmp</t>
  </si>
  <si>
    <t>\\acsfs\profiles$\regisedsj\Downloads\d2f7cb70-cd07-4103-888b-b6e70a2085eb.tmp</t>
  </si>
  <si>
    <t>01/22/2020 14:17:36</t>
  </si>
  <si>
    <t>01/22/2020 14:19:41</t>
  </si>
  <si>
    <t>01/22/2020 14:17:37</t>
  </si>
  <si>
    <t>lu16672d7yrj.tmp</t>
  </si>
  <si>
    <t>\\acsfs\profiles$\ALEXANDREMM\lu16672d7yrj.tmp</t>
  </si>
  <si>
    <t>\\acsfs\profiles$\ALEXANDREMM\lu16672d7yrj.tmp\</t>
  </si>
  <si>
    <t>\\acsfs\profiles$\ALEXANDREMM\lu16672d7yrj.tmp\META-INF\</t>
  </si>
  <si>
    <t>\\acsfs\profiles$\ALEXANDREMM\lu16672d7yrj.tmp\Thumbnails\</t>
  </si>
  <si>
    <t>01/22/2020 14:17:19</t>
  </si>
  <si>
    <t>lu1372812vjd0.tmp</t>
  </si>
  <si>
    <t>\\acsfs\profiles$\luanarda\lu1372812vjd0.tmp</t>
  </si>
  <si>
    <t>\\acsfs\profiles$\luanarda\lu1372812vjd0.tmp\</t>
  </si>
  <si>
    <t>\\acsfs\profiles$\luanarda\lu1372812vjd0.tmp\META-INF\</t>
  </si>
  <si>
    <t>\\acsfs\profiles$\luanarda\lu1372812vjd0.tmp\Thumbnails\</t>
  </si>
  <si>
    <t>01/22/2020 14:14:54</t>
  </si>
  <si>
    <t>01/22/2020 14:20:40</t>
  </si>
  <si>
    <t>262cf850-e222-49c1-8d1c-6f0c563ce7b4.tmp</t>
  </si>
  <si>
    <t>\\acsfs\profiles$\cintiadjl\Downloads\262cf850-e222-49c1-8d1c-6f0c563ce7b4.tmp</t>
  </si>
  <si>
    <t>01/22/2020 13:46:15</t>
  </si>
  <si>
    <t>01/22/2020 13:46:16</t>
  </si>
  <si>
    <t>lu47616b9r0gi.tmp</t>
  </si>
  <si>
    <t>\\acsfs\profiles$\regisedsj\My Documents\lu47616b9r0gi.tmp</t>
  </si>
  <si>
    <t>\\acsfs\profiles$\regisedsj\My Documents\lu47616b9r0gi.tmp\</t>
  </si>
  <si>
    <t>\\acsfs\profiles$\regisedsj\My Documents\lu47616b9r0gi.tmp\META-INF\</t>
  </si>
  <si>
    <t>\\acsfs\profiles$\regisedsj\My Documents\lu47616b9r0gi.tmp\Thumbnails\</t>
  </si>
  <si>
    <t>01/22/2020 14:19:24</t>
  </si>
  <si>
    <t>.~lock.Reneg Vcto 25-01-20 Flavio.ods#</t>
  </si>
  <si>
    <t>\\acsfs\profiles$\Flaviojmm\My Documents\.~lock.Reneg Vcto 25-01-20 Flavio.ods#</t>
  </si>
  <si>
    <t>01/22/2020 14:19:25</t>
  </si>
  <si>
    <t>lu455525lqekd.tmp</t>
  </si>
  <si>
    <t>\\acsfs\profiles$\Flaviojmm\My Documents\lu455525lqekd.tmp</t>
  </si>
  <si>
    <t>\\acsfs\profiles$\Flaviojmm\My Documents\lu455525lqekd.tmp\</t>
  </si>
  <si>
    <t>\\acsfs\profiles$\Flaviojmm\My Documents\lu455525lqekd.tmp\META-INF\</t>
  </si>
  <si>
    <t>\\acsfs\profiles$\Flaviojmm\My Documents\lu455525lqekd.tmp\Thumbnails\</t>
  </si>
  <si>
    <t>01/22/2020 14:19:29</t>
  </si>
  <si>
    <t>01/22/2020 14:21:40</t>
  </si>
  <si>
    <t>01/22/2020 14:16:40</t>
  </si>
  <si>
    <t>mail.google.com/sync/u/0/i/s?hl=pt-BR&amp;c=1254</t>
  </si>
  <si>
    <t>01/22/2020 14:16:48</t>
  </si>
  <si>
    <t>01/22/2020 14:17:07</t>
  </si>
  <si>
    <t>01/22/2020 14:17:10</t>
  </si>
  <si>
    <t>01/22/2020 14:19:11</t>
  </si>
  <si>
    <t>01/22/2020 14:19:21</t>
  </si>
  <si>
    <t>01/22/2020 14:19:38</t>
  </si>
  <si>
    <t>mail.google.com/sync/u/0/i/s?hl=pt-BR&amp;c=1268</t>
  </si>
  <si>
    <t>01/22/2020 14:19:52</t>
  </si>
  <si>
    <t>01/22/2020 14:20:54</t>
  </si>
  <si>
    <t>a7e55522-19a7-4d30-97c3-3b0c5912698c.tmp</t>
  </si>
  <si>
    <t>\\acsfs\profiles$\cassianogc\Downloads\a7e55522-19a7-4d30-97c3-3b0c5912698c.tmp</t>
  </si>
  <si>
    <t>01/22/2020 14:20:47</t>
  </si>
  <si>
    <t>7050ee94-ce22-4581-80af-321427de7595.tmp</t>
  </si>
  <si>
    <t>\\acsfs\profiles$\gabrielaff\Downloads\7050ee94-ce22-4581-80af-321427de7595.tmp</t>
  </si>
  <si>
    <t>01/22/2020 14:18:44</t>
  </si>
  <si>
    <t>01/22/2020 14:22:40</t>
  </si>
  <si>
    <t>e9e3fead-6e1c-4cdf-9057-bd76d7a237e5.tmp</t>
  </si>
  <si>
    <t>\\acsfs\profiles$\lorrainerdl\Downloads\e9e3fead-6e1c-4cdf-9057-bd76d7a237e5.tmp</t>
  </si>
  <si>
    <t>01/22/2020 14:18:36</t>
  </si>
  <si>
    <t>01/22/2020 14:19:06</t>
  </si>
  <si>
    <t>01/22/2020 14:20:06</t>
  </si>
  <si>
    <t>01/22/2020 14:23:41</t>
  </si>
  <si>
    <t>01/22/2020 14:21:11</t>
  </si>
  <si>
    <t>41844a94-c72d-496e-aed4-27e490800848.tmp</t>
  </si>
  <si>
    <t>\\acsfs\profiles$\victorgl\Downloads\41844a94-c72d-496e-aed4-27e490800848.tmp</t>
  </si>
  <si>
    <t>01/22/2020 14:22:32</t>
  </si>
  <si>
    <t>ad15be17-db21-4bfa-b800-22bd6dc07300.tmp</t>
  </si>
  <si>
    <t>\\acsfs\profiles$\victorgl\Downloads\ad15be17-db21-4bfa-b800-22bd6dc07300.tmp</t>
  </si>
  <si>
    <t>2eb41176-0ce8-4fa9-8f41-5f67e8054dd2.tmp</t>
  </si>
  <si>
    <t>\\acsfs\profiles$\erichds\Downloads\2eb41176-0ce8-4fa9-8f41-5f67e8054dd2.tmp</t>
  </si>
  <si>
    <t>01/22/2020 14:22:05</t>
  </si>
  <si>
    <t>fdbb2176-7dfc-4bd6-9a45-83432542c7ff.tmp</t>
  </si>
  <si>
    <t>\\acsfs\profiles$\erichds\Downloads\fdbb2176-7dfc-4bd6-9a45-83432542c7ff.tmp</t>
  </si>
  <si>
    <t>01/22/2020 14:20:29</t>
  </si>
  <si>
    <t>\\acsfs\DEPTOS\Operacao\Banco_Votorantim\Supervisao\BASE VENDAS\Setembro 2019\</t>
  </si>
  <si>
    <t>Base consolidada.xlsb</t>
  </si>
  <si>
    <t>\\acsfs\DEPTOS\Operacao\Banco_Votorantim\Supervisao\BASE VENDAS\Setembro 2019\Base consolidada.xlsb</t>
  </si>
  <si>
    <t>01/22/2020 14:20:34</t>
  </si>
  <si>
    <t>RELAT_FILAS_1001_DIAR_20190901_041904.CSV</t>
  </si>
  <si>
    <t>\\acsfs\DEPTOS\Operacao\Banco_Votorantim\Supervisao\BASE VENDAS\Setembro 2019\RELAT_FILAS_1001_DIAR_20190901_041904.CSV</t>
  </si>
  <si>
    <t>01/22/2020 14:20:36</t>
  </si>
  <si>
    <t>RELAT_FILAS_1001_DIAR_20190902_041353.CSV</t>
  </si>
  <si>
    <t>\\acsfs\DEPTOS\Operacao\Banco_Votorantim\Supervisao\BASE VENDAS\Setembro 2019\RELAT_FILAS_1001_DIAR_20190902_041353.CSV</t>
  </si>
  <si>
    <t>01/22/2020 14:20:44</t>
  </si>
  <si>
    <t>RELAT_FILAS_1001_DIAR_20190903_050114.CSV</t>
  </si>
  <si>
    <t>\\acsfs\DEPTOS\Operacao\Banco_Votorantim\Supervisao\BASE VENDAS\Setembro 2019\RELAT_FILAS_1001_DIAR_20190903_050114.CSV</t>
  </si>
  <si>
    <t>01/22/2020 14:20:52</t>
  </si>
  <si>
    <t>RELAT_FILAS_1001_DIAR_20190904_045827.CSV</t>
  </si>
  <si>
    <t>\\acsfs\DEPTOS\Operacao\Banco_Votorantim\Supervisao\BASE VENDAS\Setembro 2019\RELAT_FILAS_1001_DIAR_20190904_045827.CSV</t>
  </si>
  <si>
    <t>01/22/2020 14:20:59</t>
  </si>
  <si>
    <t>RELAT_FILAS_1001_DIAR_20190905_045153.CSV</t>
  </si>
  <si>
    <t>\\acsfs\DEPTOS\Operacao\Banco_Votorantim\Supervisao\BASE VENDAS\Setembro 2019\RELAT_FILAS_1001_DIAR_20190905_045153.CSV</t>
  </si>
  <si>
    <t>01/22/2020 14:21:08</t>
  </si>
  <si>
    <t>RELAT_FILAS_1001_DIAR_20190906_045208.CSV</t>
  </si>
  <si>
    <t>\\acsfs\DEPTOS\Operacao\Banco_Votorantim\Supervisao\BASE VENDAS\Setembro 2019\RELAT_FILAS_1001_DIAR_20190906_045208.CSV</t>
  </si>
  <si>
    <t>01/22/2020 14:21:15</t>
  </si>
  <si>
    <t>RELAT_FILAS_1001_DIAR_20190907_044326.CSV</t>
  </si>
  <si>
    <t>\\acsfs\DEPTOS\Operacao\Banco_Votorantim\Supervisao\BASE VENDAS\Setembro 2019\RELAT_FILAS_1001_DIAR_20190907_044326.CSV</t>
  </si>
  <si>
    <t>01/22/2020 14:21:18</t>
  </si>
  <si>
    <t>RELAT_FILAS_1001_DIAR_20190908_040350.CSV</t>
  </si>
  <si>
    <t>\\acsfs\DEPTOS\Operacao\Banco_Votorantim\Supervisao\BASE VENDAS\Setembro 2019\RELAT_FILAS_1001_DIAR_20190908_040350.CSV</t>
  </si>
  <si>
    <t>01/22/2020 14:23:25</t>
  </si>
  <si>
    <t>361cc2fa-32d3-4615-a189-c87000417c52.tmp</t>
  </si>
  <si>
    <t>\\acsfs\profiles$\adelvinsonle\Downloads\361cc2fa-32d3-4615-a189-c87000417c52.tmp</t>
  </si>
  <si>
    <t>01/22/2020 14:21:17</t>
  </si>
  <si>
    <t>01/22/2020 14:24:40</t>
  </si>
  <si>
    <t>lu536566qw9ln.tmp</t>
  </si>
  <si>
    <t>\\acsfs\profiles$\ISABELLEGTDS\Nova pasta\lu536566qw9ln.tmp</t>
  </si>
  <si>
    <t>\\acsfs\profiles$\ISABELLEGTDS\Nova pasta\lu536566qw9ln.tmp\</t>
  </si>
  <si>
    <t>\\acsfs\profiles$\ISABELLEGTDS\Nova pasta\lu536566qw9ln.tmp\META-INF\</t>
  </si>
  <si>
    <t>\\acsfs\profiles$\ISABELLEGTDS\Nova pasta\lu536566qw9ln.tmp\Thumbnails\</t>
  </si>
  <si>
    <t>01/22/2020 14:21:29</t>
  </si>
  <si>
    <t>01/22/2020 14:21:30</t>
  </si>
  <si>
    <t>lu536566qw9ls.tmp</t>
  </si>
  <si>
    <t>\\acsfs\profiles$\ISABELLEGTDS\Nova pasta\lu536566qw9ls.tmp</t>
  </si>
  <si>
    <t>\\acsfs\profiles$\ISABELLEGTDS\Nova pasta\lu536566qw9ls.tmp\</t>
  </si>
  <si>
    <t>\\acsfs\profiles$\ISABELLEGTDS\Nova pasta\lu536566qw9ls.tmp\META-INF\</t>
  </si>
  <si>
    <t>\\acsfs\profiles$\ISABELLEGTDS\Nova pasta\lu536566qw9ls.tmp\Thumbnails\</t>
  </si>
  <si>
    <t>01/22/2020 14:21:31</t>
  </si>
  <si>
    <t>01/22/2020 14:25:40</t>
  </si>
  <si>
    <t>52a62ec2-91b3-4a09-89f2-872698962a18.tmp</t>
  </si>
  <si>
    <t>\\acsfs\profiles$\jalilebds\Downloads\52a62ec2-91b3-4a09-89f2-872698962a18.tmp</t>
  </si>
  <si>
    <t>Unconfirmed 835634.crdownload</t>
  </si>
  <si>
    <t>\\acsfs\profiles$\jalilebds\Downloads\Unconfirmed 835634.crdownload</t>
  </si>
  <si>
    <t>01/22/2020 14:21:52</t>
  </si>
  <si>
    <t>01/22/2020 14:22:21</t>
  </si>
  <si>
    <t>01/22/2020 14:22:22</t>
  </si>
  <si>
    <t>01/22/2020 14:26:41</t>
  </si>
  <si>
    <t>01/22/2020 14:21:25</t>
  </si>
  <si>
    <t>01/22/2020 14:21:44</t>
  </si>
  <si>
    <t>01/22/2020 14:22:02</t>
  </si>
  <si>
    <t>01/22/2020 14:23:07</t>
  </si>
  <si>
    <t>01/22/2020 14:23:29</t>
  </si>
  <si>
    <t>01/22/2020 14:26:25</t>
  </si>
  <si>
    <t>01/22/2020 14:24:51</t>
  </si>
  <si>
    <t>01/22/2020 14:27:40</t>
  </si>
  <si>
    <t>ed086ac0-dd99-414b-93cd-3769ddd3068a.tmp</t>
  </si>
  <si>
    <t>\\acsfs\profiles$\lorrainerdl\Downloads\ed086ac0-dd99-414b-93cd-3769ddd3068a.tmp</t>
  </si>
  <si>
    <t>01/22/2020 14:25:07</t>
  </si>
  <si>
    <t>01/22/2020 14:25:37</t>
  </si>
  <si>
    <t>01/22/2020 14:26:07</t>
  </si>
  <si>
    <t>01/22/2020 14:28:41</t>
  </si>
  <si>
    <t>01/22/2020 14:23:57</t>
  </si>
  <si>
    <t>c70fd9eb-62b9-437b-9042-2358f31472ed.tmp</t>
  </si>
  <si>
    <t>\\acsfs\profiles$\victorgl\Downloads\c70fd9eb-62b9-437b-9042-2358f31472ed.tmp</t>
  </si>
  <si>
    <t>01/22/2020 14:23:59</t>
  </si>
  <si>
    <t>01/22/2020 14:23:56</t>
  </si>
  <si>
    <t>\\acsfs\QLD\Gestão por Processos\Oficiais\Indicadores\Automação de Processos\01 - APLICAÇÕES\09 - POWERBI\02 - BVCARTOES\BASES VENDAS\Novembro 2019\RELAT_FILAS_1001_DIAR_20191102_044832.CSV</t>
  </si>
  <si>
    <t>01/22/2020 14:23:58</t>
  </si>
  <si>
    <t>\\acsfs\QLD\Gestão por Processos\Oficiais\Indicadores\Automação de Processos\01 - APLICAÇÕES\09 - POWERBI\02 - BVCARTOES\BASES VENDAS\Novembro 2019\RELAT_FILAS_1001_DIAR_20191103_040338.CSV</t>
  </si>
  <si>
    <t>\\acsfs\QLD\Gestão por Processos\Oficiais\Indicadores\Automação de Processos\01 - APLICAÇÕES\09 - POWERBI\02 - BVCARTOES\BASES VENDAS\Novembro 2019\RELAT_FILAS_1001_DIAR_20191104_040633.CSV</t>
  </si>
  <si>
    <t>01/22/2020 14:24:03</t>
  </si>
  <si>
    <t>\\acsfs\QLD\Gestão por Processos\Oficiais\Indicadores\Automação de Processos\01 - APLICAÇÕES\09 - POWERBI\02 - BVCARTOES\BASES VENDAS\Novembro 2019\RELAT_FILAS_1001_DIAR_20191105_045832.CSV</t>
  </si>
  <si>
    <t>01/22/2020 14:24:08</t>
  </si>
  <si>
    <t>\\acsfs\QLD\Gestão por Processos\Oficiais\Indicadores\Automação de Processos\01 - APLICAÇÕES\09 - POWERBI\02 - BVCARTOES\BASES VENDAS\Novembro 2019\RELAT_FILAS_1001_DIAR_20191106_045730.CSV</t>
  </si>
  <si>
    <t>01/22/2020 14:24:14</t>
  </si>
  <si>
    <t>\\acsfs\QLD\Gestão por Processos\Oficiais\Indicadores\Automação de Processos\01 - APLICAÇÕES\09 - POWERBI\02 - BVCARTOES\BASES VENDAS\Novembro 2019\RELAT_FILAS_1001_DIAR_20191107_050136.CSV</t>
  </si>
  <si>
    <t>01/22/2020 14:24:18</t>
  </si>
  <si>
    <t>\\acsfs\QLD\Gestão por Processos\Oficiais\Indicadores\Automação de Processos\01 - APLICAÇÕES\09 - POWERBI\02 - BVCARTOES\BASES VENDAS\Novembro 2019\RELAT_FILAS_1001_DIAR_20191108_050814.CSV</t>
  </si>
  <si>
    <t>01/22/2020 14:24:23</t>
  </si>
  <si>
    <t>\\acsfs\QLD\Gestão por Processos\Oficiais\Indicadores\Automação de Processos\01 - APLICAÇÕES\09 - POWERBI\02 - BVCARTOES\BASES VENDAS\Novembro 2019\RELAT_FILAS_1001_DIAR_20191109_044932.CSV</t>
  </si>
  <si>
    <t>01/22/2020 14:24:26</t>
  </si>
  <si>
    <t>\\acsfs\QLD\Gestão por Processos\Oficiais\Indicadores\Automação de Processos\01 - APLICAÇÕES\09 - POWERBI\02 - BVCARTOES\BASES VENDAS\Novembro 2019\RELAT_FILAS_1001_DIAR_20191110_042731.CSV</t>
  </si>
  <si>
    <t>01/22/2020 14:24:28</t>
  </si>
  <si>
    <t>\\acsfs\QLD\Gestão por Processos\Oficiais\Indicadores\Automação de Processos\01 - APLICAÇÕES\09 - POWERBI\02 - BVCARTOES\BASES VENDAS\Novembro 2019\RELAT_FILAS_1001_DIAR_20191111_040657.CSV</t>
  </si>
  <si>
    <t>01/22/2020 14:24:33</t>
  </si>
  <si>
    <t>\\acsfs\QLD\Gestão por Processos\Oficiais\Indicadores\Automação de Processos\01 - APLICAÇÕES\09 - POWERBI\02 - BVCARTOES\BASES VENDAS\Novembro 2019\RELAT_FILAS_1001_DIAR_20191112_050545.CSV</t>
  </si>
  <si>
    <t>01/22/2020 14:24:37</t>
  </si>
  <si>
    <t>\\acsfs\QLD\Gestão por Processos\Oficiais\Indicadores\Automação de Processos\01 - APLICAÇÕES\09 - POWERBI\02 - BVCARTOES\BASES VENDAS\Novembro 2019\RELAT_FILAS_1001_DIAR_20191113_051415.CSV</t>
  </si>
  <si>
    <t>01/22/2020 14:24:42</t>
  </si>
  <si>
    <t>\\acsfs\QLD\Gestão por Processos\Oficiais\Indicadores\Automação de Processos\01 - APLICAÇÕES\09 - POWERBI\02 - BVCARTOES\BASES VENDAS\Novembro 2019\RELAT_FILAS_1001_DIAR_20191114_045447.CSV</t>
  </si>
  <si>
    <t>01/22/2020 14:24:46</t>
  </si>
  <si>
    <t>\\acsfs\QLD\Gestão por Processos\Oficiais\Indicadores\Automação de Processos\01 - APLICAÇÕES\09 - POWERBI\02 - BVCARTOES\BASES VENDAS\Novembro 2019\RELAT_FILAS_1001_DIAR_20191115_045115.CSV</t>
  </si>
  <si>
    <t>01/22/2020 14:24:49</t>
  </si>
  <si>
    <t>\\acsfs\QLD\Gestão por Processos\Oficiais\Indicadores\Automação de Processos\01 - APLICAÇÕES\09 - POWERBI\02 - BVCARTOES\BASES VENDAS\Novembro 2019\RELAT_FILAS_1001_DIAR_20191116_040349.CSV</t>
  </si>
  <si>
    <t>01/22/2020 14:24:52</t>
  </si>
  <si>
    <t>\\acsfs\QLD\Gestão por Processos\Oficiais\Indicadores\Automação de Processos\01 - APLICAÇÕES\09 - POWERBI\02 - BVCARTOES\BASES VENDAS\Novembro 2019\RELAT_FILAS_1001_DIAR_20191117_041934.CSV</t>
  </si>
  <si>
    <t>01/22/2020 14:24:54</t>
  </si>
  <si>
    <t>\\acsfs\QLD\Gestão por Processos\Oficiais\Indicadores\Automação de Processos\01 - APLICAÇÕES\09 - POWERBI\02 - BVCARTOES\BASES VENDAS\Novembro 2019\RELAT_FILAS_1001_DIAR_20191118_040500.CSV</t>
  </si>
  <si>
    <t>01/22/2020 14:24:59</t>
  </si>
  <si>
    <t>\\acsfs\QLD\Gestão por Processos\Oficiais\Indicadores\Automação de Processos\01 - APLICAÇÕES\09 - POWERBI\02 - BVCARTOES\BASES VENDAS\Novembro 2019\RELAT_FILAS_1001_DIAR_20191119_051110.CSV</t>
  </si>
  <si>
    <t>01/22/2020 14:25:03</t>
  </si>
  <si>
    <t>\\acsfs\QLD\Gestão por Processos\Oficiais\Indicadores\Automação de Processos\01 - APLICAÇÕES\09 - POWERBI\02 - BVCARTOES\BASES VENDAS\Novembro 2019\RELAT_FILAS_1001_DIAR_20191120_050737.CSV</t>
  </si>
  <si>
    <t>\\acsfs\QLD\Gestão por Processos\Oficiais\Indicadores\Automação de Processos\01 - APLICAÇÕES\09 - POWERBI\02 - BVCARTOES\BASES VENDAS\Novembro 2019\RELAT_FILAS_1001_DIAR_20191121_044424.CSV</t>
  </si>
  <si>
    <t>01/22/2020 14:25:12</t>
  </si>
  <si>
    <t>\\acsfs\QLD\Gestão por Processos\Oficiais\Indicadores\Automação de Processos\01 - APLICAÇÕES\09 - POWERBI\02 - BVCARTOES\BASES VENDAS\Novembro 2019\RELAT_FILAS_1001_DIAR_20191122_050250.CSV</t>
  </si>
  <si>
    <t>01/22/2020 14:25:15</t>
  </si>
  <si>
    <t>\\acsfs\QLD\Gestão por Processos\Oficiais\Indicadores\Automação de Processos\01 - APLICAÇÕES\09 - POWERBI\02 - BVCARTOES\BASES VENDAS\Novembro 2019\RELAT_FILAS_1001_DIAR_20191123_044114.CSV</t>
  </si>
  <si>
    <t>01/22/2020 14:25:19</t>
  </si>
  <si>
    <t>\\acsfs\QLD\Gestão por Processos\Oficiais\Indicadores\Automação de Processos\01 - APLICAÇÕES\09 - POWERBI\02 - BVCARTOES\BASES VENDAS\Novembro 2019\RELAT_FILAS_1001_DIAR_20191124_041938.CSV</t>
  </si>
  <si>
    <t>01/22/2020 14:25:21</t>
  </si>
  <si>
    <t>\\acsfs\QLD\Gestão por Processos\Oficiais\Indicadores\Automação de Processos\01 - APLICAÇÕES\09 - POWERBI\02 - BVCARTOES\BASES VENDAS\Novembro 2019\RELAT_FILAS_1001_DIAR_20191125_040635.CSV</t>
  </si>
  <si>
    <t>01/22/2020 14:25:27</t>
  </si>
  <si>
    <t>\\acsfs\QLD\Gestão por Processos\Oficiais\Indicadores\Automação de Processos\01 - APLICAÇÕES\09 - POWERBI\02 - BVCARTOES\BASES VENDAS\Novembro 2019\RELAT_FILAS_1001_DIAR_20191126_052023.CSV</t>
  </si>
  <si>
    <t>01/22/2020 14:25:32</t>
  </si>
  <si>
    <t>\\acsfs\QLD\Gestão por Processos\Oficiais\Indicadores\Automação de Processos\01 - APLICAÇÕES\09 - POWERBI\02 - BVCARTOES\BASES VENDAS\Novembro 2019\RELAT_FILAS_1001_DIAR_20191127_051351.CSV</t>
  </si>
  <si>
    <t>01/22/2020 14:25:38</t>
  </si>
  <si>
    <t>\\acsfs\QLD\Gestão por Processos\Oficiais\Indicadores\Automação de Processos\01 - APLICAÇÕES\09 - POWERBI\02 - BVCARTOES\BASES VENDAS\Novembro 2019\RELAT_FILAS_1001_DIAR_20191128_045748.CSV</t>
  </si>
  <si>
    <t>01/22/2020 14:25:43</t>
  </si>
  <si>
    <t>\\acsfs\QLD\Gestão por Processos\Oficiais\Indicadores\Automação de Processos\01 - APLICAÇÕES\09 - POWERBI\02 - BVCARTOES\BASES VENDAS\Novembro 2019\RELAT_FILAS_1001_DIAR_20191129_045643.CSV</t>
  </si>
  <si>
    <t>01/22/2020 14:25:49</t>
  </si>
  <si>
    <t>\\acsfs\QLD\Gestão por Processos\Oficiais\Indicadores\Automação de Processos\01 - APLICAÇÕES\09 - POWERBI\02 - BVCARTOES\BASES VENDAS\Novembro 2019\RELAT_FILAS_1001_DIAR_20191130_045450.CSV</t>
  </si>
  <si>
    <t>01/22/2020 14:25:54</t>
  </si>
  <si>
    <t>\\acsfs\DEPTOS\Operacao\Banco_Votorantim\Supervisao\BASE VENDAS\Outubro 2019\</t>
  </si>
  <si>
    <t>\\acsfs\QLD\Gestão por Processos\Oficiais\Indicadores\Automação de Processos\01 - APLICAÇÕES\09 - POWERBI\02 - BVCARTOES\BASES VENDAS\Outubro 2019\RELAT_FILAS_1001_DIAR_20191001_050706.CSV</t>
  </si>
  <si>
    <t>01/22/2020 14:25:58</t>
  </si>
  <si>
    <t>\\acsfs\QLD\Gestão por Processos\Oficiais\Indicadores\Automação de Processos\01 - APLICAÇÕES\09 - POWERBI\02 - BVCARTOES\BASES VENDAS\Outubro 2019\RELAT_FILAS_1001_DIAR_20191002_045938.CSV</t>
  </si>
  <si>
    <t>01/22/2020 14:26:02</t>
  </si>
  <si>
    <t>\\acsfs\QLD\Gestão por Processos\Oficiais\Indicadores\Automação de Processos\01 - APLICAÇÕES\09 - POWERBI\02 - BVCARTOES\BASES VENDAS\Outubro 2019\RELAT_FILAS_1001_DIAR_20191003_044944.CSV</t>
  </si>
  <si>
    <t>01/22/2020 14:26:08</t>
  </si>
  <si>
    <t>\\acsfs\QLD\Gestão por Processos\Oficiais\Indicadores\Automação de Processos\01 - APLICAÇÕES\09 - POWERBI\02 - BVCARTOES\BASES VENDAS\Outubro 2019\RELAT_FILAS_1001_DIAR_20191004_045606.CSV</t>
  </si>
  <si>
    <t>01/22/2020 14:26:12</t>
  </si>
  <si>
    <t>\\acsfs\QLD\Gestão por Processos\Oficiais\Indicadores\Automação de Processos\01 - APLICAÇÕES\09 - POWERBI\02 - BVCARTOES\BASES VENDAS\Outubro 2019\RELAT_FILAS_1001_DIAR_20191005_043646.CSV</t>
  </si>
  <si>
    <t>01/22/2020 14:26:16</t>
  </si>
  <si>
    <t>\\acsfs\QLD\Gestão por Processos\Oficiais\Indicadores\Automação de Processos\01 - APLICAÇÕES\09 - POWERBI\02 - BVCARTOES\BASES VENDAS\Outubro 2019\RELAT_FILAS_1001_DIAR_20191006_042241.CSV</t>
  </si>
  <si>
    <t>01/22/2020 14:26:18</t>
  </si>
  <si>
    <t>\\acsfs\QLD\Gestão por Processos\Oficiais\Indicadores\Automação de Processos\01 - APLICAÇÕES\09 - POWERBI\02 - BVCARTOES\BASES VENDAS\Outubro 2019\RELAT_FILAS_1001_DIAR_20191007_040548.CSV</t>
  </si>
  <si>
    <t>01/22/2020 14:26:24</t>
  </si>
  <si>
    <t>\\acsfs\QLD\Gestão por Processos\Oficiais\Indicadores\Automação de Processos\01 - APLICAÇÕES\09 - POWERBI\02 - BVCARTOES\BASES VENDAS\Outubro 2019\RELAT_FILAS_1001_DIAR_20191008_051318.CSV</t>
  </si>
  <si>
    <t>01/22/2020 14:26:31</t>
  </si>
  <si>
    <t>\\acsfs\QLD\Gestão por Processos\Oficiais\Indicadores\Automação de Processos\01 - APLICAÇÕES\09 - POWERBI\02 - BVCARTOES\BASES VENDAS\Outubro 2019\RELAT_FILAS_1001_DIAR_20191009_050719.CSV</t>
  </si>
  <si>
    <t>01/22/2020 14:26:37</t>
  </si>
  <si>
    <t>\\acsfs\QLD\Gestão por Processos\Oficiais\Indicadores\Automação de Processos\01 - APLICAÇÕES\09 - POWERBI\02 - BVCARTOES\BASES VENDAS\Outubro 2019\RELAT_FILAS_1001_DIAR_20191010_045655.CSV</t>
  </si>
  <si>
    <t>01/22/2020 14:26:42</t>
  </si>
  <si>
    <t>\\acsfs\QLD\Gestão por Processos\Oficiais\Indicadores\Automação de Processos\01 - APLICAÇÕES\09 - POWERBI\02 - BVCARTOES\BASES VENDAS\Outubro 2019\RELAT_FILAS_1001_DIAR_20191011_045607.CSV</t>
  </si>
  <si>
    <t>01/22/2020 14:26:43</t>
  </si>
  <si>
    <t>bvcartes-supervisores@algarnet.onmicrosoft.com;pdf;true;</t>
  </si>
  <si>
    <t>bvcartes-supervisores@algarnet.onmicrosoft.com,pdf,true</t>
  </si>
  <si>
    <t>01/22/2020 14:26:47</t>
  </si>
  <si>
    <t>\\acsfs\QLD\Gestão por Processos\Oficiais\Indicadores\Automação de Processos\01 - APLICAÇÕES\09 - POWERBI\02 - BVCARTOES\BASES VENDAS\Outubro 2019\RELAT_FILAS_1001_DIAR_20191012_044018.CSV</t>
  </si>
  <si>
    <t>01/22/2020 14:26:51</t>
  </si>
  <si>
    <t>\\acsfs\QLD\Gestão por Processos\Oficiais\Indicadores\Automação de Processos\01 - APLICAÇÕES\09 - POWERBI\02 - BVCARTOES\BASES VENDAS\Outubro 2019\RELAT_FILAS_1001_DIAR_20191013_040338.CSV</t>
  </si>
  <si>
    <t>01/22/2020 14:26:52</t>
  </si>
  <si>
    <t>\\acsfs\QLD\Gestão por Processos\Oficiais\Indicadores\Automação de Processos\01 - APLICAÇÕES\09 - POWERBI\02 - BVCARTOES\BASES VENDAS\Outubro 2019\RELAT_FILAS_1001_DIAR_20191014_040548.CSV</t>
  </si>
  <si>
    <t>01/22/2020 14:26:56</t>
  </si>
  <si>
    <t>\\acsfs\QLD\Gestão por Processos\Oficiais\Indicadores\Automação de Processos\01 - APLICAÇÕES\09 - POWERBI\02 - BVCARTOES\BASES VENDAS\Outubro 2019\RELAT_FILAS_1001_DIAR_20191015_044129.CSV</t>
  </si>
  <si>
    <t>01/22/2020 14:26:58</t>
  </si>
  <si>
    <t>01/22/2020 14:27:01</t>
  </si>
  <si>
    <t>\\acsfs\QLD\Gestão por Processos\Oficiais\Indicadores\Automação de Processos\01 - APLICAÇÕES\09 - POWERBI\02 - BVCARTOES\BASES VENDAS\Outubro 2019\RELAT_FILAS_1001_DIAR_20191016_045848.CSV</t>
  </si>
  <si>
    <t>01/22/2020 14:27:07</t>
  </si>
  <si>
    <t>\\acsfs\QLD\Gestão por Processos\Oficiais\Indicadores\Automação de Processos\01 - APLICAÇÕES\09 - POWERBI\02 - BVCARTOES\BASES VENDAS\Outubro 2019\RELAT_FILAS_1001_DIAR_20191017_045758.CSV</t>
  </si>
  <si>
    <t>01/22/2020 14:27:12</t>
  </si>
  <si>
    <t>\\acsfs\QLD\Gestão por Processos\Oficiais\Indicadores\Automação de Processos\01 - APLICAÇÕES\09 - POWERBI\02 - BVCARTOES\BASES VENDAS\Outubro 2019\RELAT_FILAS_1001_DIAR_20191018_045205.CSV</t>
  </si>
  <si>
    <t>01/22/2020 14:27:17</t>
  </si>
  <si>
    <t>\\acsfs\QLD\Gestão por Processos\Oficiais\Indicadores\Automação de Processos\01 - APLICAÇÕES\09 - POWERBI\02 - BVCARTOES\BASES VENDAS\Outubro 2019\RELAT_FILAS_1001_DIAR_20191019_045948.CSV</t>
  </si>
  <si>
    <t>01/22/2020 14:27:20</t>
  </si>
  <si>
    <t>\\acsfs\QLD\Gestão por Processos\Oficiais\Indicadores\Automação de Processos\01 - APLICAÇÕES\09 - POWERBI\02 - BVCARTOES\BASES VENDAS\Outubro 2019\RELAT_FILAS_1001_DIAR_20191020_042236.CSV</t>
  </si>
  <si>
    <t>01/22/2020 14:27:22</t>
  </si>
  <si>
    <t>\\acsfs\QLD\Gestão por Processos\Oficiais\Indicadores\Automação de Processos\01 - APLICAÇÕES\09 - POWERBI\02 - BVCARTOES\BASES VENDAS\Outubro 2019\RELAT_FILAS_1001_DIAR_20191021_040707.CSV</t>
  </si>
  <si>
    <t>01/22/2020 14:27:23</t>
  </si>
  <si>
    <t>01/22/2020 14:27:27</t>
  </si>
  <si>
    <t>\\acsfs\QLD\Gestão por Processos\Oficiais\Indicadores\Automação de Processos\01 - APLICAÇÕES\09 - POWERBI\02 - BVCARTOES\BASES VENDAS\Outubro 2019\RELAT_FILAS_1001_DIAR_20191022_045540.CSV</t>
  </si>
  <si>
    <t>01/22/2020 14:27:33</t>
  </si>
  <si>
    <t>\\acsfs\QLD\Gestão por Processos\Oficiais\Indicadores\Automação de Processos\01 - APLICAÇÕES\09 - POWERBI\02 - BVCARTOES\BASES VENDAS\Outubro 2019\RELAT_FILAS_1001_DIAR_20191023_044910.CSV</t>
  </si>
  <si>
    <t>01/22/2020 14:27:39</t>
  </si>
  <si>
    <t>\\acsfs\QLD\Gestão por Processos\Oficiais\Indicadores\Automação de Processos\01 - APLICAÇÕES\09 - POWERBI\02 - BVCARTOES\BASES VENDAS\Outubro 2019\RELAT_FILAS_1001_DIAR_20191024_044754.CSV</t>
  </si>
  <si>
    <t>01/22/2020 14:27:42</t>
  </si>
  <si>
    <t>01/22/2020 14:27:45</t>
  </si>
  <si>
    <t>\\acsfs\QLD\Gestão por Processos\Oficiais\Indicadores\Automação de Processos\01 - APLICAÇÕES\09 - POWERBI\02 - BVCARTOES\BASES VENDAS\Outubro 2019\RELAT_FILAS_1001_DIAR_20191025_044627.CSV</t>
  </si>
  <si>
    <t>01/22/2020 14:27:48</t>
  </si>
  <si>
    <t>\\acsfs\QLD\Gestão por Processos\Oficiais\Indicadores\Automação de Processos\01 - APLICAÇÕES\09 - POWERBI\02 - BVCARTOES\BASES VENDAS\Outubro 2019\RELAT_FILAS_1001_DIAR_20191028_040638.CSV</t>
  </si>
  <si>
    <t>mensal;</t>
  </si>
  <si>
    <t>mensal</t>
  </si>
  <si>
    <t>01/22/2020 14:27:52</t>
  </si>
  <si>
    <t>\\acsfs\QLD\Gestão por Processos\Oficiais\Indicadores\Automação de Processos\01 - APLICAÇÕES\09 - POWERBI\02 - BVCARTOES\BASES VENDAS\Outubro 2019\RELAT_FILAS_1001_DIAR_20191029_045341.CSV</t>
  </si>
  <si>
    <t>01/22/2020 14:23:40</t>
  </si>
  <si>
    <t>aa1452c5-634f-40ac-93da-8cf3d4e2fefc.tmp</t>
  </si>
  <si>
    <t>\\acsfs\profiles$\victoriaksr\Downloads\aa1452c5-634f-40ac-93da-8cf3d4e2fefc.tmp</t>
  </si>
  <si>
    <t>4e1a7c3d-6d32-4e57-9dea-34afda0a72bb.tmp</t>
  </si>
  <si>
    <t>\\acsfs\profiles$\adelvinsonle\Downloads\4e1a7c3d-6d32-4e57-9dea-34afda0a72bb.tmp</t>
  </si>
  <si>
    <t>01/22/2020 14:24:38</t>
  </si>
  <si>
    <t>01/22/2020 14:29:40</t>
  </si>
  <si>
    <t>NATHALIA OLIVEIRA SOUZA_1_6781200744204809690_1_32.wav</t>
  </si>
  <si>
    <t>\\acsfs\Deptos\EDUCACAO EMPRESARIAL\KÉSIA\Ligações 3º ciclo - Janeiro 2020\NATHALIA OLIVEIRA SOUZA_1_6781200744204809690_1_32.wav</t>
  </si>
  <si>
    <t>08f938bd-c288-4195-8292-7b98ab0341d0.tmp</t>
  </si>
  <si>
    <t>\\acsfs\profiles$\geovannasm\Downloads\08f938bd-c288-4195-8292-7b98ab0341d0.tmp</t>
  </si>
  <si>
    <t>01/22/2020 14:28:01</t>
  </si>
  <si>
    <t>01/22/2020 14:31:40</t>
  </si>
  <si>
    <t>01/22/2020 14:28:36</t>
  </si>
  <si>
    <t>Fabiano Bruno Mendes Filho_1_6780383635266668978_1_32.wav</t>
  </si>
  <si>
    <t>\\acsfs\Deptos\EDUCACAO EMPRESARIAL\FERNANDA MONIT\Fernanda\MONITORIA JANEIRO\Ligaçoes para MUTANT terceiro ciclo janeiro\Fabiano Bruno Mendes Filho_1_6780383635266668978_1_32.wav</t>
  </si>
  <si>
    <t>01/22/2020 14:29:07</t>
  </si>
  <si>
    <t>01/22/2020 14:30:14</t>
  </si>
  <si>
    <t>mail.google.com/sync/u/0/i/s?hl=pt-BR&amp;c=1289</t>
  </si>
  <si>
    <t>01/22/2020 14:28:43</t>
  </si>
  <si>
    <t>d583a0f2-3634-4af3-b430-265b2f4407c7.tmp</t>
  </si>
  <si>
    <t>\\acsfs\profiles$\gabrielamdp\Downloads\d583a0f2-3634-4af3-b430-265b2f4407c7.tmp</t>
  </si>
  <si>
    <t>01/22/2020 14:27:37</t>
  </si>
  <si>
    <t>01/22/2020 14:32:41</t>
  </si>
  <si>
    <t>01/22/2020 14:28:07</t>
  </si>
  <si>
    <t>01/22/2020 14:29:37</t>
  </si>
  <si>
    <t>01/22/2020 14:30:07</t>
  </si>
  <si>
    <t>01/22/2020 14:30:37</t>
  </si>
  <si>
    <t>01/22/2020 14:31:07</t>
  </si>
  <si>
    <t>01/22/2020 14:33:40</t>
  </si>
  <si>
    <t>01/22/2020 14:29:18</t>
  </si>
  <si>
    <t>75926f7e-fa21-4c8c-8b09-98df30abd975.tmp</t>
  </si>
  <si>
    <t>\\acsfs\profiles$\victorgl\Downloads\75926f7e-fa21-4c8c-8b09-98df30abd975.tmp</t>
  </si>
  <si>
    <t>01/22/2020 14:29:05</t>
  </si>
  <si>
    <t>aa2f4208-3993-404d-b78f-a5ef5cacadbd.tmp</t>
  </si>
  <si>
    <t>\\acsfs\profiles$\fabianobmf\Downloads\aa2f4208-3993-404d-b78f-a5ef5cacadbd.tmp</t>
  </si>
  <si>
    <t>01/22/2020 14:30:22</t>
  </si>
  <si>
    <t>c616bf8a-667b-4740-bb07-308cb455fb02.tmp</t>
  </si>
  <si>
    <t>\\acsfs\profiles$\fabianobmf\Downloads\c616bf8a-667b-4740-bb07-308cb455fb02.tmp</t>
  </si>
  <si>
    <t>01/22/2020 14:27:58</t>
  </si>
  <si>
    <t>\\acsfs\QLD\Gestão por Processos\Oficiais\Indicadores\Automação de Processos\01 - APLICAÇÕES\09 - POWERBI\02 - BVCARTOES\BASES VENDAS\Outubro 2019\RELAT_FILAS_1001_DIAR_20191030_045323.CSV</t>
  </si>
  <si>
    <t>01/22/2020 14:27:59</t>
  </si>
  <si>
    <t>mail.google.com/sync/u/0/i/s?hl=pt-BR&amp;c=1008</t>
  </si>
  <si>
    <t>01/22/2020 14:28:09</t>
  </si>
  <si>
    <t>7;bvcartes-supervisores@algarnet.onmicrosoft.com;</t>
  </si>
  <si>
    <t>7,bvcartes-supervisores@algarnet.onmicrosoft.com</t>
  </si>
  <si>
    <t>01/22/2020 14:28:12</t>
  </si>
  <si>
    <t>01/22/2020 14:28:16</t>
  </si>
  <si>
    <t>01/22/2020 14:32:19</t>
  </si>
  <si>
    <t>7;bvcartes-supervisores@algarnet.onmicrosoft.com;eduardo.santana@bv.com.br;</t>
  </si>
  <si>
    <t>7,bvcartes-supervisores@algarnet.onmicrosoft.com,eduardo.santana@bv.com.br</t>
  </si>
  <si>
    <t>01/22/2020 14:32:28</t>
  </si>
  <si>
    <t>01/22/2020 14:32:38</t>
  </si>
  <si>
    <t>01/22/2020 14:32:46</t>
  </si>
  <si>
    <t>01/22/2020 14:32:49</t>
  </si>
  <si>
    <t>01/22/2020 14:32:34</t>
  </si>
  <si>
    <t>dd43d58b-ebc4-41f6-aca1-a1890d08ee0e.tmp</t>
  </si>
  <si>
    <t>\\acsfs\profiles$\rafaelacdoc\Downloads\dd43d58b-ebc4-41f6-aca1-a1890d08ee0e.tmp</t>
  </si>
  <si>
    <t>01/22/2020 14:32:33</t>
  </si>
  <si>
    <t>01/22/2020 14:35:40</t>
  </si>
  <si>
    <t>30b8304e-a3d0-46f1-b98f-84e467922c6b.tmp</t>
  </si>
  <si>
    <t>\\acsfs\profiles$\jalilebds\Downloads\30b8304e-a3d0-46f1-b98f-84e467922c6b.tmp</t>
  </si>
  <si>
    <t>01/22/2020 14:33:08</t>
  </si>
  <si>
    <t>.~lock.filas 1721 1725 e 1724 a tratar (1) (1) (1) (6) (1).xlsx#</t>
  </si>
  <si>
    <t>\\acsfs\profiles$\jalilebds\Downloads\.~lock.filas 1721 1725 e 1724 a tratar (1) (1) (1) (6) (1).xlsx#</t>
  </si>
  <si>
    <t>01/22/2020 14:35:07</t>
  </si>
  <si>
    <t>01/22/2020 14:36:41</t>
  </si>
  <si>
    <t>01/22/2020 14:35:38</t>
  </si>
  <si>
    <t>01/22/2020 14:35:14</t>
  </si>
  <si>
    <t>d0aa6f0d-6aa6-44b4-967b-8c51e94bb8b9.tmp</t>
  </si>
  <si>
    <t>\\acsfs\profiles$\gabrielamdp\Downloads\d0aa6f0d-6aa6-44b4-967b-8c51e94bb8b9.tmp</t>
  </si>
  <si>
    <t>01/22/2020 14:35:16</t>
  </si>
  <si>
    <t>e09320e9-d54b-446b-b895-d8049620795b.tmp</t>
  </si>
  <si>
    <t>\\acsfs\profiles$\gabrielamdp\Downloads\e09320e9-d54b-446b-b895-d8049620795b.tmp</t>
  </si>
  <si>
    <t>01/22/2020 14:35:18</t>
  </si>
  <si>
    <t>a7555d25-25ed-49e0-ae59-68a46e282dbd.tmp</t>
  </si>
  <si>
    <t>\\acsfs\profiles$\gabrielamdp\Downloads\a7555d25-25ed-49e0-ae59-68a46e282dbd.tmp</t>
  </si>
  <si>
    <t>01/22/2020 14:35:27</t>
  </si>
  <si>
    <t>87ef57a6-14a6-4d6a-8cf8-2b5ba9c08548.tmp</t>
  </si>
  <si>
    <t>\\acsfs\profiles$\gabrielamdp\Downloads\87ef57a6-14a6-4d6a-8cf8-2b5ba9c08548.tmp</t>
  </si>
  <si>
    <t>01/22/2020 14:33:23</t>
  </si>
  <si>
    <t>dad23c30-685a-45c1-82f3-323378d7c970.tmp</t>
  </si>
  <si>
    <t>\\acsfs\profiles$\sarahbal\Downloads\dad23c30-685a-45c1-82f3-323378d7c970.tmp</t>
  </si>
  <si>
    <t>01/22/2020 14:34:55</t>
  </si>
  <si>
    <t>01/22/2020 14:32:37</t>
  </si>
  <si>
    <t>01/22/2020 14:37:40</t>
  </si>
  <si>
    <t>01/22/2020 14:33:07</t>
  </si>
  <si>
    <t>01/22/2020 14:33:37</t>
  </si>
  <si>
    <t>01/22/2020 14:35:09</t>
  </si>
  <si>
    <t>53d661b4-8230-414b-a481-a66ef93e454e.tmp</t>
  </si>
  <si>
    <t>\\acsfs\profiles$\larissaad\Downloads\53d661b4-8230-414b-a481-a66ef93e454e.tmp</t>
  </si>
  <si>
    <t>01/22/2020 14:38:40</t>
  </si>
  <si>
    <t>01/22/2020 14:34:34</t>
  </si>
  <si>
    <t>01/22/2020 14:39:40</t>
  </si>
  <si>
    <t>entrar »</t>
  </si>
  <si>
    <t>01/22/2020 14:36:00</t>
  </si>
  <si>
    <t>100021783966654;</t>
  </si>
  <si>
    <t>https://100021783966654</t>
  </si>
  <si>
    <t>01/22/2020 14:36:04</t>
  </si>
  <si>
    <t>01/22/2020 14:40:07</t>
  </si>
  <si>
    <t>01/22/2020 14:40:40</t>
  </si>
  <si>
    <t>01/22/2020 14:38:19</t>
  </si>
  <si>
    <t>01/22/2020 14:38:20</t>
  </si>
  <si>
    <t>01/22/2020 14:38:36</t>
  </si>
  <si>
    <t>01/22/2020 14:38:38</t>
  </si>
  <si>
    <t>01/22/2020 14:40:32</t>
  </si>
  <si>
    <t>01/22/2020 14:41:40</t>
  </si>
  <si>
    <t>https://udpmailboxap01.acs.com.br:8443/h/search?si=18&amp;so=0&amp;sc=82106&amp;sfi=6&amp;st=conversation&amp;action=compose&amp;id=646&amp;paction=view&amp;rf=html&amp;op=forward</t>
  </si>
  <si>
    <t>ciceraads@bv.algartech.com;</t>
  </si>
  <si>
    <t>https://ciceraads@bv.algartech.com</t>
  </si>
  <si>
    <t>01/22/2020 14:37:08</t>
  </si>
  <si>
    <t>01/22/2020 14:37:26</t>
  </si>
  <si>
    <t>01/22/2020 14:38:03</t>
  </si>
  <si>
    <t>01/22/2020 14:39:10</t>
  </si>
  <si>
    <t>mail.google.com/sync/u/0/i/s?hl=pt-BR&amp;c=1305</t>
  </si>
  <si>
    <t>01/22/2020 14:40:04</t>
  </si>
  <si>
    <t>01/22/2020 14:40:16</t>
  </si>
  <si>
    <t>mail.google.com/sync/u/0/i/s?hl=pt-BR&amp;c=1314</t>
  </si>
  <si>
    <t>01/22/2020 14:40:23</t>
  </si>
  <si>
    <t>mail.google.com/sync/u/0/i/s?hl=pt-BR&amp;c=1316</t>
  </si>
  <si>
    <t>01/22/2020 14:40:26</t>
  </si>
  <si>
    <t>01/22/2020 14:40:29</t>
  </si>
  <si>
    <t>01/22/2020 14:40:39</t>
  </si>
  <si>
    <t>mail.google.com/sync/u/0/i/s?hl=pt-BR&amp;c=1323</t>
  </si>
  <si>
    <t>01/22/2020 14:40:42</t>
  </si>
  <si>
    <t>mail.google.com/sync/u/0/i/s?hl=pt-BR&amp;c=1325</t>
  </si>
  <si>
    <t>01/22/2020 14:38:48</t>
  </si>
  <si>
    <t>01/22/2020 14:42:40</t>
  </si>
  <si>
    <t>01/22/2020 14:39:43</t>
  </si>
  <si>
    <t>01/22/2020 14:40:01</t>
  </si>
  <si>
    <t>01/22/2020 14:40:02</t>
  </si>
  <si>
    <t>01/22/2020 14:40:03</t>
  </si>
  <si>
    <t>01/22/2020 14:37:37</t>
  </si>
  <si>
    <t>01/22/2020 14:43:40</t>
  </si>
  <si>
    <t>01/22/2020 14:39:02</t>
  </si>
  <si>
    <t>01/22/2020 14:44:40</t>
  </si>
  <si>
    <t>fernandaab@algartech.com;josiascdsj@algartech.com;larisacc@algartech.com;lilianls@algartech.com;marianerdo@algartech.com;mirianppb@algartech.com;talmaiardo@algartech.com;thiagordu@algartech.com;vitorgmp@algartech.com;</t>
  </si>
  <si>
    <t>fernandaab@algartech.com,josiascdsj@algartech.com,larisacc@algartech.com,lilianls@algartech.com,marianerdo@algartech.com,mirianppb@algartech.com,talmaiardo@algartech.com,thiagordu@algartech.com,vitorgmp@algartech.com</t>
  </si>
  <si>
    <t>01/22/2020 14:39:37</t>
  </si>
  <si>
    <t>fernandaab@algartech.com;josiascdsj@algartech.com;talmaiardo@algartech.com;thiagordu@algartech.com;</t>
  </si>
  <si>
    <t>fernandaab@algartech.com,josiascdsj@algartech.com,talmaiardo@algartech.com,thiagordu@algartech.com</t>
  </si>
  <si>
    <t>01/22/2020 14:43:12</t>
  </si>
  <si>
    <t>NAYARA NERY ARAUJO OLIVEIRA_1_6780419901970518995_1_32.wav</t>
  </si>
  <si>
    <t>\\acsfs\Deptos\EDUCACAO EMPRESARIAL\KÉSIA\Ligações 3º ciclo - Janeiro 2020\NAYARA NERY ARAUJO OLIVEIRA_1_6780419901970518995_1_32.wav</t>
  </si>
  <si>
    <t>01/22/2020 14:40:51</t>
  </si>
  <si>
    <t>01/22/2020 14:41:55</t>
  </si>
  <si>
    <t>01/22/2020 14:45:41</t>
  </si>
  <si>
    <t>01/22/2020 14:40:08</t>
  </si>
  <si>
    <t>lu455525lqekm.tmp</t>
  </si>
  <si>
    <t>\\acsfs\profiles$\Flaviojmm\My Documents\lu455525lqekm.tmp</t>
  </si>
  <si>
    <t>\\acsfs\profiles$\Flaviojmm\My Documents\lu455525lqekm.tmp\</t>
  </si>
  <si>
    <t>\\acsfs\profiles$\Flaviojmm\My Documents\lu455525lqekm.tmp\META-INF\</t>
  </si>
  <si>
    <t>\\acsfs\profiles$\Flaviojmm\My Documents\lu455525lqekm.tmp\Thumbnails\</t>
  </si>
  <si>
    <t>01/22/2020 14:45:29</t>
  </si>
  <si>
    <t>01/22/2020 14:46:40</t>
  </si>
  <si>
    <t>https://udpmailboxap01.acs.com.br:8443/h/search?si=0&amp;so=0&amp;sc=82125&amp;sfi=5&amp;st=conversation&amp;action=compose&amp;paction=rowview</t>
  </si>
  <si>
    <t>01/22/2020 14:41:07</t>
  </si>
  <si>
    <t>01/22/2020 14:43:09</t>
  </si>
  <si>
    <t>01/22/2020 14:43:11</t>
  </si>
  <si>
    <t>01/22/2020 14:43:19</t>
  </si>
  <si>
    <t>01/22/2020 14:43:26</t>
  </si>
  <si>
    <t>lu579122v9d40.tmp</t>
  </si>
  <si>
    <t>\\acsfs\profiles$\LUISPLS\My Documents\Nova pasta\lu579122v9d40.tmp</t>
  </si>
  <si>
    <t>\\acsfs\profiles$\LUISPLS\My Documents\Nova pasta\lu579122v9d40.tmp\</t>
  </si>
  <si>
    <t>\\acsfs\profiles$\LUISPLS\My Documents\Nova pasta\lu579122v9d40.tmp\META-INF\</t>
  </si>
  <si>
    <t>\\acsfs\profiles$\LUISPLS\My Documents\Nova pasta\lu579122v9d40.tmp\Thumbnails\</t>
  </si>
  <si>
    <t>01/22/2020 14:47:41</t>
  </si>
  <si>
    <t>01/22/2020 14:42:19</t>
  </si>
  <si>
    <t>01/22/2020 14:42:46</t>
  </si>
  <si>
    <t>01/22/2020 14:43:02</t>
  </si>
  <si>
    <t>01/22/2020 14:42:37</t>
  </si>
  <si>
    <t>01/22/2020 14:44:37</t>
  </si>
  <si>
    <t>01/22/2020 14:45:07</t>
  </si>
  <si>
    <t>01/22/2020 14:45:37</t>
  </si>
  <si>
    <t>01/22/2020 14:46:07</t>
  </si>
  <si>
    <t>01/22/2020 14:46:37</t>
  </si>
  <si>
    <t>01/22/2020 14:48:40</t>
  </si>
  <si>
    <t>01/22/2020 14:44:47</t>
  </si>
  <si>
    <t>XLOG_victorgl_22012020_144440.log</t>
  </si>
  <si>
    <t>\\acsfs\profiles$\victorgl\My Documents\xworkcenter\logs\XLOG_victorgl_22012020_144440.log</t>
  </si>
  <si>
    <t>01/22/2020 14:47:09</t>
  </si>
  <si>
    <t>01/22/2020 14:49:41</t>
  </si>
  <si>
    <t>01/22/2020 14:47:15</t>
  </si>
  <si>
    <t>01/22/2020 14:45:16</t>
  </si>
  <si>
    <t>cd5e9d06-cc06-4d93-baa7-b0c5341ea104.tmp</t>
  </si>
  <si>
    <t>\\acsfs\profiles$\websondsa\Downloads\cd5e9d06-cc06-4d93-baa7-b0c5341ea104.tmp</t>
  </si>
  <si>
    <t>01/22/2020 14:46:21</t>
  </si>
  <si>
    <t>4485d56e-59f2-4a62-9a9d-071bd68e0f1f.tmp</t>
  </si>
  <si>
    <t>\\acsfs\profiles$\websondsa\Downloads\4485d56e-59f2-4a62-9a9d-071bd68e0f1f.tmp</t>
  </si>
  <si>
    <t>01/22/2020 14:46:38</t>
  </si>
  <si>
    <t>a24fd338-a650-4477-8566-dd84f726c6c6.tmp</t>
  </si>
  <si>
    <t>\\acsfs\profiles$\websondsa\Downloads\a24fd338-a650-4477-8566-dd84f726c6c6.tmp</t>
  </si>
  <si>
    <t>01/22/2020 14:48:00</t>
  </si>
  <si>
    <t>WEBSON DA SILVA ARAUJO (2227).contact</t>
  </si>
  <si>
    <t>\\acsfs\profiles$\websondsa\Contacts\WEBSON DA SILVA ARAUJO (2227).contact</t>
  </si>
  <si>
    <t>01/22/2020 14:48:01</t>
  </si>
  <si>
    <t>01/22/2020 14:48:55</t>
  </si>
  <si>
    <t>01/22/2020 14:50:40</t>
  </si>
  <si>
    <t>01/22/2020 14:48:58</t>
  </si>
  <si>
    <t>01/22/2020 14:49:19</t>
  </si>
  <si>
    <t>01/22/2020 14:49:24</t>
  </si>
  <si>
    <t>01/22/2020 14:47:07</t>
  </si>
  <si>
    <t>01/22/2020 14:51:40</t>
  </si>
  <si>
    <t>01/22/2020 14:48:04</t>
  </si>
  <si>
    <t>Gustavo Moura Rodrigues_1_6781148208164843173_1_32.wav</t>
  </si>
  <si>
    <t>\\acsfs\Deptos\EDUCACAO EMPRESARIAL\FERNANDA MONIT\Fernanda\MONITORIA JANEIRO\Ligaçoes para MUTANT terceiro ciclo janeiro\Gustavo Moura Rodrigues_1_6781148208164843173_1_32.wav</t>
  </si>
  <si>
    <t>01/22/2020 14:49:12</t>
  </si>
  <si>
    <t>01/22/2020 14:49:22</t>
  </si>
  <si>
    <t>01/22/2020 14:49:46</t>
  </si>
  <si>
    <t>01/22/2020 14:49:48</t>
  </si>
  <si>
    <t>mail.google.com/sync/u/0/i/s?hl=pt-BR&amp;c=1351</t>
  </si>
  <si>
    <t>01/22/2020 14:49:53</t>
  </si>
  <si>
    <t>01/22/2020 14:50:02</t>
  </si>
  <si>
    <t>mail.google.com/sync/u/0/i/s?hl=pt-BR&amp;c=1355</t>
  </si>
  <si>
    <t>01/22/2020 14:50:12</t>
  </si>
  <si>
    <t>01/22/2020 14:50:21</t>
  </si>
  <si>
    <t>01/22/2020 14:50:25</t>
  </si>
  <si>
    <t>01/22/2020 14:50:51</t>
  </si>
  <si>
    <t>01/22/2020 14:52:41</t>
  </si>
  <si>
    <t>01/22/2020 14:50:38</t>
  </si>
  <si>
    <t>01/22/2020 14:51:08</t>
  </si>
  <si>
    <t>01/22/2020 14:52:08</t>
  </si>
  <si>
    <t>01/22/2020 14:53:40</t>
  </si>
  <si>
    <t>01/22/2020 14:50:09</t>
  </si>
  <si>
    <t>01/22/2020 14:54:40</t>
  </si>
  <si>
    <t>01/22/2020 14:53:17</t>
  </si>
  <si>
    <t>01/22/2020 14:51:33</t>
  </si>
  <si>
    <t>01/22/2020 14:56:40</t>
  </si>
  <si>
    <t>01/22/2020 14:51:36</t>
  </si>
  <si>
    <t>01/22/2020 14:51:39</t>
  </si>
  <si>
    <t>01/22/2020 14:51:47</t>
  </si>
  <si>
    <t>01/22/2020 14:51:52</t>
  </si>
  <si>
    <t>01/22/2020 14:52:21</t>
  </si>
  <si>
    <t>01/22/2020 14:53:08</t>
  </si>
  <si>
    <t>01/22/2020 14:53:29</t>
  </si>
  <si>
    <t>mail.google.com/sync/u/0/i/s?hl=pt-BR&amp;c=1379</t>
  </si>
  <si>
    <t>01/22/2020 14:53:43</t>
  </si>
  <si>
    <t>01/22/2020 14:54:07</t>
  </si>
  <si>
    <t>01/22/2020 14:54:10</t>
  </si>
  <si>
    <t>mail.google.com/sync/u/0/i/s?hl=pt-BR&amp;c=1386</t>
  </si>
  <si>
    <t>01/22/2020 14:54:16</t>
  </si>
  <si>
    <t>01/22/2020 14:53:39</t>
  </si>
  <si>
    <t>fa933e27-977b-4177-a021-45e598a002d3.tmp</t>
  </si>
  <si>
    <t>\\acsfs\profiles$\brunalas\Downloads\fa933e27-977b-4177-a021-45e598a002d3.tmp</t>
  </si>
  <si>
    <t>01/22/2020 14:55:01</t>
  </si>
  <si>
    <t>a95a1ae0-69ef-4ec2-918f-be822e76cc6a.tmp</t>
  </si>
  <si>
    <t>\\acsfs\profiles$\brunalas\Downloads\a95a1ae0-69ef-4ec2-918f-be822e76cc6a.tmp</t>
  </si>
  <si>
    <t>01/22/2020 14:56:08</t>
  </si>
  <si>
    <t>01/22/2020 14:57:41</t>
  </si>
  <si>
    <t>01/22/2020 14:56:38</t>
  </si>
  <si>
    <t>01/22/2020 14:55:25</t>
  </si>
  <si>
    <t>lu48282fyk5o.tmp</t>
  </si>
  <si>
    <t>\\acsfs\profiles$\LORRAYNEVAM\lu48282fyk5o.tmp</t>
  </si>
  <si>
    <t>\\acsfs\profiles$\LORRAYNEVAM\lu48282fyk5o.tmp\</t>
  </si>
  <si>
    <t>\\acsfs\profiles$\LORRAYNEVAM\lu48282fyk5o.tmp\META-INF\</t>
  </si>
  <si>
    <t>\\acsfs\profiles$\LORRAYNEVAM\lu48282fyk5o.tmp\Thumbnails\</t>
  </si>
  <si>
    <t>01/22/2020 14:56:29</t>
  </si>
  <si>
    <t>01/22/2020 14:58:40</t>
  </si>
  <si>
    <t>ec07b187-0843-4a5d-91ed-f80964cd947e.tmp</t>
  </si>
  <si>
    <t>\\acsfs\profiles$\victorgl\Downloads\ec07b187-0843-4a5d-91ed-f80964cd947e.tmp</t>
  </si>
  <si>
    <t>01/22/2020 14:54:12</t>
  </si>
  <si>
    <t>01/22/2020 14:59:41</t>
  </si>
  <si>
    <t>01/22/2020 14:54:30</t>
  </si>
  <si>
    <t>01/22/2020 14:58:53</t>
  </si>
  <si>
    <t>516342ab-1a21-4d75-ab9a-bbbd46ccb911.tmp</t>
  </si>
  <si>
    <t>\\acsfs\profiles$\gabrielsma\Downloads\516342ab-1a21-4d75-ab9a-bbbd46ccb911.tmp</t>
  </si>
  <si>
    <t>01/22/2020 14:58:58</t>
  </si>
  <si>
    <t>01/22/2020 15:00:40</t>
  </si>
  <si>
    <t>01/22/2020 14:55:35</t>
  </si>
  <si>
    <t>06b13a0a-d7e2-41f3-93a3-cc4563249549.tmp</t>
  </si>
  <si>
    <t>\\acsfs\profiles$\fernandofs\Downloads\06b13a0a-d7e2-41f3-93a3-cc4563249549.tmp</t>
  </si>
  <si>
    <t>01/22/2020 14:55:39</t>
  </si>
  <si>
    <t>79d3b131-c08b-454f-afbe-bff20fa0f4e9.tmp</t>
  </si>
  <si>
    <t>\\acsfs\profiles$\fernandofs\Downloads\79d3b131-c08b-454f-afbe-bff20fa0f4e9.tmp</t>
  </si>
  <si>
    <t>01/22/2020 15:01:41</t>
  </si>
  <si>
    <t>01/22/2020 14:56:52</t>
  </si>
  <si>
    <t>mail.google.com/sync/u/0/i/s?hl=pt-BR&amp;c=1392</t>
  </si>
  <si>
    <t>01/22/2020 14:57:09</t>
  </si>
  <si>
    <t>mail.google.com/sync/u/0/i/s?hl=pt-BR&amp;c=1394</t>
  </si>
  <si>
    <t>01/22/2020 14:57:32</t>
  </si>
  <si>
    <t>mail.google.com/sync/u/0/i/s?hl=pt-BR&amp;c=1397</t>
  </si>
  <si>
    <t>01/22/2020 14:57:54</t>
  </si>
  <si>
    <t>mail.google.com/sync/u/0/i/s?hl=pt-BR&amp;c=1400</t>
  </si>
  <si>
    <t>01/22/2020 14:58:37</t>
  </si>
  <si>
    <t>mail.google.com/sync/u/0/i/s?hl=pt-BR&amp;c=1405</t>
  </si>
  <si>
    <t>01/22/2020 14:59:08</t>
  </si>
  <si>
    <t>01/22/2020 14:59:19</t>
  </si>
  <si>
    <t>01/22/2020 14:59:28</t>
  </si>
  <si>
    <t>01/22/2020 14:59:50</t>
  </si>
  <si>
    <t>mail.google.com/sync/u/0/i/s?hl=pt-BR&amp;c=1413</t>
  </si>
  <si>
    <t>01/22/2020 14:59:52</t>
  </si>
  <si>
    <t>01/22/2020 14:56:44</t>
  </si>
  <si>
    <t>01/22/2020 15:02:40</t>
  </si>
  <si>
    <t>THAYNARA CAMILA SANTOS LOPES (18).contact</t>
  </si>
  <si>
    <t>\\acsfs\profiles$\thaynaracsl\Contacts\THAYNARA CAMILA SANTOS LOPES (18).contact</t>
  </si>
  <si>
    <t>01/22/2020 14:56:55</t>
  </si>
  <si>
    <t>01/22/2020 14:56:56</t>
  </si>
  <si>
    <t>01/22/2020 14:56:57</t>
  </si>
  <si>
    <t>01/22/2020 14:56:58</t>
  </si>
  <si>
    <t>01/22/2020 14:56:59</t>
  </si>
  <si>
    <t>01/22/2020 14:57:00</t>
  </si>
  <si>
    <t>01/22/2020 14:57:01</t>
  </si>
  <si>
    <t>01/22/2020 14:57:02</t>
  </si>
  <si>
    <t>01/22/2020 14:57:03</t>
  </si>
  <si>
    <t>\\acsfs\profiles$\thaynaracsl\Saved Games\</t>
  </si>
  <si>
    <t>01/22/2020 14:57:15</t>
  </si>
  <si>
    <t>\\acsfs\profiles$\thaynaracsl\Favorites\Links for Brasil\</t>
  </si>
  <si>
    <t>\\acsfs\profiles$\thaynaracsl\Favorites\Links for Brasil\desktop.ini</t>
  </si>
  <si>
    <t>01/22/2020 14:57:16</t>
  </si>
  <si>
    <t>\\acsfs\profiles$\thaynaracsl\Favorites\Links for Brasil\Microsoft Brasil.url</t>
  </si>
  <si>
    <t>01/22/2020 14:57:17</t>
  </si>
  <si>
    <t>\\acsfs\profiles$\thaynaracsl\Favorites\Links for Brasil\Windows Brasil.url</t>
  </si>
  <si>
    <t>\\acsfs\profiles$\thaynaracsl\Favorites\Links for Brasil\MSN Brasil.url</t>
  </si>
  <si>
    <t>01/22/2020 14:57:18</t>
  </si>
  <si>
    <t>01/22/2020 15:00:08</t>
  </si>
  <si>
    <t>01/22/2020 15:00:38</t>
  </si>
  <si>
    <t>01/22/2020 15:01:08</t>
  </si>
  <si>
    <t>01/22/2020 15:00:51</t>
  </si>
  <si>
    <t>XLOG_tiagosno_22012020_070625.log</t>
  </si>
  <si>
    <t>\\acsfs\profiles$\tiagosno\My Documents\xworkcenter\logs\XLOG_tiagosno_22012020_070625.log</t>
  </si>
  <si>
    <t>01/22/2020 15:03:40</t>
  </si>
  <si>
    <t>01/22/2020 15:04:40</t>
  </si>
  <si>
    <t>01/22/2020 14:59:59</t>
  </si>
  <si>
    <t>01/22/2020 15:02:02</t>
  </si>
  <si>
    <t>14a8a09c-46a0-4d1a-bfaa-4066ea0db472.tmp</t>
  </si>
  <si>
    <t>\\acsfs\profiles$\gabrielsma\Downloads\14a8a09c-46a0-4d1a-bfaa-4066ea0db472.tmp</t>
  </si>
  <si>
    <t>01/22/2020 15:02:05</t>
  </si>
  <si>
    <t>01/22/2020 15:02:20</t>
  </si>
  <si>
    <t>01/22/2020 15:05:40</t>
  </si>
  <si>
    <t>0d2496b0-c52d-4c8b-b102-80f65a80c923.tmp</t>
  </si>
  <si>
    <t>\\acsfs\profiles$\henriqueco\Downloads\0d2496b0-c52d-4c8b-b102-80f65a80c923.tmp</t>
  </si>
  <si>
    <t>01/22/2020 15:03:30</t>
  </si>
  <si>
    <t>259141f8-170c-4fb7-9465-eb132484de0b.tmp</t>
  </si>
  <si>
    <t>\\acsfs\profiles$\henriqueco\Downloads\259141f8-170c-4fb7-9465-eb132484de0b.tmp</t>
  </si>
  <si>
    <t>01/22/2020 15:04:57</t>
  </si>
  <si>
    <t>01/22/2020 15:06:40</t>
  </si>
  <si>
    <t>01/22/2020 15:05:08</t>
  </si>
  <si>
    <t>01/22/2020 15:02:38</t>
  </si>
  <si>
    <t>01/22/2020 15:07:40</t>
  </si>
  <si>
    <t>01/22/2020 15:07:09</t>
  </si>
  <si>
    <t>01/22/2020 15:08:40</t>
  </si>
  <si>
    <t>01/22/2020 15:07:16</t>
  </si>
  <si>
    <t>0ca4fb68-adf6-4c2b-8a93-a4277604f829.tmp</t>
  </si>
  <si>
    <t>\\acsfs\profiles$\erichds\Downloads\0ca4fb68-adf6-4c2b-8a93-a4277604f829.tmp</t>
  </si>
  <si>
    <t>01/22/2020 15:05:04</t>
  </si>
  <si>
    <t>erro fatal JHONATA DE SOUZA SILVA.PNG</t>
  </si>
  <si>
    <t>\\acsfs\ACS\001 - Qualidade Lilian\PAULO\Pasta Tainara\erro fatal JHONATA DE SOUZA SILVA.PNG</t>
  </si>
  <si>
    <t>01/22/2020 15:06:25</t>
  </si>
  <si>
    <t>01/22/2020 15:09:40</t>
  </si>
  <si>
    <t>be9ea999-aef3-488a-9217-f3d83f5cbcaa.tmp</t>
  </si>
  <si>
    <t>\\acsfs\profiles$\websondsa\Downloads\be9ea999-aef3-488a-9217-f3d83f5cbcaa.tmp</t>
  </si>
  <si>
    <t>01/22/2020 15:06:01</t>
  </si>
  <si>
    <t>14b9f2c3-bd7c-4943-82d5-eedfd645eaa2.tmp</t>
  </si>
  <si>
    <t>\\acsfs\profiles$\philipegsf\Downloads\14b9f2c3-bd7c-4943-82d5-eedfd645eaa2.tmp</t>
  </si>
  <si>
    <t>01/22/2020 15:08:25</t>
  </si>
  <si>
    <t>ea604485-b599-45f5-b386-da66c95c1e31.tmp</t>
  </si>
  <si>
    <t>\\acsfs\profiles$\philipegsf\Downloads\ea604485-b599-45f5-b386-da66c95c1e31.tmp</t>
  </si>
  <si>
    <t>01/22/2020 15:10:40</t>
  </si>
  <si>
    <t>01/22/2020 15:06:53</t>
  </si>
  <si>
    <t>01/22/2020 15:06:54</t>
  </si>
  <si>
    <t>lu455525lqekz.tmp</t>
  </si>
  <si>
    <t>\\acsfs\profiles$\Flaviojmm\My Documents\lu455525lqekz.tmp</t>
  </si>
  <si>
    <t>\\acsfs\profiles$\Flaviojmm\My Documents\lu455525lqekz.tmp\</t>
  </si>
  <si>
    <t>\\acsfs\profiles$\Flaviojmm\My Documents\lu455525lqekz.tmp\META-INF\</t>
  </si>
  <si>
    <t>\\acsfs\profiles$\Flaviojmm\My Documents\lu455525lqekz.tmp\Thumbnails\</t>
  </si>
  <si>
    <t>01/22/2020 15:07:39</t>
  </si>
  <si>
    <t>01/22/2020 15:11:40</t>
  </si>
  <si>
    <t>01/22/2020 15:11:08</t>
  </si>
  <si>
    <t>01/22/2020 15:12:40</t>
  </si>
  <si>
    <t>01/22/2020 15:08:39</t>
  </si>
  <si>
    <t>01/22/2020 15:10:39</t>
  </si>
  <si>
    <t>01/22/2020 15:11:09</t>
  </si>
  <si>
    <t>01/22/2020 15:11:39</t>
  </si>
  <si>
    <t>01/22/2020 15:13:41</t>
  </si>
  <si>
    <t>01/22/2020 15:12:38</t>
  </si>
  <si>
    <t>01/22/2020 15:14:40</t>
  </si>
  <si>
    <t>01/22/2020 15:13:33</t>
  </si>
  <si>
    <t>01/22/2020 15:13:46</t>
  </si>
  <si>
    <t>01/22/2020 15:15:40</t>
  </si>
  <si>
    <t>01/22/2020 14:18:54</t>
  </si>
  <si>
    <t>lu16672d7yrn.tmp</t>
  </si>
  <si>
    <t>\\acsfs\profiles$\ALEXANDREMM\lu16672d7yrn.tmp</t>
  </si>
  <si>
    <t>\\acsfs\profiles$\ALEXANDREMM\lu16672d7yrn.tmp\</t>
  </si>
  <si>
    <t>\\acsfs\profiles$\ALEXANDREMM\lu16672d7yrn.tmp\META-INF\</t>
  </si>
  <si>
    <t>01/22/2020 15:16:40</t>
  </si>
  <si>
    <t>\\acsfs\profiles$\ALEXANDREMM\lu16672d7yrn.tmp\Thumbnails\</t>
  </si>
  <si>
    <t>01/22/2020 15:12:28</t>
  </si>
  <si>
    <t>01/22/2020 15:15:45</t>
  </si>
  <si>
    <t>023c5f18-506e-4f2f-8cf5-227c8ac882c2.tmp</t>
  </si>
  <si>
    <t>\\acsfs\profiles$\LUISPLS\Downloads\023c5f18-506e-4f2f-8cf5-227c8ac882c2.tmp</t>
  </si>
  <si>
    <t>01/22/2020 15:15:18</t>
  </si>
  <si>
    <t>62e732db-ca73-483c-a0da-54ee5fba0fef.tmp</t>
  </si>
  <si>
    <t>\\acsfs\profiles$\edicarlosdl\Downloads\62e732db-ca73-483c-a0da-54ee5fba0fef.tmp</t>
  </si>
  <si>
    <t>01/22/2020 15:18:41</t>
  </si>
  <si>
    <t>01/22/2020 15:18:23</t>
  </si>
  <si>
    <t>01/22/2020 15:19:40</t>
  </si>
  <si>
    <t>01/22/2020 15:14:17</t>
  </si>
  <si>
    <t>bb2f5c4b-1210-41f7-9dc6-20d20154eaa3.tmp</t>
  </si>
  <si>
    <t>\\acsfs\profiles$\websondsa\Downloads\bb2f5c4b-1210-41f7-9dc6-20d20154eaa3.tmp</t>
  </si>
  <si>
    <t>01/22/2020 15:19:47</t>
  </si>
  <si>
    <t>01/22/2020 15:20:40</t>
  </si>
  <si>
    <t>01/22/2020 15:19:48</t>
  </si>
  <si>
    <t>lu54992bd1wmi.tmp</t>
  </si>
  <si>
    <t>\\acsfs\profiles$\jalilebds\Downloads\lu54992bd1wmi.tmp</t>
  </si>
  <si>
    <t>01/22/2020 15:16:44</t>
  </si>
  <si>
    <t>XLOG_anacdos_22012020_070445.log</t>
  </si>
  <si>
    <t>\\acsfs\profiles$\anacdos\My Documents\xworkcenter\logs\XLOG_anacdos_22012020_070445.log</t>
  </si>
  <si>
    <t>01/22/2020 15:16:13</t>
  </si>
  <si>
    <t>3b5c6e80-9882-493b-bd45-9ef52a65b01f.tmp</t>
  </si>
  <si>
    <t>\\acsfs\profiles$\henriqueco\Downloads\3b5c6e80-9882-493b-bd45-9ef52a65b01f.tmp</t>
  </si>
  <si>
    <t>01/22/2020 15:21:41</t>
  </si>
  <si>
    <t>01/22/2020 15:18:35</t>
  </si>
  <si>
    <t>01/22/2020 15:19:37</t>
  </si>
  <si>
    <t>69bf72d1-1464-45cd-97dc-95590fbadf5e.tmp</t>
  </si>
  <si>
    <t>\\acsfs\profiles$\gabrielamdp\Downloads\69bf72d1-1464-45cd-97dc-95590fbadf5e.tmp</t>
  </si>
  <si>
    <t>01/22/2020 15:16:36</t>
  </si>
  <si>
    <t>01/22/2020 15:17:08</t>
  </si>
  <si>
    <t>01/22/2020 15:20:14</t>
  </si>
  <si>
    <t>01/22/2020 15:19:57</t>
  </si>
  <si>
    <t>01/22/2020 15:22:40</t>
  </si>
  <si>
    <t>01/22/2020 15:23:41</t>
  </si>
  <si>
    <t>01/22/2020 15:21:31</t>
  </si>
  <si>
    <t>01/22/2020 15:19:09</t>
  </si>
  <si>
    <t>01/22/2020 15:19:13</t>
  </si>
  <si>
    <t>01/22/2020 15:20:19</t>
  </si>
  <si>
    <t>01/22/2020 15:24:40</t>
  </si>
  <si>
    <t>01/22/2020 15:22:04</t>
  </si>
  <si>
    <t>01/22/2020 15:22:05</t>
  </si>
  <si>
    <t>lu615808ji4rl.tmp</t>
  </si>
  <si>
    <t>\\acsfs\profiles$\LUCASBS\RENEG BV\Consolidado\lu615808ji4rl.tmp</t>
  </si>
  <si>
    <t>\\acsfs\profiles$\LUCASBS\RENEG BV\Consolidado\lu615808ji4rl.tmp\</t>
  </si>
  <si>
    <t>\\acsfs\profiles$\LUCASBS\RENEG BV\Consolidado\lu615808ji4rl.tmp\META-INF\</t>
  </si>
  <si>
    <t>\\acsfs\profiles$\LUCASBS\RENEG BV\Consolidado\lu615808ji4rl.tmp\Thumbnails\</t>
  </si>
  <si>
    <t>01/22/2020 15:22:26</t>
  </si>
  <si>
    <t>01/22/2020 15:22:27</t>
  </si>
  <si>
    <t>lu615808ji4rq.tmp</t>
  </si>
  <si>
    <t>\\acsfs\profiles$\LUCASBS\RENEG BV\Consolidado\lu615808ji4rq.tmp</t>
  </si>
  <si>
    <t>\\acsfs\profiles$\LUCASBS\RENEG BV\Consolidado\lu615808ji4rq.tmp\</t>
  </si>
  <si>
    <t>\\acsfs\profiles$\LUCASBS\RENEG BV\Consolidado\lu615808ji4rq.tmp\META-INF\</t>
  </si>
  <si>
    <t>\\acsfs\profiles$\LUCASBS\RENEG BV\Consolidado\lu615808ji4rq.tmp\Thumbnails\</t>
  </si>
  <si>
    <t>01/22/2020 15:23:25</t>
  </si>
  <si>
    <t>01/22/2020 15:25:41</t>
  </si>
  <si>
    <t>01/22/2020 15:23:40</t>
  </si>
  <si>
    <t>lu54992bd1wmm.tmp</t>
  </si>
  <si>
    <t>\\acsfs\profiles$\jalilebds\Downloads\lu54992bd1wmm.tmp</t>
  </si>
  <si>
    <t>01/22/2020 15:23:42</t>
  </si>
  <si>
    <t>01/22/2020 15:26:40</t>
  </si>
  <si>
    <t>01/22/2020 15:22:46</t>
  </si>
  <si>
    <t>b04881e2-700f-4e29-935b-0fd034dc24ed.tmp</t>
  </si>
  <si>
    <t>\\acsfs\profiles$\gabrielamdp\Downloads\b04881e2-700f-4e29-935b-0fd034dc24ed.tmp</t>
  </si>
  <si>
    <t>01/22/2020 15:23:08</t>
  </si>
  <si>
    <t>01/22/2020 15:23:35</t>
  </si>
  <si>
    <t>01/22/2020 15:27:40</t>
  </si>
  <si>
    <t>01/22/2020 15:22:37</t>
  </si>
  <si>
    <t>9d99161e-4d2b-42be-ad0e-6b9127b3a8cf.tmp</t>
  </si>
  <si>
    <t>\\acsfs\profiles$\lorrainerdl\Downloads\9d99161e-4d2b-42be-ad0e-6b9127b3a8cf.tmp</t>
  </si>
  <si>
    <t>01/22/2020 15:28:40</t>
  </si>
  <si>
    <t>01/22/2020 15:28:41</t>
  </si>
  <si>
    <t>01/22/2020 15:24:51</t>
  </si>
  <si>
    <t>bvcartes-supervisores@algarnet.onmicrosoft.com;pdf;thiagordu@algartech.com;true;</t>
  </si>
  <si>
    <t>bvcartes-supervisores@algarnet.onmicrosoft.com,pdf,thiagordu@algartech.com,true</t>
  </si>
  <si>
    <t>01/22/2020 15:25:07</t>
  </si>
  <si>
    <t>mail.google.com/sync/u/0/i/s?hl=pt-BR&amp;c=1129</t>
  </si>
  <si>
    <t>01/22/2020 15:25:40</t>
  </si>
  <si>
    <t>01/22/2020 15:26:50</t>
  </si>
  <si>
    <t>01/22/2020 15:27:09</t>
  </si>
  <si>
    <t>01/22/2020 15:27:19</t>
  </si>
  <si>
    <t>01/22/2020 15:27:23</t>
  </si>
  <si>
    <t>01/22/2020 15:27:39</t>
  </si>
  <si>
    <t>01/22/2020 15:25:09</t>
  </si>
  <si>
    <t>01/22/2020 15:25:20</t>
  </si>
  <si>
    <t>01/22/2020 15:25:21</t>
  </si>
  <si>
    <t>01/22/2020 15:25:28</t>
  </si>
  <si>
    <t>01/22/2020 15:25:29</t>
  </si>
  <si>
    <t>01/22/2020 15:25:32</t>
  </si>
  <si>
    <t>01/22/2020 15:25:37</t>
  </si>
  <si>
    <t>01/22/2020 15:25:38</t>
  </si>
  <si>
    <t>01/22/2020 15:25:42</t>
  </si>
  <si>
    <t>01/22/2020 15:29:40</t>
  </si>
  <si>
    <t>01/22/2020 15:28:02</t>
  </si>
  <si>
    <t>01/22/2020 15:30:41</t>
  </si>
  <si>
    <t>01/22/2020 15:28:03</t>
  </si>
  <si>
    <t>lu54992bd1wmq.tmp</t>
  </si>
  <si>
    <t>\\acsfs\profiles$\jalilebds\Downloads\lu54992bd1wmq.tmp</t>
  </si>
  <si>
    <t>filas 1721 1725 e 1724 a tratar (1) (1) (1) (6) (1).xlsx</t>
  </si>
  <si>
    <t>\\acsfs\profiles$\jalilebds\Downloads\filas 1721 1725 e 1724 a tratar (1) (1) (1) (6) (1).xlsx</t>
  </si>
  <si>
    <t>01/22/2020 15:28:21</t>
  </si>
  <si>
    <t>27cb7890-96e2-4f64-aa03-ba8f11eb221b.tmp</t>
  </si>
  <si>
    <t>\\acsfs\profiles$\THYAGOSP\Downloads\27cb7890-96e2-4f64-aa03-ba8f11eb221b.tmp</t>
  </si>
  <si>
    <t>01/22/2020 15:30:09</t>
  </si>
  <si>
    <t>01/22/2020 15:31:40</t>
  </si>
  <si>
    <t>01/22/2020 15:29:14</t>
  </si>
  <si>
    <t>01/22/2020 15:28:04</t>
  </si>
  <si>
    <t>01/22/2020 15:29:09</t>
  </si>
  <si>
    <t>01/22/2020 15:29:02</t>
  </si>
  <si>
    <t>a5058502-27d7-43c2-8c8a-c7854e259c1d.tmp</t>
  </si>
  <si>
    <t>\\acsfs\profiles$\LUISPLS\Downloads\a5058502-27d7-43c2-8c8a-c7854e259c1d.tmp</t>
  </si>
  <si>
    <t>01/22/2020 15:28:51</t>
  </si>
  <si>
    <t>01/22/2020 15:32:40</t>
  </si>
  <si>
    <t>01/22/2020 15:28:49</t>
  </si>
  <si>
    <t>01/22/2020 15:28:50</t>
  </si>
  <si>
    <t>01/22/2020 15:28:52</t>
  </si>
  <si>
    <t>01/22/2020 15:28:55</t>
  </si>
  <si>
    <t>01/22/2020 15:28:56</t>
  </si>
  <si>
    <t>01/22/2020 15:28:57</t>
  </si>
  <si>
    <t>01/22/2020 15:28:59</t>
  </si>
  <si>
    <t>01/22/2020 15:29:03</t>
  </si>
  <si>
    <t>01/22/2020 15:29:04</t>
  </si>
  <si>
    <t>01/22/2020 15:29:05</t>
  </si>
  <si>
    <t>01/22/2020 15:29:06</t>
  </si>
  <si>
    <t>01/22/2020 15:29:07</t>
  </si>
  <si>
    <t>01/22/2020 15:29:08</t>
  </si>
  <si>
    <t>01/22/2020 15:29:10</t>
  </si>
  <si>
    <t>01/22/2020 15:29:11</t>
  </si>
  <si>
    <t>01/22/2020 15:29:12</t>
  </si>
  <si>
    <t>01/22/2020 15:29:16</t>
  </si>
  <si>
    <t>01/22/2020 15:29:17</t>
  </si>
  <si>
    <t>01/22/2020 15:29:18</t>
  </si>
  <si>
    <t>01/22/2020 15:29:19</t>
  </si>
  <si>
    <t>01/22/2020 15:29:20</t>
  </si>
  <si>
    <t>01/22/2020 15:29:21</t>
  </si>
  <si>
    <t>01/22/2020 15:29:22</t>
  </si>
  <si>
    <t>01/22/2020 15:29:23</t>
  </si>
  <si>
    <t>01/22/2020 15:29:24</t>
  </si>
  <si>
    <t>01/22/2020 15:29:25</t>
  </si>
  <si>
    <t>01/22/2020 15:29:26</t>
  </si>
  <si>
    <t>01/22/2020 15:29:28</t>
  </si>
  <si>
    <t>01/22/2020 15:29:29</t>
  </si>
  <si>
    <t>01/22/2020 15:29:30</t>
  </si>
  <si>
    <t>01/22/2020 15:29:31</t>
  </si>
  <si>
    <t>01/22/2020 15:29:32</t>
  </si>
  <si>
    <t>01/22/2020 15:29:33</t>
  </si>
  <si>
    <t>01/22/2020 15:29:34</t>
  </si>
  <si>
    <t>01/22/2020 15:29:35</t>
  </si>
  <si>
    <t>01/22/2020 15:29:36</t>
  </si>
  <si>
    <t>01/22/2020 15:29:37</t>
  </si>
  <si>
    <t>01/22/2020 15:29:39</t>
  </si>
  <si>
    <t>01/22/2020 15:29:42</t>
  </si>
  <si>
    <t>01/22/2020 15:31:46</t>
  </si>
  <si>
    <t>3f799e3e-132e-4d83-8b46-0da5af1e4dd2.tmp</t>
  </si>
  <si>
    <t>\\acsfs\profiles$\wenderbnm\Downloads\3f799e3e-132e-4d83-8b46-0da5af1e4dd2.tmp</t>
  </si>
  <si>
    <t>\\acsfs\profiles$\harunams\Searches\</t>
  </si>
  <si>
    <t>01/22/2020 15:28:45</t>
  </si>
  <si>
    <t>eafe12a1-8fdb-4b1a-b66f-a86a55ba2f93.tmp</t>
  </si>
  <si>
    <t>\\acsfs\profiles$\gabrielafs\Downloads\eafe12a1-8fdb-4b1a-b66f-a86a55ba2f93.tmp</t>
  </si>
  <si>
    <t>01/22/2020 15:33:41</t>
  </si>
  <si>
    <t>01/22/2020 15:28:18</t>
  </si>
  <si>
    <t>01/22/2020 15:28:31</t>
  </si>
  <si>
    <t>01/22/2020 15:28:39</t>
  </si>
  <si>
    <t>01/22/2020 15:28:44</t>
  </si>
  <si>
    <t>01/22/2020 15:28:58</t>
  </si>
  <si>
    <t>mail.google.com/sync/u/0/i/s?hl=pt-BR&amp;c=1161</t>
  </si>
  <si>
    <t>01/22/2020 15:29:58</t>
  </si>
  <si>
    <t>mail.google.com/sync/u/0/i/s?hl=pt-BR&amp;c=1167</t>
  </si>
  <si>
    <t>01/22/2020 15:30:12</t>
  </si>
  <si>
    <t>mail.google.com/sync/u/0/i/s?hl=pt-BR&amp;c=1169</t>
  </si>
  <si>
    <t>01/22/2020 15:30:26</t>
  </si>
  <si>
    <t>01/22/2020 15:30:34</t>
  </si>
  <si>
    <t>01/22/2020 15:30:39</t>
  </si>
  <si>
    <t>01/22/2020 15:30:58</t>
  </si>
  <si>
    <t>01/22/2020 15:31:03</t>
  </si>
  <si>
    <t>01/22/2020 15:31:21</t>
  </si>
  <si>
    <t>01/22/2020 15:31:34</t>
  </si>
  <si>
    <t>01/22/2020 15:32:00</t>
  </si>
  <si>
    <t>01/22/2020 15:32:12</t>
  </si>
  <si>
    <t>01/22/2020 15:31:26</t>
  </si>
  <si>
    <t>01/22/2020 15:31:42</t>
  </si>
  <si>
    <t>01/22/2020 15:31:43</t>
  </si>
  <si>
    <t>01/22/2020 15:31:44</t>
  </si>
  <si>
    <t>01/22/2020 15:31:48</t>
  </si>
  <si>
    <t>01/22/2020 15:31:49</t>
  </si>
  <si>
    <t>01/22/2020 15:31:51</t>
  </si>
  <si>
    <t>01/22/2020 15:31:54</t>
  </si>
  <si>
    <t>01/22/2020 15:31:56</t>
  </si>
  <si>
    <t>01/22/2020 15:31:57</t>
  </si>
  <si>
    <t>01/22/2020 15:31:58</t>
  </si>
  <si>
    <t>01/22/2020 15:32:01</t>
  </si>
  <si>
    <t>01/22/2020 15:32:02</t>
  </si>
  <si>
    <t>01/22/2020 15:32:04</t>
  </si>
  <si>
    <t>01/22/2020 15:32:05</t>
  </si>
  <si>
    <t>01/22/2020 15:32:06</t>
  </si>
  <si>
    <t>01/22/2020 15:32:10</t>
  </si>
  <si>
    <t>01/22/2020 15:32:13</t>
  </si>
  <si>
    <t>01/22/2020 15:32:14</t>
  </si>
  <si>
    <t>01/22/2020 15:32:16</t>
  </si>
  <si>
    <t>01/22/2020 15:32:19</t>
  </si>
  <si>
    <t>01/22/2020 15:32:20</t>
  </si>
  <si>
    <t>01/22/2020 15:32:21</t>
  </si>
  <si>
    <t>01/22/2020 15:32:23</t>
  </si>
  <si>
    <t>01/22/2020 15:32:25</t>
  </si>
  <si>
    <t>01/22/2020 15:34:40</t>
  </si>
  <si>
    <t>01/22/2020 15:32:26</t>
  </si>
  <si>
    <t>01/22/2020 15:32:28</t>
  </si>
  <si>
    <t>01/22/2020 15:32:29</t>
  </si>
  <si>
    <t>01/22/2020 15:32:31</t>
  </si>
  <si>
    <t>01/22/2020 15:32:32</t>
  </si>
  <si>
    <t>01/22/2020 15:32:33</t>
  </si>
  <si>
    <t>01/22/2020 15:32:36</t>
  </si>
  <si>
    <t>01/22/2020 15:32:38</t>
  </si>
  <si>
    <t>01/22/2020 15:32:39</t>
  </si>
  <si>
    <t>01/22/2020 15:32:41</t>
  </si>
  <si>
    <t>01/22/2020 15:32:42</t>
  </si>
  <si>
    <t>01/22/2020 15:32:44</t>
  </si>
  <si>
    <t>01/22/2020 15:32:45</t>
  </si>
  <si>
    <t>01/22/2020 15:31:28</t>
  </si>
  <si>
    <t>4db65161-9c7e-417c-86d6-ec8bba00b1cf.tmp</t>
  </si>
  <si>
    <t>\\acsfs\profiles$\gabrielsma\Downloads\4db65161-9c7e-417c-86d6-ec8bba00b1cf.tmp</t>
  </si>
  <si>
    <t>01/22/2020 15:31:33</t>
  </si>
  <si>
    <t>01/22/2020 15:35:41</t>
  </si>
  <si>
    <t>01/22/2020 15:33:58</t>
  </si>
  <si>
    <t>726680e8-e7ac-41f8-aa69-c3e2d9167d0f.tmp</t>
  </si>
  <si>
    <t>\\acsfs\profiles$\welidicdj\Downloads\726680e8-e7ac-41f8-aa69-c3e2d9167d0f.tmp</t>
  </si>
  <si>
    <t>01/22/2020 15:34:08</t>
  </si>
  <si>
    <t>e5ea5abd-184d-47f1-8bfb-ec9c4172f545.tmp</t>
  </si>
  <si>
    <t>\\acsfs\profiles$\welidicdj\Downloads\e5ea5abd-184d-47f1-8bfb-ec9c4172f545.tmp</t>
  </si>
  <si>
    <t>01/22/2020 15:34:39</t>
  </si>
  <si>
    <t>2a0ea6c2-25cd-4991-8ef4-efd2cdd12494.tmp</t>
  </si>
  <si>
    <t>\\acsfs\profiles$\welidicdj\Downloads\2a0ea6c2-25cd-4991-8ef4-efd2cdd12494.tmp</t>
  </si>
  <si>
    <t>01/22/2020 15:32:47</t>
  </si>
  <si>
    <t>01/22/2020 15:32:48</t>
  </si>
  <si>
    <t>lu455525lqel8.tmp</t>
  </si>
  <si>
    <t>\\acsfs\profiles$\Flaviojmm\My Documents\lu455525lqel8.tmp</t>
  </si>
  <si>
    <t>\\acsfs\profiles$\Flaviojmm\My Documents\lu455525lqel8.tmp\</t>
  </si>
  <si>
    <t>\\acsfs\profiles$\Flaviojmm\My Documents\lu455525lqel8.tmp\META-INF\</t>
  </si>
  <si>
    <t>\\acsfs\profiles$\Flaviojmm\My Documents\lu455525lqel8.tmp\Thumbnails\</t>
  </si>
  <si>
    <t>01/22/2020 15:35:25</t>
  </si>
  <si>
    <t>01/22/2020 15:36:40</t>
  </si>
  <si>
    <t>01/22/2020 15:31:20</t>
  </si>
  <si>
    <t>01/22/2020 15:35:09</t>
  </si>
  <si>
    <t>01/22/2020 15:35:35</t>
  </si>
  <si>
    <t>01/22/2020 15:36:12</t>
  </si>
  <si>
    <t>01/22/2020 15:36:13</t>
  </si>
  <si>
    <t>01/22/2020 15:37:41</t>
  </si>
  <si>
    <t>bf053b4d-074d-4ea9-b71a-862239732e18.tmp</t>
  </si>
  <si>
    <t>\\acsfs\profiles$\joycemmdl\Downloads\bf053b4d-074d-4ea9-b71a-862239732e18.tmp</t>
  </si>
  <si>
    <t>01/22/2020 15:32:27</t>
  </si>
  <si>
    <t>Unconfirmed 58884.crdownload</t>
  </si>
  <si>
    <t>\\acsfs\profiles$\joycemmdl\Downloads\Unconfirmed 58884.crdownload</t>
  </si>
  <si>
    <t>01/22/2020 15:32:46</t>
  </si>
  <si>
    <t>a4a24694-73e3-4ab5-ae29-c21d8acace2c.tmp</t>
  </si>
  <si>
    <t>\\acsfs\profiles$\joycemmdl\Downloads\a4a24694-73e3-4ab5-ae29-c21d8acace2c.tmp</t>
  </si>
  <si>
    <t>01/22/2020 15:34:00</t>
  </si>
  <si>
    <t>25346582-d4be-47aa-8db1-f50c6c3055ad.tmp</t>
  </si>
  <si>
    <t>\\acsfs\profiles$\joycemmdl\Downloads\25346582-d4be-47aa-8db1-f50c6c3055ad.tmp</t>
  </si>
  <si>
    <t>01/22/2020 15:33:00</t>
  </si>
  <si>
    <t>01/22/2020 15:33:08</t>
  </si>
  <si>
    <t>01/22/2020 15:33:19</t>
  </si>
  <si>
    <t>01/22/2020 15:33:25</t>
  </si>
  <si>
    <t>01/22/2020 15:34:31</t>
  </si>
  <si>
    <t>01/22/2020 15:34:33</t>
  </si>
  <si>
    <t>01/22/2020 15:36:30</t>
  </si>
  <si>
    <t>ab8bbf8d-90d0-4836-943e-52c3cc7d76ab.tmp</t>
  </si>
  <si>
    <t>\\acsfs\profiles$\danielac\Downloads\ab8bbf8d-90d0-4836-943e-52c3cc7d76ab.tmp</t>
  </si>
  <si>
    <t>01/22/2020 15:38:40</t>
  </si>
  <si>
    <t>01/22/2020 15:34:01</t>
  </si>
  <si>
    <t>01/22/2020 15:39:40</t>
  </si>
  <si>
    <t>9b8accdd-2ae0-4d48-ae24-faad58b3e40b.tmp</t>
  </si>
  <si>
    <t>\\acsfs\profiles$\adelvinsonle\Downloads\9b8accdd-2ae0-4d48-ae24-faad58b3e40b.tmp</t>
  </si>
  <si>
    <t>01/22/2020 15:37:26</t>
  </si>
  <si>
    <t>\\acsfs\Deptos\EDUCACAO EMPRESARIAL\KÉSIA\C78961FE.tmp\</t>
  </si>
  <si>
    <t>\\acsfs\Deptos\EDUCACAO EMPRESARIAL\KÉSIA\C78961FE.tmp\:Zone.Identifier:$DATA</t>
  </si>
  <si>
    <t>01/22/2020 15:34:14</t>
  </si>
  <si>
    <t>78e7ba6a-cefe-44b7-998c-7c206dccdfef.tmp</t>
  </si>
  <si>
    <t>\\acsfs\profiles$\andreapdsg\Downloads\78e7ba6a-cefe-44b7-998c-7c206dccdfef.tmp</t>
  </si>
  <si>
    <t>01/22/2020 15:37:29</t>
  </si>
  <si>
    <t>01/22/2020 15:37:58</t>
  </si>
  <si>
    <t>01/22/2020 15:38:03</t>
  </si>
  <si>
    <t>01/22/2020 15:38:06</t>
  </si>
  <si>
    <t>01/22/2020 15:35:23</t>
  </si>
  <si>
    <t>01/22/2020 15:35:40</t>
  </si>
  <si>
    <t>01/22/2020 15:35:44</t>
  </si>
  <si>
    <t>01/22/2020 15:36:01</t>
  </si>
  <si>
    <t>01/22/2020 15:36:20</t>
  </si>
  <si>
    <t>01/22/2020 15:36:29</t>
  </si>
  <si>
    <t>01/22/2020 15:36:45</t>
  </si>
  <si>
    <t>01/22/2020 15:36:57</t>
  </si>
  <si>
    <t>01/22/2020 15:37:04</t>
  </si>
  <si>
    <t>01/22/2020 15:38:04</t>
  </si>
  <si>
    <t>01/22/2020 15:38:44</t>
  </si>
  <si>
    <t>01/22/2020 15:38:48</t>
  </si>
  <si>
    <t>01/22/2020 15:38:56</t>
  </si>
  <si>
    <t>01/22/2020 15:35:50</t>
  </si>
  <si>
    <t>leticiaTeixeira_Login_0112.csv.crdownload</t>
  </si>
  <si>
    <t>\\acsfs\ACS\Gabriel da Silva\Contemporânea\Gen\Leticia Teixeira\leticiaTeixeira_Login_0112.csv.crdownload</t>
  </si>
  <si>
    <t>leticiaTeixeira_Login_0212.csv.crdownload</t>
  </si>
  <si>
    <t>\\acsfs\ACS\Gabriel da Silva\Contemporânea\Gen\Leticia Teixeira\leticiaTeixeira_Login_0212.csv.crdownload</t>
  </si>
  <si>
    <t>01/22/2020 15:36:37</t>
  </si>
  <si>
    <t>leticiaTeixeira_Login_0312.csv.crdownload</t>
  </si>
  <si>
    <t>\\acsfs\ACS\Gabriel da Silva\Contemporânea\Gen\Leticia Teixeira\leticiaTeixeira_Login_0312.csv.crdownload</t>
  </si>
  <si>
    <t>01/22/2020 15:36:59</t>
  </si>
  <si>
    <t>leticiaTeixeira_Login_0412.csv.crdownload</t>
  </si>
  <si>
    <t>\\acsfs\ACS\Gabriel da Silva\Contemporânea\Gen\Leticia Teixeira\leticiaTeixeira_Login_0412.csv.crdownload</t>
  </si>
  <si>
    <t>01/22/2020 15:38:10</t>
  </si>
  <si>
    <t>01/22/2020 15:38:39</t>
  </si>
  <si>
    <t>01/22/2020 15:39:03</t>
  </si>
  <si>
    <t>01/22/2020 15:37:02</t>
  </si>
  <si>
    <t>e70d0590-323d-42f6-b364-0c6c9561917b.tmp</t>
  </si>
  <si>
    <t>\\acsfs\profiles$\RAFAELRF\Downloads\e70d0590-323d-42f6-b364-0c6c9561917b.tmp</t>
  </si>
  <si>
    <t>01/22/2020 15:40:40</t>
  </si>
  <si>
    <t>01/22/2020 15:35:38</t>
  </si>
  <si>
    <t>8eefbae8-8aa4-4987-af6a-4c392a4b2fc5.tmp</t>
  </si>
  <si>
    <t>\\acsfs\profiles$\cintiadjl\Downloads\8eefbae8-8aa4-4987-af6a-4c392a4b2fc5.tmp</t>
  </si>
  <si>
    <t>01/22/2020 15:36:18</t>
  </si>
  <si>
    <t>fabianacscg@algartech.com;luizffn@algartech.com;talmaiardo@algartech.com;taysdss@algartech.com;</t>
  </si>
  <si>
    <t>fabianacscg@algartech.com,luizffn@algartech.com,talmaiardo@algartech.com,taysdss@algartech.com</t>
  </si>
  <si>
    <t>01/22/2020 15:36:21</t>
  </si>
  <si>
    <t>01/22/2020 15:38:11</t>
  </si>
  <si>
    <t>01/22/2020 15:41:41</t>
  </si>
  <si>
    <t>4f97c3ed-3cd1-4efb-b3dc-db69b26ab9f0.tmp</t>
  </si>
  <si>
    <t>\\acsfs\profiles$\cassianogc\Downloads\4f97c3ed-3cd1-4efb-b3dc-db69b26ab9f0.tmp</t>
  </si>
  <si>
    <t>01/22/2020 15:36:54</t>
  </si>
  <si>
    <t>mail.google.com/sync/u/0/i/s?hl=pt-BR&amp;c=1435</t>
  </si>
  <si>
    <t>01/22/2020 15:36:58</t>
  </si>
  <si>
    <t>mail.google.com/sync/u/0/i/s?hl=pt-BR&amp;c=1437</t>
  </si>
  <si>
    <t>01/22/2020 15:37:07</t>
  </si>
  <si>
    <t>mail.google.com/sync/u/0/i/s?hl=pt-BR&amp;c=1439</t>
  </si>
  <si>
    <t>01/22/2020 15:37:46</t>
  </si>
  <si>
    <t>01/22/2020 15:37:49</t>
  </si>
  <si>
    <t>mail.google.com/sync/u/0/i/s?hl=pt-BR&amp;c=1443</t>
  </si>
  <si>
    <t>01/22/2020 15:37:50</t>
  </si>
  <si>
    <t>01/22/2020 15:39:11</t>
  </si>
  <si>
    <t>01/22/2020 15:41:11</t>
  </si>
  <si>
    <t>01/22/2020 15:40:13</t>
  </si>
  <si>
    <t>0498b2ab-1e1e-45be-b407-d5480f5f8c5a.tmp</t>
  </si>
  <si>
    <t>\\acsfs\profiles$\LUISPLS\Downloads\0498b2ab-1e1e-45be-b407-d5480f5f8c5a.tmp</t>
  </si>
  <si>
    <t>01/22/2020 15:43:41</t>
  </si>
  <si>
    <t>01/22/2020 15:42:34</t>
  </si>
  <si>
    <t>01/22/2020 15:42:35</t>
  </si>
  <si>
    <t>lu2836049mdnh.tmp</t>
  </si>
  <si>
    <t>\\acsfs\profiles$\victoriaksr\My Documents\lu2836049mdnh.tmp</t>
  </si>
  <si>
    <t>01/22/2020 15:42:59</t>
  </si>
  <si>
    <t>01/22/2020 15:39:23</t>
  </si>
  <si>
    <t>01/22/2020 15:44:40</t>
  </si>
  <si>
    <t>ba01d682-d2e7-460a-a001-c920bda31192.tmp</t>
  </si>
  <si>
    <t>\\acsfs\profiles$\andreapdsg\Downloads\ba01d682-d2e7-460a-a001-c920bda31192.tmp</t>
  </si>
  <si>
    <t>01/22/2020 15:42:28</t>
  </si>
  <si>
    <t>22716eca-f66d-4b61-89c2-4528d5fe9e38.tmp</t>
  </si>
  <si>
    <t>\\acsfs\profiles$\andreapdsg\Downloads\22716eca-f66d-4b61-89c2-4528d5fe9e38.tmp</t>
  </si>
  <si>
    <t>01/22/2020 15:39:25</t>
  </si>
  <si>
    <t>leticiaTeixeira_Login_0512.csv.crdownload</t>
  </si>
  <si>
    <t>\\acsfs\ACS\Gabriel da Silva\Contemporânea\Gen\Leticia Teixeira\leticiaTeixeira_Login_0512.csv.crdownload</t>
  </si>
  <si>
    <t>01/22/2020 15:39:47</t>
  </si>
  <si>
    <t>leticiaTeixeira_Login_0612.csv.crdownload</t>
  </si>
  <si>
    <t>\\acsfs\ACS\Gabriel da Silva\Contemporânea\Gen\Leticia Teixeira\leticiaTeixeira_Login_0612.csv.crdownload</t>
  </si>
  <si>
    <t>01/22/2020 15:40:29</t>
  </si>
  <si>
    <t>leticiaTeixeira_Login_0912.csv.crdownload</t>
  </si>
  <si>
    <t>\\acsfs\ACS\Gabriel da Silva\Contemporânea\Gen\Leticia Teixeira\leticiaTeixeira_Login_0912.csv.crdownload</t>
  </si>
  <si>
    <t>01/22/2020 15:40:55</t>
  </si>
  <si>
    <t>leticiaTeixeira_Login_1012.csv.crdownload</t>
  </si>
  <si>
    <t>\\acsfs\ACS\Gabriel da Silva\Contemporânea\Gen\Leticia Teixeira\leticiaTeixeira_Login_1012.csv.crdownload</t>
  </si>
  <si>
    <t>01/22/2020 15:41:17</t>
  </si>
  <si>
    <t>leticiaTeixeira_Login_1112.csv.crdownload</t>
  </si>
  <si>
    <t>\\acsfs\ACS\Gabriel da Silva\Contemporânea\Gen\Leticia Teixeira\leticiaTeixeira_Login_1112.csv.crdownload</t>
  </si>
  <si>
    <t>01/22/2020 15:41:42</t>
  </si>
  <si>
    <t>leticiaTeixeira_Login_1212.csv.crdownload</t>
  </si>
  <si>
    <t>\\acsfs\ACS\Gabriel da Silva\Contemporânea\Gen\Leticia Teixeira\leticiaTeixeira_Login_1212.csv.crdownload</t>
  </si>
  <si>
    <t>01/22/2020 15:42:21</t>
  </si>
  <si>
    <t>leticiaTeixeira_Login_1312.csv.crdownload</t>
  </si>
  <si>
    <t>\\acsfs\ACS\Gabriel da Silva\Contemporânea\Gen\Leticia Teixeira\leticiaTeixeira_Login_1312.csv.crdownload</t>
  </si>
  <si>
    <t>01/22/2020 15:43:21</t>
  </si>
  <si>
    <t>leticiaTeixeira_Login_1612.csv.crdownload</t>
  </si>
  <si>
    <t>\\acsfs\ACS\Gabriel da Silva\Contemporânea\Gen\Leticia Teixeira\leticiaTeixeira_Login_1612.csv.crdownload</t>
  </si>
  <si>
    <t>01/22/2020 15:43:42</t>
  </si>
  <si>
    <t>leticiaTeixeira_Login_1712.csv.crdownload</t>
  </si>
  <si>
    <t>\\acsfs\ACS\Gabriel da Silva\Contemporânea\Gen\Leticia Teixeira\leticiaTeixeira_Login_1712.csv.crdownload</t>
  </si>
  <si>
    <t>01/22/2020 15:44:08</t>
  </si>
  <si>
    <t>leticiaTeixeira_Login_1812.csv.crdownload</t>
  </si>
  <si>
    <t>\\acsfs\ACS\Gabriel da Silva\Contemporânea\Gen\Leticia Teixeira\leticiaTeixeira_Login_1812.csv.crdownload</t>
  </si>
  <si>
    <t>01/22/2020 15:42:33</t>
  </si>
  <si>
    <t>01/22/2020 15:42:53</t>
  </si>
  <si>
    <t>01/22/2020 15:42:57</t>
  </si>
  <si>
    <t>01/22/2020 15:43:04</t>
  </si>
  <si>
    <t>01/22/2020 15:43:20</t>
  </si>
  <si>
    <t>01/22/2020 15:43:23</t>
  </si>
  <si>
    <t>01/22/2020 15:43:29</t>
  </si>
  <si>
    <t>mail.google.com/sync/u/0/i/s?hl=pt-BR&amp;c=1100</t>
  </si>
  <si>
    <t>01/22/2020 15:43:40</t>
  </si>
  <si>
    <t>01/22/2020 15:43:44</t>
  </si>
  <si>
    <t>01/22/2020 15:43:48</t>
  </si>
  <si>
    <t>mail.google.com/sync/u/0/i/s?hl=pt-BR&amp;c=1107</t>
  </si>
  <si>
    <t>01/22/2020 15:44:00</t>
  </si>
  <si>
    <t>01/22/2020 15:44:04</t>
  </si>
  <si>
    <t>01/22/2020 15:44:07</t>
  </si>
  <si>
    <t>01/22/2020 15:43:09</t>
  </si>
  <si>
    <t>01/22/2020 15:45:41</t>
  </si>
  <si>
    <t>f4de046b-af48-4e06-8d4e-a74affa26bd6.tmp</t>
  </si>
  <si>
    <t>\\acsfs\profiles$\sarahbal\Downloads\f4de046b-af48-4e06-8d4e-a74affa26bd6.tmp</t>
  </si>
  <si>
    <t>01/22/2020 15:41:52</t>
  </si>
  <si>
    <t>https://udpwfmniceap02/pt_br/web/guest/home?p_auth=ofgtsf4u&amp;p_p_id=58&amp;p_p_lifecycle=1&amp;p_p_state=maximized&amp;p_p_mode=view&amp;savelastpath=0&amp;_58_struts_action=/login/forgot_password</t>
  </si>
  <si>
    <t>01/22/2020 15:42:08</t>
  </si>
  <si>
    <t>01/22/2020 15:46:40</t>
  </si>
  <si>
    <t>https://udpmailboxap01.acs.com.br:8443/h/search?si=0&amp;so=0&amp;sc=82223&amp;sfi=6&amp;st=conversation&amp;action=compose&amp;paction=rowview</t>
  </si>
  <si>
    <t>f7ce6de6-6bd8-46f3-8e2c-2bbbb5ebc4a8.tmp</t>
  </si>
  <si>
    <t>\\acsfs\profiles$\myllenardl\Downloads\f7ce6de6-6bd8-46f3-8e2c-2bbbb5ebc4a8.tmp</t>
  </si>
  <si>
    <t>01/22/2020 15:45:59</t>
  </si>
  <si>
    <t>a43a96ff-1921-498b-8536-03ed0c375ecd.tmp</t>
  </si>
  <si>
    <t>\\acsfs\profiles$\myllenardl\Downloads\a43a96ff-1921-498b-8536-03ed0c375ecd.tmp</t>
  </si>
  <si>
    <t>01/22/2020 15:42:29</t>
  </si>
  <si>
    <t>01/22/2020 15:46:31</t>
  </si>
  <si>
    <t>01/22/2020 15:47:41</t>
  </si>
  <si>
    <t>01/22/2020 15:42:23</t>
  </si>
  <si>
    <t>4a713223-6ab3-45a1-af72-37de45665001.tmp</t>
  </si>
  <si>
    <t>\\acsfs\profiles$\nycolleemdj\Downloads\4a713223-6ab3-45a1-af72-37de45665001.tmp</t>
  </si>
  <si>
    <t>01/22/2020 15:45:46</t>
  </si>
  <si>
    <t>e7a76c6d-8bfc-4ae1-8998-dd11d8baeaf6.tmp</t>
  </si>
  <si>
    <t>\\acsfs\profiles$\nycolleemdj\Downloads\e7a76c6d-8bfc-4ae1-8998-dd11d8baeaf6.tmp</t>
  </si>
  <si>
    <t>01/22/2020 15:45:12</t>
  </si>
  <si>
    <t>47c743c4-4e46-4860-a21f-7ba4273ee407.tmp</t>
  </si>
  <si>
    <t>\\acsfs\profiles$\danielac\Downloads\47c743c4-4e46-4860-a21f-7ba4273ee407.tmp</t>
  </si>
  <si>
    <t>01/22/2020 15:48:40</t>
  </si>
  <si>
    <t>01/22/2020 15:44:25</t>
  </si>
  <si>
    <t>2349a0ea-a93b-4fa4-989d-117d5ed0c7c8.tmp</t>
  </si>
  <si>
    <t>\\acsfs\profiles$\paulohaf\Downloads\2349a0ea-a93b-4fa4-989d-117d5ed0c7c8.tmp</t>
  </si>
  <si>
    <t>01/22/2020 15:44:59</t>
  </si>
  <si>
    <t>1ccc79e6-2995-4654-9688-abf8d2e005c9.tmp</t>
  </si>
  <si>
    <t>\\acsfs\profiles$\paulohaf\Downloads\1ccc79e6-2995-4654-9688-abf8d2e005c9.tmp</t>
  </si>
  <si>
    <t>01/22/2020 15:45:21</t>
  </si>
  <si>
    <t>bbf304cf-9fcb-4019-8d88-beb91d814145.tmp</t>
  </si>
  <si>
    <t>\\acsfs\profiles$\paulohaf\Downloads\bbf304cf-9fcb-4019-8d88-beb91d814145.tmp</t>
  </si>
  <si>
    <t>01/22/2020 15:45:33</t>
  </si>
  <si>
    <t>14d37b1f-2a87-4a61-a462-f2d59c5e2f3f.tmp</t>
  </si>
  <si>
    <t>\\acsfs\profiles$\paulohaf\Downloads\14d37b1f-2a87-4a61-a462-f2d59c5e2f3f.tmp</t>
  </si>
  <si>
    <t>01/22/2020 15:46:11</t>
  </si>
  <si>
    <t>011c0fc0-9d57-4b9c-9030-a804cf435072.tmp</t>
  </si>
  <si>
    <t>\\acsfs\profiles$\paulohaf\Downloads\011c0fc0-9d57-4b9c-9030-a804cf435072.tmp</t>
  </si>
  <si>
    <t>01/22/2020 15:47:01</t>
  </si>
  <si>
    <t>01/22/2020 15:49:40</t>
  </si>
  <si>
    <t>d9cf357c-feb5-487a-af33-eb729efd3412.tmp</t>
  </si>
  <si>
    <t>\\acsfs\profiles$\andreapdsg\Downloads\d9cf357c-feb5-487a-af33-eb729efd3412.tmp</t>
  </si>
  <si>
    <t>01/22/2020 15:46:41</t>
  </si>
  <si>
    <t>01/22/2020 15:44:51</t>
  </si>
  <si>
    <t>leticiaTeixeira_Login_1912.csv.crdownload</t>
  </si>
  <si>
    <t>\\acsfs\ACS\Gabriel da Silva\Contemporânea\Gen\Leticia Teixeira\leticiaTeixeira_Login_1912.csv.crdownload</t>
  </si>
  <si>
    <t>01/22/2020 15:45:10</t>
  </si>
  <si>
    <t>leticiaTeixeira_Login_2012.csv.crdownload</t>
  </si>
  <si>
    <t>\\acsfs\ACS\Gabriel da Silva\Contemporânea\Gen\Leticia Teixeira\leticiaTeixeira_Login_2012.csv.crdownload</t>
  </si>
  <si>
    <t>01/22/2020 15:45:51</t>
  </si>
  <si>
    <t>leticiaTeixeira_Login_2312.csv.crdownload</t>
  </si>
  <si>
    <t>\\acsfs\ACS\Gabriel da Silva\Contemporânea\Gen\Leticia Teixeira\leticiaTeixeira_Login_2312.csv.crdownload</t>
  </si>
  <si>
    <t>01/22/2020 15:46:14</t>
  </si>
  <si>
    <t>leticiaTeixeira_Login_2412.csv.crdownload</t>
  </si>
  <si>
    <t>\\acsfs\ACS\Gabriel da Silva\Contemporânea\Gen\Leticia Teixeira\leticiaTeixeira_Login_2412.csv.crdownload</t>
  </si>
  <si>
    <t>01/22/2020 15:46:45</t>
  </si>
  <si>
    <t>leticiaTeixeira_Login_2612.csv.crdownload</t>
  </si>
  <si>
    <t>\\acsfs\ACS\Gabriel da Silva\Contemporânea\Gen\Leticia Teixeira\leticiaTeixeira_Login_2612.csv.crdownload</t>
  </si>
  <si>
    <t>01/22/2020 15:47:06</t>
  </si>
  <si>
    <t>leticiaTeixeira_Login_2712.csv.crdownload</t>
  </si>
  <si>
    <t>\\acsfs\ACS\Gabriel da Silva\Contemporânea\Gen\Leticia Teixeira\leticiaTeixeira_Login_2712.csv.crdownload</t>
  </si>
  <si>
    <t>01/22/2020 15:47:37</t>
  </si>
  <si>
    <t>leticiaTeixeira_Login_3012.csv.crdownload</t>
  </si>
  <si>
    <t>\\acsfs\ACS\Gabriel da Silva\Contemporânea\Gen\Leticia Teixeira\leticiaTeixeira_Login_3012.csv.crdownload</t>
  </si>
  <si>
    <t>01/22/2020 15:48:06</t>
  </si>
  <si>
    <t>leticiaTeixeira_Login_3112.csv.crdownload</t>
  </si>
  <si>
    <t>\\acsfs\ACS\Gabriel da Silva\Contemporânea\Gen\Leticia Teixeira\leticiaTeixeira_Login_3112.csv.crdownload</t>
  </si>
  <si>
    <t>01/22/2020 15:45:27</t>
  </si>
  <si>
    <t>01/22/2020 15:47:14</t>
  </si>
  <si>
    <t>01/22/2020 15:51:40</t>
  </si>
  <si>
    <t>https://trc.taboola.com/msn-display-brazil/log/3/perf?route=us:us:v&amp;lti=bulke9_vc1</t>
  </si>
  <si>
    <t>01/22/2020 15:46:42</t>
  </si>
  <si>
    <t>01/22/2020 15:47:09</t>
  </si>
  <si>
    <t>01/22/2020 15:50:15</t>
  </si>
  <si>
    <t>01/22/2020 15:51:09</t>
  </si>
  <si>
    <t>Henrique Cassiano Oliveira_1_6780283571118611405_1_32.wav</t>
  </si>
  <si>
    <t>\\acsfs\Deptos\EDUCACAO EMPRESARIAL\FERNANDA MONIT\Fernanda\MONITORIA JANEIRO\Ligaçoes para MUTANT terceiro ciclo janeiro\Henrique Cassiano Oliveira_1_6780283571118611405_1_32.wav</t>
  </si>
  <si>
    <t>01/22/2020 15:52:41</t>
  </si>
  <si>
    <t>01/22/2020 15:50:33</t>
  </si>
  <si>
    <t>\\acsfs\profiles$\higorss\Contacts\</t>
  </si>
  <si>
    <t>HIGOR SILVA SOUZA (19980).contact</t>
  </si>
  <si>
    <t>\\acsfs\profiles$\higorss\Contacts\HIGOR SILVA SOUZA (19980).contact</t>
  </si>
  <si>
    <t>01/22/2020 15:50:45</t>
  </si>
  <si>
    <t>\\acsfs\profiles$\higorss\My Documents\My Videos\</t>
  </si>
  <si>
    <t>\\acsfs\profiles$\higorss\My Documents\My Videos\desktop.ini</t>
  </si>
  <si>
    <t>01/22/2020 15:50:46</t>
  </si>
  <si>
    <t>\\acsfs\profiles$\higorss\My Documents\My Pictures\</t>
  </si>
  <si>
    <t>\\acsfs\profiles$\higorss\My Documents\My Pictures\desktop.ini</t>
  </si>
  <si>
    <t>01/22/2020 15:50:47</t>
  </si>
  <si>
    <t>01/22/2020 15:50:48</t>
  </si>
  <si>
    <t>\\acsfs\profiles$\higorss\Contacts\desktop.ini</t>
  </si>
  <si>
    <t>\\acsfs\profiles$\higorss\Favorites\</t>
  </si>
  <si>
    <t>\\acsfs\profiles$\higorss\Favorites\desktop.ini</t>
  </si>
  <si>
    <t>01/22/2020 15:50:49</t>
  </si>
  <si>
    <t>\\acsfs\profiles$\higorss\My Documents\My Music\</t>
  </si>
  <si>
    <t>\\acsfs\profiles$\higorss\My Documents\My Music\desktop.ini</t>
  </si>
  <si>
    <t>01/22/2020 15:50:50</t>
  </si>
  <si>
    <t>\\acsfs\profiles$\higorss\Searches\</t>
  </si>
  <si>
    <t>\\acsfs\profiles$\higorss\Searches\desktop.ini</t>
  </si>
  <si>
    <t>01/22/2020 15:50:51</t>
  </si>
  <si>
    <t>\\acsfs\profiles$\higorss\Downloads\</t>
  </si>
  <si>
    <t>\\acsfs\profiles$\higorss\Downloads\desktop.ini</t>
  </si>
  <si>
    <t>\\acsfs\profiles$\higorss\My Documents\desktop.ini</t>
  </si>
  <si>
    <t>01/22/2020 15:50:52</t>
  </si>
  <si>
    <t>\\acsfs\profiles$\higorss\Saved Games\</t>
  </si>
  <si>
    <t>\\acsfs\profiles$\higorss\Saved Games\desktop.ini</t>
  </si>
  <si>
    <t>01/22/2020 15:51:04</t>
  </si>
  <si>
    <t>\\acsfs\profiles$\higorss\Favorites\Links for Brasil\</t>
  </si>
  <si>
    <t>\\acsfs\profiles$\higorss\Favorites\Links for Brasil\desktop.ini</t>
  </si>
  <si>
    <t>\\acsfs\profiles$\higorss\Favorites\Links for Brasil\Microsoft Brasil.url</t>
  </si>
  <si>
    <t>\\acsfs\profiles$\higorss\Favorites\Links for Brasil\Windows Brasil.url</t>
  </si>
  <si>
    <t>\\acsfs\profiles$\higorss\Favorites\Links for Brasil\MSN Brasil.url</t>
  </si>
  <si>
    <t>01/22/2020 15:51:05</t>
  </si>
  <si>
    <t>01/22/2020 15:53:40</t>
  </si>
  <si>
    <t>01/22/2020 15:55:40</t>
  </si>
  <si>
    <t>01/22/2020 15:51:08</t>
  </si>
  <si>
    <t>algartechcpcbv@algartech.com;andrelpsa@algartech.com;antoniocoj@algartech.com;ricardodfm@algartech.com.br;robsonams@algartech.com;</t>
  </si>
  <si>
    <t>algartechcpcbv@algartech.com,andrelpsa@algartech.com,antoniocoj@algartech.com,ricardodfm@algartech.com.br,robsonams@algartech.com</t>
  </si>
  <si>
    <t>01/22/2020 15:51:18</t>
  </si>
  <si>
    <t>01/22/2020 15:51:55</t>
  </si>
  <si>
    <t>01/22/2020 15:52:02</t>
  </si>
  <si>
    <t>0]k�c��m�˟_x0019_b��;1579711353210;1579711654209;326881640;35;36;[];[]]];algartechcpcbv@algartech.com;andrelpsa@algartech.com;antoniocoj@algartech.com;false;null;ricardodfm@algartech.com.br;robsonams@algartech.com;rus9ehrdptcvlo8dugd8loc1oliuyga6z9p8vbz-nv-c3809wliorwg9bpueva\";rus9ehrdptcvlo8dugd97oc1oidbt3lf2yzdr1w6xcldfqzv_zhpnq07lpomt8\";true]";</t>
  </si>
  <si>
    <t>0]k�c��m�˟_x0019_b��,1579711353210,1579711654209,326881640,35,36,[],[]]],algartechcpcbv@algartech.com,andrelpsa@algartech.com,antoniocoj@algartech.com,false,null,ricardodfm@algartech.com.br,robsonams@algartech.com,rus9ehrdptcvlo8dugd8loc1oliuyga6z9p8vbz-nv-c3809wliorwg9bpueva\",rus9ehrdptcvlo8dugd97oc1oidbt3lf2yzdr1w6xcldfqzv_zhpnq07lpomt8\",true]"</t>
  </si>
  <si>
    <t>01/22/2020 15:52:11</t>
  </si>
  <si>
    <t>1579718276590;326881640;58;[];[]]];algartechcpcbv@algartech.com;andrelpsa@algartech.com;antoniocoj@algartech.com;false;null;ricardodfm@algartech.com.br;robsonams@algartech.com;rus9ehrdptcvlo8dugd6boc1ojh7_nvdxh33dg3jwz9vbtrxv7o5ocoxldrxca\";true]";</t>
  </si>
  <si>
    <t>1579718276590,326881640,58,[],[]]],algartechcpcbv@algartech.com,andrelpsa@algartech.com,antoniocoj@algartech.com,false,null,ricardodfm@algartech.com.br,robsonams@algartech.com,rus9ehrdptcvlo8dugd6boc1ojh7_nvdxh33dg3jwz9vbtrxv7o5ocoxldrxca\",true]"</t>
  </si>
  <si>
    <t>01/22/2020 15:56:40</t>
  </si>
  <si>
    <t>01/22/2020 15:53:09</t>
  </si>
  <si>
    <t>01/22/2020 15:54:26</t>
  </si>
  <si>
    <t>01/22/2020 15:55:57</t>
  </si>
  <si>
    <t>mail.google.com/sync/u/0/i/s?hl=pt-BR&amp;c=1464</t>
  </si>
  <si>
    <t>01/22/2020 15:56:04</t>
  </si>
  <si>
    <t>01/22/2020 15:52:40</t>
  </si>
  <si>
    <t>01/22/2020 15:57:41</t>
  </si>
  <si>
    <t>01/22/2020 15:54:28</t>
  </si>
  <si>
    <t>01/22/2020 15:58:40</t>
  </si>
  <si>
    <t>01/22/2020 15:54:20</t>
  </si>
  <si>
    <t>01/22/2020 15:54:33</t>
  </si>
  <si>
    <t>01/22/2020 15:59:41</t>
  </si>
  <si>
    <t>b2293e47-80db-4c9a-a7b9-9eedc3dce7a6.tmp</t>
  </si>
  <si>
    <t>\\acsfs\profiles$\philipegsf\Downloads\b2293e47-80db-4c9a-a7b9-9eedc3dce7a6.tmp</t>
  </si>
  <si>
    <t>01/22/2020 15:55:41</t>
  </si>
  <si>
    <t>LoginLogoutConsolidado_Dez.xlsx</t>
  </si>
  <si>
    <t>\\acsfs\ACS\Gabriel da Silva\Contemporânea\Gen\Leticia Teixeira\LoginLogoutConsolidado_Dez.xlsx</t>
  </si>
  <si>
    <t>01/22/2020 15:56:51</t>
  </si>
  <si>
    <t>01/22/2020 15:57:25</t>
  </si>
  <si>
    <t>outlook.office.com/owa/service.svc?action=CreateItem&amp;app=Mail&amp;n=375</t>
  </si>
  <si>
    <t>gustavodsil@algartech.com;</t>
  </si>
  <si>
    <t>01/22/2020 15:58:03</t>
  </si>
  <si>
    <t>alefl@algartech.com;alessandroam@algartech.com;andrelps@algartech.com;daniela.ribeiro@bv.com.br;eliane.martins@bv.com.br;flora.lira@bv.com.br;jose.gomes@bv.com.br;katia.lee@bv.com.br;maria.patrocinia@bv.com.br;marianesg@algartech.com;regis.costa@bv.com.br;taysdss@algartech.com;thiagordu@algartech.com;</t>
  </si>
  <si>
    <t>alefl@algartech.com,alessandroam@algartech.com,andrelps@algartech.com,daniela.ribeiro@bv.com.br,eliane.martins@bv.com.br,flora.lira@bv.com.br,jose.gomes@bv.com.br,katia.lee@bv.com.br,maria.patrocinia@bv.com.br,marianesg@algartech.com,regis.costa@bv.com.br,taysdss@algartech.com,thiagordu@algartech.com</t>
  </si>
  <si>
    <t>01/22/2020 15:56:52</t>
  </si>
  <si>
    <t>01/22/2020 15:57:00</t>
  </si>
  <si>
    <t>01/22/2020 15:57:55</t>
  </si>
  <si>
    <t>01/22/2020 15:57:59</t>
  </si>
  <si>
    <t>01/22/2020 15:58:10</t>
  </si>
  <si>
    <t>mail.google.com/sync/u/0/i/s?hl=pt-BR&amp;c=1200</t>
  </si>
  <si>
    <t>01/22/2020 15:58:25</t>
  </si>
  <si>
    <t>01/22/2020 15:58:29</t>
  </si>
  <si>
    <t>01/22/2020 15:58:34</t>
  </si>
  <si>
    <t>mail.google.com/sync/u/0/i/s?hl=pt-BR&amp;c=1215</t>
  </si>
  <si>
    <t>01/22/2020 15:58:51</t>
  </si>
  <si>
    <t>01/22/2020 15:59:07</t>
  </si>
  <si>
    <t>mail.google.com/sync/u/0/i/s?hl=pt-BR&amp;c=1226</t>
  </si>
  <si>
    <t>01/22/2020 15:59:14</t>
  </si>
  <si>
    <t>01/22/2020 15:55:38</t>
  </si>
  <si>
    <t>01/22/2020 16:00:40</t>
  </si>
  <si>
    <t>0337fef4-b911-4118-b8a5-8d09fa1e6cf7.tmp</t>
  </si>
  <si>
    <t>\\acsfs\profiles$\gabrielamdp\Downloads\0337fef4-b911-4118-b8a5-8d09fa1e6cf7.tmp</t>
  </si>
  <si>
    <t>01/22/2020 15:55:39</t>
  </si>
  <si>
    <t>c77ea69d-293f-433f-8688-7f8ef658b77b.tmp</t>
  </si>
  <si>
    <t>\\acsfs\profiles$\gabrielamdp\Downloads\c77ea69d-293f-433f-8688-7f8ef658b77b.tmp</t>
  </si>
  <si>
    <t>28b73a72-4b24-44b8-9cc0-c6f8f2233830.tmp</t>
  </si>
  <si>
    <t>\\acsfs\profiles$\gabrielamdp\Downloads\28b73a72-4b24-44b8-9cc0-c6f8f2233830.tmp</t>
  </si>
  <si>
    <t>7c68d5db-8763-451b-9feb-7e0e59842b39.tmp</t>
  </si>
  <si>
    <t>\\acsfs\profiles$\gabrielamdp\Downloads\7c68d5db-8763-451b-9feb-7e0e59842b39.tmp</t>
  </si>
  <si>
    <t>740283f8-279b-4a2d-bb98-e7d9ee2ed27a.tmp</t>
  </si>
  <si>
    <t>\\acsfs\profiles$\gabrielamdp\Downloads\740283f8-279b-4a2d-bb98-e7d9ee2ed27a.tmp</t>
  </si>
  <si>
    <t>01/22/2020 16:00:13</t>
  </si>
  <si>
    <t>01/22/2020 16:00:30</t>
  </si>
  <si>
    <t>1579718878575;326881640;60;[];[]]];algartechcpcbv@algartech.com;andrelpsa@algartech.com;antoniocoj@algartech.com;false;null;ricardodfm@algartech.com.br;robsonams@algartech.com;rus9ehrdptcvlo8dugd77oc1olif0l-puoziv4ty0gu2hg9yaj7ljob7vsqrdc\";true]";</t>
  </si>
  <si>
    <t>1579718878575,326881640,60,[],[]]],algartechcpcbv@algartech.com,andrelpsa@algartech.com,antoniocoj@algartech.com,false,null,ricardodfm@algartech.com.br,robsonams@algartech.com,rus9ehrdptcvlo8dugd77oc1olif0l-puoziv4ty0gu2hg9yaj7ljob7vsqrdc\",true]"</t>
  </si>
  <si>
    <t>01/22/2020 15:57:19</t>
  </si>
  <si>
    <t>01/22/2020 16:01:41</t>
  </si>
  <si>
    <t>mail.google.com/sync/u/0/i/s?hl=pt-BR&amp;c=1469</t>
  </si>
  <si>
    <t>01/22/2020 15:57:20</t>
  </si>
  <si>
    <t>01/22/2020 15:57:35</t>
  </si>
  <si>
    <t>01/22/2020 15:57:42</t>
  </si>
  <si>
    <t>mail.google.com/sync/u/0/i/s?hl=pt-BR&amp;c=1473</t>
  </si>
  <si>
    <t>01/22/2020 15:57:48</t>
  </si>
  <si>
    <t>mail.google.com/sync/u/0/i/s?hl=pt-BR&amp;c=1477</t>
  </si>
  <si>
    <t>01/22/2020 15:57:51</t>
  </si>
  <si>
    <t>01/22/2020 15:58:01</t>
  </si>
  <si>
    <t>01/22/2020 15:58:04</t>
  </si>
  <si>
    <t>mail.google.com/sync/u/0/i/s?hl=pt-BR&amp;c=1483</t>
  </si>
  <si>
    <t>01/22/2020 15:58:07</t>
  </si>
  <si>
    <t>01/22/2020 15:58:16</t>
  </si>
  <si>
    <t>mail.google.com/sync/u/0/i/s?hl=pt-BR&amp;c=1488</t>
  </si>
  <si>
    <t>mail.google.com/sync/u/0/i/s?hl=pt-BR&amp;c=1490</t>
  </si>
  <si>
    <t>mail.google.com/sync/u/0/i/s?hl=pt-BR&amp;c=1494</t>
  </si>
  <si>
    <t>01/22/2020 15:59:09</t>
  </si>
  <si>
    <t>01/22/2020 16:03:41</t>
  </si>
  <si>
    <t>8c2f19b4-3b6b-4781-82ab-c5e6ff90ae34.tmp</t>
  </si>
  <si>
    <t>\\acsfs\profiles$\rafaelacdoc\Downloads\8c2f19b4-3b6b-4781-82ab-c5e6ff90ae34.tmp</t>
  </si>
  <si>
    <t>01/22/2020 16:03:14</t>
  </si>
  <si>
    <t>a29bc892-2965-4fce-931a-1b6117ba9053.tmp</t>
  </si>
  <si>
    <t>\\acsfs\profiles$\rafaelacdoc\Downloads\a29bc892-2965-4fce-931a-1b6117ba9053.tmp</t>
  </si>
  <si>
    <t>01/22/2020 16:04:40</t>
  </si>
  <si>
    <t>01/22/2020 15:59:27</t>
  </si>
  <si>
    <t>01/22/2020 15:59:31</t>
  </si>
  <si>
    <t>01/22/2020 16:00:18</t>
  </si>
  <si>
    <t>01/22/2020 16:00:36</t>
  </si>
  <si>
    <t>01/22/2020 16:00:43</t>
  </si>
  <si>
    <t>01/22/2020 16:00:56</t>
  </si>
  <si>
    <t>mail.google.com/sync/u/0/i/s?hl=pt-BR&amp;c=1274</t>
  </si>
  <si>
    <t>01/22/2020 16:01:34</t>
  </si>
  <si>
    <t>01/22/2020 16:01:55</t>
  </si>
  <si>
    <t>01/22/2020 16:01:59</t>
  </si>
  <si>
    <t>mail.google.com/sync/u/0/i/s?hl=pt-BR&amp;c=1290</t>
  </si>
  <si>
    <t>01/22/2020 16:02:28</t>
  </si>
  <si>
    <t>01/22/2020 16:03:03</t>
  </si>
  <si>
    <t>mail.google.com/sync/u/0/i/s?hl=pt-BR&amp;c=1307</t>
  </si>
  <si>
    <t>01/22/2020 16:03:20</t>
  </si>
  <si>
    <t>01/22/2020 16:03:34</t>
  </si>
  <si>
    <t>mail.google.com/sync/u/0/i/s?hl=pt-BR&amp;c=1317</t>
  </si>
  <si>
    <t>01/22/2020 16:03:46</t>
  </si>
  <si>
    <t>01/22/2020 16:03:51</t>
  </si>
  <si>
    <t>01/22/2020 16:04:01</t>
  </si>
  <si>
    <t>01/22/2020 16:04:05</t>
  </si>
  <si>
    <t>01/22/2020 16:01:40</t>
  </si>
  <si>
    <t>01/22/2020 16:05:40</t>
  </si>
  <si>
    <t>01/22/2020 16:01:04</t>
  </si>
  <si>
    <t>2bce005f-ceb1-4976-8b04-9619b25454ac.tmp</t>
  </si>
  <si>
    <t>\\acsfs\profiles$\gabrielamdp\Downloads\2bce005f-ceb1-4976-8b04-9619b25454ac.tmp</t>
  </si>
  <si>
    <t>01/22/2020 16:00:59</t>
  </si>
  <si>
    <t>0];1579718577578;326881640;59;[];[]]];algartechcpcbv@algartech.com;andrelpsa@algartech.com;antoniocoj@algartech.com;false;null;ricardodfm@algartech.com.br;robsonams@algartech.com;rus9ehrdptcvlo8dugd6loc1oiwpgzyxl13dxrvqcyjqbny0ezv4ngrjiiwhgk\";true]";</t>
  </si>
  <si>
    <t>0] ,1579718577578,326881640,59,[],[]]],algartechcpcbv@algartech.com,andrelpsa@algartech.com,antoniocoj@algartech.com,false,null,ricardodfm@algartech.com.br,robsonams@algartech.com,rus9ehrdptcvlo8dugd6loc1oiwpgzyxl13dxrvqcyjqbny0ezv4ngrjiiwhgk\",true]"</t>
  </si>
  <si>
    <t>01/22/2020 16:01:24</t>
  </si>
  <si>
    <t>"mozilla/5.0 (windows nt 6.1) applewebkit/537.36 (khtml;1;13;1370;13700235;13700883;13701207;13701235;13701262;13701276;13701418;13701422;13701430;13701506;13701510;13701537;13701577;13701613;13701784;13701833;13701905;13701945;13701953;13701969;13702088;1579699809283000;1579699810700000;5701393;[[13700185;adfn-cvs_qg5nlh24sgkozd4wqzeuuw-q3gfcugwdwm2brzd60-ryfcucqdwzbqbocm6f7ilrajd;algartechcpcbv@algartech.com;andrelpsa@algartech.com;antoniocoj@algartech.com;fa3g0gqd-s8mca";false];ken=ac4w5vgy5w9fayfw7g_flvpiainrsfoeag:1579699809277&amp;buildlabel=drive.web-frontend_20200108.00_p2;like gecko) chrome/79.0.3945.130 safari/537.36";null;pt-br;ricardodfm@algartech.com.br;robsonams@algartech.com;</t>
  </si>
  <si>
    <t>"mozilla/5.0 (windows nt 6.1) applewebkit/537.36 (khtml,1,13,1370,13700235,13700883,13701207,13701235,13701262,13701276,13701418,13701422,13701430,13701506,13701510,13701537,13701577,13701613,13701784,13701833,13701905,13701945,13701953,13701969,13702088,1579699809283000,1579699810700000,5701393,[[13700185,adfn-cvs_qg5nlh24sgkozd4wqzeuuw-q3gfcugwdwm2brzd60-ryfcucqdwzbqbocm6f7ilrajd,algartechcpcbv@algartech.com,andrelpsa@algartech.com,antoniocoj@algartech.com,fa3g0gqd-s8mca",false],ken=ac4w5vgy5w9fayfw7g_flvpiainrsfoeag:1579699809277&amp;buildlabel=drive.web-frontend_20200108.00_p2,like gecko) chrome/79.0.3945.130 safari/537.36",null,pt-br,ricardodfm@algartech.com.br,robsonams@algartech.com</t>
  </si>
  <si>
    <t>01/22/2020 16:01:51</t>
  </si>
  <si>
    <t>algartechcpcbv@algartech.com;andrelpsa@algartech.com;antoniocoj@algartech.com;fabianacscg@algartech.com;luizffn@algartech.com;ricardodfm@algartech.com.br;robsonams@algartech.com;talmaiardo@algartech.com;taysdss@algartech.com;</t>
  </si>
  <si>
    <t>algartechcpcbv@algartech.com,andrelpsa@algartech.com,antoniocoj@algartech.com,fabianacscg@algartech.com,luizffn@algartech.com,ricardodfm@algartech.com.br,robsonams@algartech.com,talmaiardo@algartech.com,taysdss@algartech.com</t>
  </si>
  <si>
    <t>01/22/2020 16:02:47</t>
  </si>
  <si>
    <t>01/22/2020 16:02:52</t>
  </si>
  <si>
    <t>01/22/2020 16:06:41</t>
  </si>
  <si>
    <t>01/22/2020 16:05:34</t>
  </si>
  <si>
    <t>01/22/2020 16:02:16</t>
  </si>
  <si>
    <t>01/22/2020 16:03:31</t>
  </si>
  <si>
    <t>mail.google.com/sync/u/0/i/s?hl=pt-BR&amp;c=1501</t>
  </si>
  <si>
    <t>01/22/2020 16:03:49</t>
  </si>
  <si>
    <t>mail.google.com/sync/u/0/i/s?hl=pt-BR&amp;c=1503</t>
  </si>
  <si>
    <t>01/22/2020 16:03:56</t>
  </si>
  <si>
    <t>mail.google.com/sync/u/0/i/s?hl=pt-BR&amp;c=1505</t>
  </si>
  <si>
    <t>01/22/2020 16:03:57</t>
  </si>
  <si>
    <t>01/22/2020 16:05:09</t>
  </si>
  <si>
    <t>01/22/2020 16:05:11</t>
  </si>
  <si>
    <t>mail.google.com/sync/u/0/i/s?hl=pt-BR&amp;c=1509</t>
  </si>
  <si>
    <t>01/22/2020 16:05:24</t>
  </si>
  <si>
    <t>mail.google.com/sync/u/0/i/s?hl=pt-BR&amp;c=1511</t>
  </si>
  <si>
    <t>01/22/2020 16:05:50</t>
  </si>
  <si>
    <t>mail.google.com/sync/u/0/i/s?hl=pt-BR&amp;c=1513</t>
  </si>
  <si>
    <t>01/22/2020 16:05:53</t>
  </si>
  <si>
    <t>mail.google.com/sync/u/0/i/s?hl=pt-BR&amp;c=1515</t>
  </si>
  <si>
    <t>01/22/2020 16:04:20</t>
  </si>
  <si>
    <t>01/22/2020 16:07:40</t>
  </si>
  <si>
    <t>01/22/2020 16:08:41</t>
  </si>
  <si>
    <t>01/22/2020 16:06:20</t>
  </si>
  <si>
    <t>01/22/2020 16:06:21</t>
  </si>
  <si>
    <t>lu2836049mdnx.tmp</t>
  </si>
  <si>
    <t>\\acsfs\profiles$\victoriaksr\My Documents\lu2836049mdnx.tmp</t>
  </si>
  <si>
    <t>01/22/2020 16:06:27</t>
  </si>
  <si>
    <t>01/22/2020 16:09:40</t>
  </si>
  <si>
    <t>21-01 RELATORIO DE LOGIN AVON - Cópia.xlsm</t>
  </si>
  <si>
    <t>\\acsfs\deptos\Operacao\PCP\5 - Comum\CONTROL DESK\2 - DAC2\Control Desk AVON\Relatorios\Status de login\2020\21-01 RELATORIO DE LOGIN AVON - Cópia.xlsm</t>
  </si>
  <si>
    <t>01/22/2020 16:05:10</t>
  </si>
  <si>
    <t>01/22/2020 16:10:41</t>
  </si>
  <si>
    <t>lu54992bd1wn9.tmp</t>
  </si>
  <si>
    <t>\\acsfs\profiles$\jalilebds\Downloads\lu54992bd1wn9.tmp</t>
  </si>
  <si>
    <t>01/22/2020 16:08:00</t>
  </si>
  <si>
    <t>lu54992bd1wnd.tmp</t>
  </si>
  <si>
    <t>\\acsfs\profiles$\jalilebds\Downloads\lu54992bd1wnd.tmp</t>
  </si>
  <si>
    <t>01/22/2020 16:09:00</t>
  </si>
  <si>
    <t>01/22/2020 16:07:52</t>
  </si>
  <si>
    <t>01/22/2020 16:08:06</t>
  </si>
  <si>
    <t>01/22/2020 16:08:13</t>
  </si>
  <si>
    <t>01/22/2020 16:08:17</t>
  </si>
  <si>
    <t>01/22/2020 16:09:47</t>
  </si>
  <si>
    <t>01/22/2020 16:11:40</t>
  </si>
  <si>
    <t>01/22/2020 16:10:18</t>
  </si>
  <si>
    <t>mail.google.com/sync/u/0/i/s?hl=pt-BR&amp;c=1520</t>
  </si>
  <si>
    <t>01/22/2020 16:10:21</t>
  </si>
  <si>
    <t>mail.google.com/sync/u/0/i/s?hl=pt-BR&amp;c=1522</t>
  </si>
  <si>
    <t>01/22/2020 16:11:09</t>
  </si>
  <si>
    <t>01/22/2020 16:12:41</t>
  </si>
  <si>
    <t>01/22/2020 16:09:35</t>
  </si>
  <si>
    <t>b921b437-f653-430f-b2d1-42a41eea1a14.tmp</t>
  </si>
  <si>
    <t>\\acsfs\profiles$\nayarasds\Downloads\b921b437-f653-430f-b2d1-42a41eea1a14.tmp</t>
  </si>
  <si>
    <t>01/22/2020 16:13:40</t>
  </si>
  <si>
    <t>01/22/2020 16:09:53</t>
  </si>
  <si>
    <t>01/22/2020 16:13:09</t>
  </si>
  <si>
    <t>01/22/2020 16:14:40</t>
  </si>
  <si>
    <t>lu413846a66fe.tmp</t>
  </si>
  <si>
    <t>\\acsfs\profiles$\rafaelacdoc\lu413846a66fe.tmp</t>
  </si>
  <si>
    <t>\\acsfs\profiles$\rafaelacdoc\lu413846a66fe.tmp\</t>
  </si>
  <si>
    <t>\\acsfs\profiles$\rafaelacdoc\lu413846a66fe.tmp\META-INF\</t>
  </si>
  <si>
    <t>\\acsfs\profiles$\rafaelacdoc\lu413846a66fe.tmp\Thumbnails\</t>
  </si>
  <si>
    <t>01/22/2020 16:11:44</t>
  </si>
  <si>
    <t>01/22/2020 16:12:58</t>
  </si>
  <si>
    <t>01/22/2020 16:13:37</t>
  </si>
  <si>
    <t>01/22/2020 16:15:40</t>
  </si>
  <si>
    <t>01/22/2020 16:13:38</t>
  </si>
  <si>
    <t>lu54992bd1wnh.tmp</t>
  </si>
  <si>
    <t>\\acsfs\profiles$\jalilebds\Downloads\lu54992bd1wnh.tmp</t>
  </si>
  <si>
    <t>01/22/2020 16:16:41</t>
  </si>
  <si>
    <t>01/22/2020 16:13:24</t>
  </si>
  <si>
    <t>01/22/2020 16:12:49</t>
  </si>
  <si>
    <t>01/22/2020 16:17:40</t>
  </si>
  <si>
    <t>01/22/2020 16:16:27</t>
  </si>
  <si>
    <t>01/22/2020 16:18:41</t>
  </si>
  <si>
    <t>01/22/2020 16:16:29</t>
  </si>
  <si>
    <t>XLOG_vanessacgs_22012020_085556.log</t>
  </si>
  <si>
    <t>\\acsfs\profiles$\vanessacgs\My Documents\xworkcenter\logs\XLOG_vanessacgs_22012020_085556.log</t>
  </si>
  <si>
    <t>01/22/2020 16:19:21</t>
  </si>
  <si>
    <t>01/22/2020 16:20:41</t>
  </si>
  <si>
    <t>01/22/2020 16:17:26</t>
  </si>
  <si>
    <t>lu54992bd1wnl.tmp</t>
  </si>
  <si>
    <t>\\acsfs\profiles$\jalilebds\Downloads\lu54992bd1wnl.tmp</t>
  </si>
  <si>
    <t>01/22/2020 16:19:03</t>
  </si>
  <si>
    <t>01/22/2020 16:19:04</t>
  </si>
  <si>
    <t>lu455525lqell.tmp</t>
  </si>
  <si>
    <t>\\acsfs\profiles$\Flaviojmm\My Documents\lu455525lqell.tmp</t>
  </si>
  <si>
    <t>\\acsfs\profiles$\Flaviojmm\My Documents\lu455525lqell.tmp\</t>
  </si>
  <si>
    <t>\\acsfs\profiles$\Flaviojmm\My Documents\lu455525lqell.tmp\META-INF\</t>
  </si>
  <si>
    <t>\\acsfs\profiles$\Flaviojmm\My Documents\lu455525lqell.tmp\Thumbnails\</t>
  </si>
  <si>
    <t>01/22/2020 16:16:46</t>
  </si>
  <si>
    <t>01/22/2020 16:21:40</t>
  </si>
  <si>
    <t>JOYCE MARIA MENDES DIAS LOPES_1_6780389880149125515_1_32.wav</t>
  </si>
  <si>
    <t>\\acsfs\Deptos\EDUCACAO EMPRESARIAL\FERNANDA MONIT\Fernanda\MONITORIA JANEIRO\Ligaçoes para MUTANT terceiro ciclo janeiro\JOYCE MARIA MENDES DIAS LOPES_1_6780389880149125515_1_32.wav</t>
  </si>
  <si>
    <t>01/22/2020 16:17:09</t>
  </si>
  <si>
    <t>01/22/2020 16:20:54</t>
  </si>
  <si>
    <t>01/22/2020 16:21:00</t>
  </si>
  <si>
    <t>mail.google.com/sync/u/0/i/s?hl=pt-BR&amp;c=1536</t>
  </si>
  <si>
    <t>01/22/2020 16:21:05</t>
  </si>
  <si>
    <t>mail.google.com/sync/u/0/i/s?hl=pt-BR&amp;c=1538</t>
  </si>
  <si>
    <t>01/22/2020 16:21:22</t>
  </si>
  <si>
    <t>01/22/2020 16:23:40</t>
  </si>
  <si>
    <t>01/22/2020 16:20:25</t>
  </si>
  <si>
    <t>01/22/2020 16:24:41</t>
  </si>
  <si>
    <t>01/22/2020 16:22:17</t>
  </si>
  <si>
    <t>01/22/2020 16:22:24</t>
  </si>
  <si>
    <t>01/22/2020 16:25:40</t>
  </si>
  <si>
    <t>01/22/2020 16:22:04</t>
  </si>
  <si>
    <t>990a400f-d371-4e63-97ac-2f4994ce2863.tmp</t>
  </si>
  <si>
    <t>\\acsfs\profiles$\andressamf\Downloads\990a400f-d371-4e63-97ac-2f4994ce2863.tmp</t>
  </si>
  <si>
    <t>01/22/2020 16:23:25</t>
  </si>
  <si>
    <t>lu54992bd1wnp.tmp</t>
  </si>
  <si>
    <t>\\acsfs\profiles$\jalilebds\Downloads\lu54992bd1wnp.tmp</t>
  </si>
  <si>
    <t>01/22/2020 16:26:40</t>
  </si>
  <si>
    <t>01/22/2020 16:21:32</t>
  </si>
  <si>
    <t>mail.google.com/sync/u/0/i/s?hl=pt-BR&amp;c=1543</t>
  </si>
  <si>
    <t>01/22/2020 16:22:16</t>
  </si>
  <si>
    <t>01/22/2020 16:22:21</t>
  </si>
  <si>
    <t>01/22/2020 16:22:40</t>
  </si>
  <si>
    <t>01/22/2020 16:23:09</t>
  </si>
  <si>
    <t>01/22/2020 16:23:36</t>
  </si>
  <si>
    <t>mail.google.com/sync/u/0/i/s?hl=pt-BR&amp;c=1556</t>
  </si>
  <si>
    <t>01/22/2020 16:25:36</t>
  </si>
  <si>
    <t>Jucelia Oliveira de Amorim_1_6781190444873233512_1_32.wav</t>
  </si>
  <si>
    <t>\\acsfs\Deptos\EDUCACAO EMPRESARIAL\FERNANDA MONIT\Fernanda\MONITORIA JANEIRO\Ligaçoes para MUTANT terceiro ciclo janeiro\Jucelia Oliveira de Amorim_1_6781190444873233512_1_32.wav</t>
  </si>
  <si>
    <t>01/22/2020 16:26:08</t>
  </si>
  <si>
    <t>01/22/2020 16:27:40</t>
  </si>
  <si>
    <t>01/22/2020 16:22:48</t>
  </si>
  <si>
    <t>c:\users\camillarl\appdata\local\temp\</t>
  </si>
  <si>
    <t>.ses</t>
  </si>
  <si>
    <t>01/22/2020 16:27:06</t>
  </si>
  <si>
    <t>01/22/2020 16:28:40</t>
  </si>
  <si>
    <t>9be764f4-1bea-43d1-8e8d-aa3d72353629.tmp</t>
  </si>
  <si>
    <t>\\acsfs\profiles$\victorgl\Downloads\9be764f4-1bea-43d1-8e8d-aa3d72353629.tmp</t>
  </si>
  <si>
    <t>01/22/2020 16:26:58</t>
  </si>
  <si>
    <t>edf876d3-759e-4b34-9588-88d977f564bb.tmp</t>
  </si>
  <si>
    <t>\\acsfs\profiles$\fabianobmf\Downloads\edf876d3-759e-4b34-9588-88d977f564bb.tmp</t>
  </si>
  <si>
    <t>01/22/2020 16:26:23</t>
  </si>
  <si>
    <t>5c05eace-1e8d-472d-9c1c-5b6498d7081d.tmp</t>
  </si>
  <si>
    <t>\\acsfs\profiles$\erichds\Downloads\5c05eace-1e8d-472d-9c1c-5b6498d7081d.tmp</t>
  </si>
  <si>
    <t>01/22/2020 16:27:54</t>
  </si>
  <si>
    <t>01/22/2020 16:29:40</t>
  </si>
  <si>
    <t>a74f8bda-9ef2-476b-a749-4dcc480cb1dd.tmp</t>
  </si>
  <si>
    <t>\\acsfs\profiles$\philipegsf\Downloads\a74f8bda-9ef2-476b-a749-4dcc480cb1dd.tmp</t>
  </si>
  <si>
    <t>01/22/2020 16:30:40</t>
  </si>
  <si>
    <t>01/22/2020 16:29:07</t>
  </si>
  <si>
    <t>01/22/2020 16:29:09</t>
  </si>
  <si>
    <t>01/22/2020 16:29:48</t>
  </si>
  <si>
    <t>01/22/2020 16:30:05</t>
  </si>
  <si>
    <t>01/22/2020 16:30:12</t>
  </si>
  <si>
    <t>01/22/2020 16:26:34</t>
  </si>
  <si>
    <t>01/22/2020 16:31:41</t>
  </si>
  <si>
    <t>mail.google.com/sync/u/0/i/s?hl=pt-BR&amp;c=1561</t>
  </si>
  <si>
    <t>mail.google.com/sync/u/0/i/s?hl=pt-BR&amp;c=1564</t>
  </si>
  <si>
    <t>01/22/2020 16:27:46</t>
  </si>
  <si>
    <t>01/22/2020 16:29:33</t>
  </si>
  <si>
    <t>mail.google.com/sync/u/0/i/s?hl=pt-BR&amp;c=1568</t>
  </si>
  <si>
    <t>01/22/2020 16:29:39</t>
  </si>
  <si>
    <t>01/22/2020 16:29:47</t>
  </si>
  <si>
    <t>01/22/2020 16:30:39</t>
  </si>
  <si>
    <t>01/22/2020 16:31:23</t>
  </si>
  <si>
    <t>01/22/2020 16:27:48</t>
  </si>
  <si>
    <t>01/22/2020 16:32:40</t>
  </si>
  <si>
    <t>01/22/2020 16:30:20</t>
  </si>
  <si>
    <t>10.200.67.134</t>
  </si>
  <si>
    <t>\\acsfs\DEPTOS\EDUCACAO EMPRESARIAL\2 - Operações\0 - BV\1 - TREINADORES\Haruna\Dados\Nova pasta\</t>
  </si>
  <si>
    <t>\\acsfs\DEPTOS\EDUCACAO EMPRESARIAL\2 - Operações\0 - BV\1 - TREINADORES\Haruna\Dados\Nova pasta\Thumbs.db</t>
  </si>
  <si>
    <t>01/22/2020 16:33:41</t>
  </si>
  <si>
    <t>01/22/2020 16:34:40</t>
  </si>
  <si>
    <t>01/22/2020 16:32:12</t>
  </si>
  <si>
    <t>01/22/2020 16:32:15</t>
  </si>
  <si>
    <t>01/22/2020 16:35:40</t>
  </si>
  <si>
    <t>01/22/2020 16:36:40</t>
  </si>
  <si>
    <t>01/22/2020 16:32:36</t>
  </si>
  <si>
    <t>mail.google.com/sync/u/0/i/s?hl=pt-BR&amp;c=1584</t>
  </si>
  <si>
    <t>01/22/2020 16:32:44</t>
  </si>
  <si>
    <t>01/22/2020 16:33:05</t>
  </si>
  <si>
    <t>01/22/2020 16:33:09</t>
  </si>
  <si>
    <t>01/22/2020 16:34:02</t>
  </si>
  <si>
    <t>01/22/2020 16:34:45</t>
  </si>
  <si>
    <t>mail.google.com/sync/u/0/i/s?hl=pt-BR&amp;c=1596</t>
  </si>
  <si>
    <t>01/22/2020 16:35:06</t>
  </si>
  <si>
    <t>mail.google.com/sync/u/0/i/s?hl=pt-BR&amp;c=1598</t>
  </si>
  <si>
    <t>01/22/2020 16:35:09</t>
  </si>
  <si>
    <t>01/22/2020 16:35:15</t>
  </si>
  <si>
    <t>mail.google.com/sync/u/0/i/s?hl=pt-BR&amp;c=1600</t>
  </si>
  <si>
    <t>01/22/2020 16:35:23</t>
  </si>
  <si>
    <t>01/22/2020 16:36:14</t>
  </si>
  <si>
    <t>mail.google.com/sync/u/0/i/s?hl=pt-BR&amp;c=1605</t>
  </si>
  <si>
    <t>01/22/2020 16:38:41</t>
  </si>
  <si>
    <t>01/22/2020 16:39:40</t>
  </si>
  <si>
    <t>01/22/2020 16:35:20</t>
  </si>
  <si>
    <t>\\acsfs\profiles$\gabrielsma\Downloads\3bd8c5c9-0b8d-40cf-afdf-30d54c8c0951.tmp\</t>
  </si>
  <si>
    <t>\\acsfs\profiles$\gabrielsma\Downloads\3bd8c5c9-0b8d-40cf-afdf-30d54c8c0951.tmp</t>
  </si>
  <si>
    <t>3bd8c5c9-0b8d-40cf-afdf-30d54c8c0951.tmp</t>
  </si>
  <si>
    <t>01/22/2020 16:35:28</t>
  </si>
  <si>
    <t>\\acsfs\ACS\Gabriel da Silva\Contemporânea\Gen\Não confirmado 527941.crdownload\</t>
  </si>
  <si>
    <t>\\acsfs\ACS\Gabriel da Silva\Contemporânea\Gen\Não confirmado 527941.crdownload</t>
  </si>
  <si>
    <t>Não confirmado 527941.crdownload</t>
  </si>
  <si>
    <t>01/22/2020 16:40:41</t>
  </si>
  <si>
    <t>01/22/2020 16:37:56</t>
  </si>
  <si>
    <t>01/22/2020 16:41:41</t>
  </si>
  <si>
    <t>mail.google.com/sync/u/0/i/s?hl=pt-BR&amp;c=1609</t>
  </si>
  <si>
    <t>01/22/2020 16:38:18</t>
  </si>
  <si>
    <t>mail.google.com/sync/u/0/i/s?hl=pt-BR&amp;c=1611</t>
  </si>
  <si>
    <t>01/22/2020 16:38:34</t>
  </si>
  <si>
    <t>mail.google.com/sync/u/0/i/s?hl=pt-BR&amp;c=1614</t>
  </si>
  <si>
    <t>01/22/2020 16:38:53</t>
  </si>
  <si>
    <t>mail.google.com/sync/u/0/i/s?hl=pt-BR&amp;c=1617</t>
  </si>
  <si>
    <t>01/22/2020 16:39:04</t>
  </si>
  <si>
    <t>01/22/2020 16:39:19</t>
  </si>
  <si>
    <t>01/22/2020 16:39:31</t>
  </si>
  <si>
    <t>mail.google.com/sync/u/0/i/s?hl=pt-BR&amp;c=1624</t>
  </si>
  <si>
    <t>01/22/2020 16:39:34</t>
  </si>
  <si>
    <t>01/22/2020 16:41:11</t>
  </si>
  <si>
    <t>01/22/2020 16:42:42</t>
  </si>
  <si>
    <t>01/22/2020 16:41:43</t>
  </si>
  <si>
    <t>78ef0174-2beb-4308-9ed8-5e33dd3927e1.tmp</t>
  </si>
  <si>
    <t>\\acsfs\profiles$\larissaad\Downloads\78ef0174-2beb-4308-9ed8-5e33dd3927e1.tmp</t>
  </si>
  <si>
    <t>01/22/2020 16:43:41</t>
  </si>
  <si>
    <t>01/22/2020 16:42:35</t>
  </si>
  <si>
    <t>01/22/2020 16:45:41</t>
  </si>
  <si>
    <t>981ca1b9-776c-4e37-8d28-eddf03e2c98d.tmp</t>
  </si>
  <si>
    <t>\\acsfs\profiles$\andressamf\Downloads\981ca1b9-776c-4e37-8d28-eddf03e2c98d.tmp</t>
  </si>
  <si>
    <t>01/22/2020 16:41:09</t>
  </si>
  <si>
    <t>01/22/2020 16:41:10</t>
  </si>
  <si>
    <t>lu54992bd1wny.tmp</t>
  </si>
  <si>
    <t>\\acsfs\profiles$\jalilebds\Downloads\lu54992bd1wny.tmp</t>
  </si>
  <si>
    <t>01/22/2020 16:42:53</t>
  </si>
  <si>
    <t>01/22/2020 16:42:54</t>
  </si>
  <si>
    <t>lu54992bd1wo2.tmp</t>
  </si>
  <si>
    <t>\\acsfs\profiles$\jalilebds\Downloads\lu54992bd1wo2.tmp</t>
  </si>
  <si>
    <t>01/22/2020 16:45:21</t>
  </si>
  <si>
    <t>01/22/2020 16:46:41</t>
  </si>
  <si>
    <t>01/22/2020 16:42:51</t>
  </si>
  <si>
    <t>mail.google.com/sync/u/0/i/s?hl=pt-BR&amp;c=1631</t>
  </si>
  <si>
    <t>01/22/2020 16:43:18</t>
  </si>
  <si>
    <t>mail.google.com/sync/u/0/i/s?hl=pt-BR&amp;c=1633</t>
  </si>
  <si>
    <t>01/22/2020 16:43:22</t>
  </si>
  <si>
    <t>mail.google.com/sync/u/0/i/s?hl=pt-BR&amp;c=1635</t>
  </si>
  <si>
    <t>01/22/2020 16:43:23</t>
  </si>
  <si>
    <t>01/22/2020 16:43:42</t>
  </si>
  <si>
    <t>01/22/2020 16:43:50</t>
  </si>
  <si>
    <t>01/22/2020 16:44:44</t>
  </si>
  <si>
    <t>01/22/2020 16:44:53</t>
  </si>
  <si>
    <t>01/22/2020 16:45:25</t>
  </si>
  <si>
    <t>01/22/2020 16:45:31</t>
  </si>
  <si>
    <t>01/22/2020 16:48:42</t>
  </si>
  <si>
    <t>01/22/2020 16:45:52</t>
  </si>
  <si>
    <t>cb3e60ee-3bb7-4caf-9db9-4c2e69f55cd4.tmp</t>
  </si>
  <si>
    <t>\\acsfs\profiles$\adelvinsonle\Downloads\cb3e60ee-3bb7-4caf-9db9-4c2e69f55cd4.tmp</t>
  </si>
  <si>
    <t>01/22/2020 16:49:47</t>
  </si>
  <si>
    <t>01/22/2020 16:50:41</t>
  </si>
  <si>
    <t>01/22/2020 16:49:48</t>
  </si>
  <si>
    <t>lu455525lqem2.tmp</t>
  </si>
  <si>
    <t>\\acsfs\profiles$\Flaviojmm\My Documents\lu455525lqem2.tmp</t>
  </si>
  <si>
    <t>\\acsfs\profiles$\Flaviojmm\My Documents\lu455525lqem2.tmp\</t>
  </si>
  <si>
    <t>\\acsfs\profiles$\Flaviojmm\My Documents\lu455525lqem2.tmp\META-INF\</t>
  </si>
  <si>
    <t>\\acsfs\profiles$\Flaviojmm\My Documents\lu455525lqem2.tmp\Thumbnails\</t>
  </si>
  <si>
    <t>01/22/2020 16:47:09</t>
  </si>
  <si>
    <t>01/22/2020 16:51:41</t>
  </si>
  <si>
    <t>01/22/2020 16:48:12</t>
  </si>
  <si>
    <t>01/22/2020 16:51:27</t>
  </si>
  <si>
    <t>01/22/2020 16:48:41</t>
  </si>
  <si>
    <t>01/22/2020 16:52:41</t>
  </si>
  <si>
    <t>62f46440-f37e-4b93-abcb-2f62647d200b.tmp</t>
  </si>
  <si>
    <t>\\acsfs\profiles$\nycolleemdj\Downloads\62f46440-f37e-4b93-abcb-2f62647d200b.tmp</t>
  </si>
  <si>
    <t>01/22/2020 16:48:50</t>
  </si>
  <si>
    <t>48eec5c7-a8ec-4628-97b8-48c5ae81b39a.tmp</t>
  </si>
  <si>
    <t>\\acsfs\profiles$\nycolleemdj\Downloads\48eec5c7-a8ec-4628-97b8-48c5ae81b39a.tmp</t>
  </si>
  <si>
    <t>01/22/2020 16:49:39</t>
  </si>
  <si>
    <t>01/22/2020 16:53:41</t>
  </si>
  <si>
    <t>01/22/2020 16:50:09</t>
  </si>
  <si>
    <t>01/22/2020 16:48:47</t>
  </si>
  <si>
    <t>01/22/2020 16:54:41</t>
  </si>
  <si>
    <t>01/22/2020 16:49:09</t>
  </si>
  <si>
    <t>01/22/2020 16:49:42</t>
  </si>
  <si>
    <t>01/22/2020 16:49:52</t>
  </si>
  <si>
    <t>01/22/2020 16:50:00</t>
  </si>
  <si>
    <t>01/22/2020 16:50:18</t>
  </si>
  <si>
    <t>01/22/2020 16:56:41</t>
  </si>
  <si>
    <t>01/22/2020 16:54:28</t>
  </si>
  <si>
    <t>0cfd55f2-a109-4022-9225-3f31b8848f96.tmp</t>
  </si>
  <si>
    <t>\\acsfs\profiles$\cassianogc\Downloads\0cfd55f2-a109-4022-9225-3f31b8848f96.tmp</t>
  </si>
  <si>
    <t>01/22/2020 16:53:10</t>
  </si>
  <si>
    <t>01/22/2020 16:54:38</t>
  </si>
  <si>
    <t>01/22/2020 16:54:39</t>
  </si>
  <si>
    <t>01/22/2020 16:56:16</t>
  </si>
  <si>
    <t>01/22/2020 16:58:41</t>
  </si>
  <si>
    <t>01/22/2020 16:56:52</t>
  </si>
  <si>
    <t>01/22/2020 16:59:41</t>
  </si>
  <si>
    <t>01/22/2020 16:57:13</t>
  </si>
  <si>
    <t>01/22/2020 16:57:26</t>
  </si>
  <si>
    <t>01/22/2020 16:57:52</t>
  </si>
  <si>
    <t>01/22/2020 16:57:57</t>
  </si>
  <si>
    <t>01/22/2020 16:58:01</t>
  </si>
  <si>
    <t>01/22/2020 16:58:09</t>
  </si>
  <si>
    <t>01/22/2020 16:58:12</t>
  </si>
  <si>
    <t>01/22/2020 16:58:13</t>
  </si>
  <si>
    <t>01/22/2020 16:58:35</t>
  </si>
  <si>
    <t>01/22/2020 16:57:22</t>
  </si>
  <si>
    <t>01/22/2020 17:01:41</t>
  </si>
  <si>
    <t>mail.google.com/sync/u/0/i/s?hl=pt-BR&amp;c=1670</t>
  </si>
  <si>
    <t>01/22/2020 16:57:34</t>
  </si>
  <si>
    <t>mail.google.com/sync/u/0/i/s?hl=pt-BR&amp;c=1673</t>
  </si>
  <si>
    <t>01/22/2020 16:57:40</t>
  </si>
  <si>
    <t>mail.google.com/sync/u/0/i/s?hl=pt-BR&amp;c=1675</t>
  </si>
  <si>
    <t>01/22/2020 16:58:02</t>
  </si>
  <si>
    <t>01/22/2020 16:58:06</t>
  </si>
  <si>
    <t>01/22/2020 16:59:10</t>
  </si>
  <si>
    <t>01/22/2020 17:03:41</t>
  </si>
  <si>
    <t>01/22/2020 16:58:52</t>
  </si>
  <si>
    <t>01/22/2020 17:04:42</t>
  </si>
  <si>
    <t>01/22/2020 16:59:26</t>
  </si>
  <si>
    <t>01/22/2020 16:59:27</t>
  </si>
  <si>
    <t>01/22/2020 16:59:33</t>
  </si>
  <si>
    <t>01/22/2020 16:59:39</t>
  </si>
  <si>
    <t>01/22/2020 16:59:52</t>
  </si>
  <si>
    <t>01/22/2020 17:00:10</t>
  </si>
  <si>
    <t>01/22/2020 17:00:12</t>
  </si>
  <si>
    <t>01/22/2020 17:00:17</t>
  </si>
  <si>
    <t>01/22/2020 17:00:42</t>
  </si>
  <si>
    <t>01/22/2020 17:02:13</t>
  </si>
  <si>
    <t>01/22/2020 17:02:17</t>
  </si>
  <si>
    <t>01/22/2020 17:02:18</t>
  </si>
  <si>
    <t>01/22/2020 17:02:27</t>
  </si>
  <si>
    <t>01/22/2020 17:02:34</t>
  </si>
  <si>
    <t>01/22/2020 17:02:37</t>
  </si>
  <si>
    <t>01/22/2020 17:02:43</t>
  </si>
  <si>
    <t>01/22/2020 17:02:50</t>
  </si>
  <si>
    <t>01/22/2020 17:02:54</t>
  </si>
  <si>
    <t>01/22/2020 17:03:05</t>
  </si>
  <si>
    <t>01/22/2020 17:03:10</t>
  </si>
  <si>
    <t>01/22/2020 17:03:15</t>
  </si>
  <si>
    <t>01/22/2020 17:03:21</t>
  </si>
  <si>
    <t>01/22/2020 17:03:27</t>
  </si>
  <si>
    <t>01/22/2020 17:03:39</t>
  </si>
  <si>
    <t>01/22/2020 17:03:40</t>
  </si>
  <si>
    <t>01/22/2020 17:03:43</t>
  </si>
  <si>
    <t>01/22/2020 16:59:00</t>
  </si>
  <si>
    <t>22-01 RELATORIO DE LOGIN AVON.xlsm</t>
  </si>
  <si>
    <t>\\acsfs\deptos\Operacao\PCP\5 - Comum\CONTROL DESK\2 - DAC2\Control Desk AVON\Relatorios\Status de login\2020\22-01 RELATORIO DE LOGIN AVON.xlsm</t>
  </si>
  <si>
    <t>01/22/2020 17:02:59</t>
  </si>
  <si>
    <t>01/22/2020 17:02:57</t>
  </si>
  <si>
    <t>01/22/2020 17:05:41</t>
  </si>
  <si>
    <t>lu54992bd1wo6.tmp</t>
  </si>
  <si>
    <t>\\acsfs\profiles$\jalilebds\Downloads\lu54992bd1wo6.tmp</t>
  </si>
  <si>
    <t>01/22/2020 17:06:41</t>
  </si>
  <si>
    <t>01/22/2020 17:04:04</t>
  </si>
  <si>
    <t>01/22/2020 17:05:10</t>
  </si>
  <si>
    <t>01/22/2020 17:08:41</t>
  </si>
  <si>
    <t>01/22/2020 17:09:42</t>
  </si>
  <si>
    <t>01/22/2020 17:03:50</t>
  </si>
  <si>
    <t>01/22/2020 17:03:54</t>
  </si>
  <si>
    <t>01/22/2020 17:03:57</t>
  </si>
  <si>
    <t>01/22/2020 17:06:34</t>
  </si>
  <si>
    <t>01/22/2020 17:06:35</t>
  </si>
  <si>
    <t>01/22/2020 17:11:43</t>
  </si>
  <si>
    <t>01/22/2020 17:07:05</t>
  </si>
  <si>
    <t>01/22/2020 17:11:10</t>
  </si>
  <si>
    <t>01/22/2020 17:09:53</t>
  </si>
  <si>
    <t>01/22/2020 17:12:42</t>
  </si>
  <si>
    <t>a7b9a6df-5fa6-469d-843e-7e88e7f02c6b.tmp</t>
  </si>
  <si>
    <t>\\acsfs\profiles$\joycemmdl\Downloads\a7b9a6df-5fa6-469d-843e-7e88e7f02c6b.tmp</t>
  </si>
  <si>
    <t>01/22/2020 17:13:42</t>
  </si>
  <si>
    <t>01/22/2020 17:09:22</t>
  </si>
  <si>
    <t>01/22/2020 17:14:42</t>
  </si>
  <si>
    <t>01/22/2020 17:11:00</t>
  </si>
  <si>
    <t>01/22/2020 17:12:01</t>
  </si>
  <si>
    <t>01/22/2020 17:12:18</t>
  </si>
  <si>
    <t>01/22/2020 17:12:16</t>
  </si>
  <si>
    <t>\\acsfs\profiles$\ciceraads\My Documents\xworkcenter\logs\</t>
  </si>
  <si>
    <t>XLOG_ciceraads_22012020_171159.log</t>
  </si>
  <si>
    <t>\\acsfs\profiles$\ciceraads\My Documents\xworkcenter\logs\XLOG_ciceraads_22012020_171159.log</t>
  </si>
  <si>
    <t>01/22/2020 17:16:42</t>
  </si>
  <si>
    <t>0257c7d9-c737-4630-abf1-4d76da002ea4.tmp</t>
  </si>
  <si>
    <t>\\acsfs\profiles$\fabianobmf\Downloads\0257c7d9-c737-4630-abf1-4d76da002ea4.tmp</t>
  </si>
  <si>
    <t>01/22/2020 17:11:41</t>
  </si>
  <si>
    <t>01/22/2020 17:17:42</t>
  </si>
  <si>
    <t>mail.google.com/sync/u/0/i/s?hl=pt-BR&amp;c=1686</t>
  </si>
  <si>
    <t>01/22/2020 17:12:10</t>
  </si>
  <si>
    <t>mail.google.com/sync/u/0/i/s?hl=pt-BR&amp;c=1688</t>
  </si>
  <si>
    <t>01/22/2020 17:12:14</t>
  </si>
  <si>
    <t>01/22/2020 17:12:15</t>
  </si>
  <si>
    <t>01/22/2020 17:12:22</t>
  </si>
  <si>
    <t>01/22/2020 17:13:04</t>
  </si>
  <si>
    <t>01/22/2020 17:14:09</t>
  </si>
  <si>
    <t>Karla Barbosa Da Silva_1_6780740637243281912_1_32.wav</t>
  </si>
  <si>
    <t>\\acsfs\Deptos\EDUCACAO EMPRESARIAL\FERNANDA MONIT\Fernanda\MONITORIA JANEIRO\Ligaçoes para MUTANT terceiro ciclo janeiro\Karla Barbosa Da Silva_1_6780740637243281912_1_32.wav</t>
  </si>
  <si>
    <t>01/22/2020 17:14:44</t>
  </si>
  <si>
    <t>01/22/2020 17:14:57</t>
  </si>
  <si>
    <t>01/22/2020 17:15:00</t>
  </si>
  <si>
    <t>mail.google.com/sync/u/0/i/s?hl=pt-BR&amp;c=1699</t>
  </si>
  <si>
    <t>01/22/2020 17:15:13</t>
  </si>
  <si>
    <t>01/22/2020 17:15:15</t>
  </si>
  <si>
    <t>mail.google.com/sync/u/0/i/s?hl=pt-BR&amp;c=1703</t>
  </si>
  <si>
    <t>01/22/2020 17:15:22</t>
  </si>
  <si>
    <t>mail.google.com/sync/u/0/i/s?hl=pt-BR&amp;c=1705</t>
  </si>
  <si>
    <t>01/22/2020 17:15:26</t>
  </si>
  <si>
    <t>01/22/2020 17:15:30</t>
  </si>
  <si>
    <t>01/22/2020 17:15:48</t>
  </si>
  <si>
    <t>01/22/2020 17:15:50</t>
  </si>
  <si>
    <t>01/22/2020 17:18:43</t>
  </si>
  <si>
    <t>01/22/2020 17:13:27</t>
  </si>
  <si>
    <t>01/22/2020 17:18:13</t>
  </si>
  <si>
    <t>01/22/2020 17:19:42</t>
  </si>
  <si>
    <t>01/22/2020 17:18:16</t>
  </si>
  <si>
    <t>01/22/2020 17:18:21</t>
  </si>
  <si>
    <t>01/22/2020 17:18:40</t>
  </si>
  <si>
    <t>01/22/2020 17:14:25</t>
  </si>
  <si>
    <t>01/22/2020 17:15:10</t>
  </si>
  <si>
    <t>01/22/2020 17:19:12</t>
  </si>
  <si>
    <t>01/22/2020 17:20:43</t>
  </si>
  <si>
    <t>01/22/2020 17:19:13</t>
  </si>
  <si>
    <t>lu54992bd1wof.tmp</t>
  </si>
  <si>
    <t>\\acsfs\profiles$\jalilebds\Downloads\lu54992bd1wof.tmp</t>
  </si>
  <si>
    <t>01/22/2020 17:16:04</t>
  </si>
  <si>
    <t>d3bb9456-e6d0-46b9-82ce-a2ad368e368d.tmp</t>
  </si>
  <si>
    <t>\\acsfs\profiles$\gabrielamdp\Downloads\d3bb9456-e6d0-46b9-82ce-a2ad368e368d.tmp</t>
  </si>
  <si>
    <t>01/22/2020 17:16:59</t>
  </si>
  <si>
    <t>01/22/2020 17:22:42</t>
  </si>
  <si>
    <t>mail.google.com/sync/u/0/i/s?hl=pt-BR&amp;c=1718</t>
  </si>
  <si>
    <t>01/22/2020 17:17:10</t>
  </si>
  <si>
    <t>01/22/2020 17:19:22</t>
  </si>
  <si>
    <t>01/22/2020 17:20:52</t>
  </si>
  <si>
    <t>01/22/2020 17:17:26</t>
  </si>
  <si>
    <t>\\acsfs\DEPTOS\EDUCACAO EMPRESARIAL\2 - Operações\0 - BV\1 - TREINADORES\6A96947C.tmp\</t>
  </si>
  <si>
    <t>\\acsfs\DEPTOS\EDUCACAO EMPRESARIAL\2 - Operações\0 - BV\1 - TREINADORES\6A96947C.tmp\:Zone.Identifier:$DATA</t>
  </si>
  <si>
    <t>01/22/2020 17:17:27</t>
  </si>
  <si>
    <t>Controle de Presença - TRN_BV - EPS.XLS</t>
  </si>
  <si>
    <t>\\acsfs\DEPTOS\EDUCACAO EMPRESARIAL\2 - Operações\0 - BV\1 - TREINADORES\Controle de Presença - TRN_BV - EPS.XLS</t>
  </si>
  <si>
    <t>01/22/2020 17:17:29</t>
  </si>
  <si>
    <t>01/22/2020 17:23:42</t>
  </si>
  <si>
    <t>01/22/2020 16:14:06</t>
  </si>
  <si>
    <t>\\acsfs\profiles$\rafaelacdoc\Desktop\</t>
  </si>
  <si>
    <t>\\acsfs\profiles$\rafaelacdoc\Desktop\.~lock.VENDAS.ods#</t>
  </si>
  <si>
    <t>lu413846a66fh.tmp</t>
  </si>
  <si>
    <t>\\acsfs\profiles$\rafaelacdoc\Desktop\lu413846a66fh.tmp</t>
  </si>
  <si>
    <t>\\acsfs\profiles$\rafaelacdoc\Desktop\lu413846a66fh.tmp\</t>
  </si>
  <si>
    <t>\\acsfs\profiles$\rafaelacdoc\Desktop\lu413846a66fh.tmp\META-INF\</t>
  </si>
  <si>
    <t>\\acsfs\profiles$\rafaelacdoc\Desktop\lu413846a66fh.tmp\Thumbnails\</t>
  </si>
  <si>
    <t>01/22/2020 16:14:11</t>
  </si>
  <si>
    <t>01/22/2020 16:14:12</t>
  </si>
  <si>
    <t>lu413846a66fk.tmp</t>
  </si>
  <si>
    <t>\\acsfs\profiles$\rafaelacdoc\Desktop\lu413846a66fk.tmp</t>
  </si>
  <si>
    <t>\\acsfs\profiles$\rafaelacdoc\Desktop\lu413846a66fk.tmp\</t>
  </si>
  <si>
    <t>\\acsfs\profiles$\rafaelacdoc\Desktop\lu413846a66fk.tmp\META-INF\</t>
  </si>
  <si>
    <t>\\acsfs\profiles$\rafaelacdoc\Desktop\lu413846a66fk.tmp\Thumbnails\</t>
  </si>
  <si>
    <t>01/22/2020 17:24:42</t>
  </si>
  <si>
    <t>01/22/2020 17:23:18</t>
  </si>
  <si>
    <t>c50559d8-1ac0-4974-bee9-237b16c93c8c.tmp</t>
  </si>
  <si>
    <t>\\acsfs\profiles$\andreapdsg\Downloads\c50559d8-1ac0-4974-bee9-237b16c93c8c.tmp</t>
  </si>
  <si>
    <t>01/22/2020 17:21:36</t>
  </si>
  <si>
    <t>01/22/2020 17:22:18</t>
  </si>
  <si>
    <t>01/22/2020 17:25:43</t>
  </si>
  <si>
    <t>01/22/2020 17:21:59</t>
  </si>
  <si>
    <t>cb723157-cefe-409e-a811-c70fe58d1521.tmp</t>
  </si>
  <si>
    <t>\\acsfs\profiles$\henriqueco\Downloads\cb723157-cefe-409e-a811-c70fe58d1521.tmp</t>
  </si>
  <si>
    <t>01/22/2020 17:27:42</t>
  </si>
  <si>
    <t>01/22/2020 17:25:01</t>
  </si>
  <si>
    <t>4ccca504-43b8-4cb1-9a69-2111c1d7fd78.tmp</t>
  </si>
  <si>
    <t>\\acsfs\profiles$\nycolleemdj\Downloads\4ccca504-43b8-4cb1-9a69-2111c1d7fd78.tmp</t>
  </si>
  <si>
    <t>01/22/2020 17:23:09</t>
  </si>
  <si>
    <t>01/22/2020 17:26:20</t>
  </si>
  <si>
    <t>01/22/2020 17:28:42</t>
  </si>
  <si>
    <t>01/22/2020 17:25:15</t>
  </si>
  <si>
    <t>01/22/2020 17:29:43</t>
  </si>
  <si>
    <t>lu2733221pk7h.tmp</t>
  </si>
  <si>
    <t>\\acsfs\profiles$\RAFAELRF\meu\lu2733221pk7h.tmp</t>
  </si>
  <si>
    <t>01/22/2020 17:26:11</t>
  </si>
  <si>
    <t>01/22/2020 17:30:42</t>
  </si>
  <si>
    <t>lu54992bd1woj.tmp</t>
  </si>
  <si>
    <t>\\acsfs\profiles$\jalilebds\Downloads\lu54992bd1woj.tmp</t>
  </si>
  <si>
    <t>01/22/2020 17:28:41</t>
  </si>
  <si>
    <t>lu54992bd1won.tmp</t>
  </si>
  <si>
    <t>\\acsfs\profiles$\jalilebds\Downloads\lu54992bd1won.tmp</t>
  </si>
  <si>
    <t>01/22/2020 17:31:42</t>
  </si>
  <si>
    <t>01/22/2020 17:29:16</t>
  </si>
  <si>
    <t>9bdcbe87-202f-4b85-b78c-573b50bdef0d.tmp</t>
  </si>
  <si>
    <t>\\acsfs\profiles$\fabianobmf\Downloads\9bdcbe87-202f-4b85-b78c-573b50bdef0d.tmp</t>
  </si>
  <si>
    <t>01/22/2020 17:26:53</t>
  </si>
  <si>
    <t>01/22/2020 17:32:42</t>
  </si>
  <si>
    <t>01/22/2020 17:33:42</t>
  </si>
  <si>
    <t>01/22/2020 17:32:21</t>
  </si>
  <si>
    <t>01/22/2020 17:34:43</t>
  </si>
  <si>
    <t>01/22/2020 17:33:35</t>
  </si>
  <si>
    <t>01/22/2020 17:30:01</t>
  </si>
  <si>
    <t>01/22/2020 17:30:54</t>
  </si>
  <si>
    <t>01/22/2020 17:31:08</t>
  </si>
  <si>
    <t>01/22/2020 17:29:04</t>
  </si>
  <si>
    <t>01/22/2020 17:35:42</t>
  </si>
  <si>
    <t>01/22/2020 17:32:03</t>
  </si>
  <si>
    <t>lu54992bd1wor.tmp</t>
  </si>
  <si>
    <t>\\acsfs\profiles$\jalilebds\Downloads\lu54992bd1wor.tmp</t>
  </si>
  <si>
    <t>01/22/2020 17:32:15</t>
  </si>
  <si>
    <t>01/22/2020 17:36:43</t>
  </si>
  <si>
    <t>701265ae-f721-43f4-963c-de8afb2285c8.tmp</t>
  </si>
  <si>
    <t>\\acsfs\profiles$\andreapdsg\Downloads\701265ae-f721-43f4-963c-de8afb2285c8.tmp</t>
  </si>
  <si>
    <t>01/22/2020 17:35:14</t>
  </si>
  <si>
    <t>ddca9eee-bc38-4a39-a484-a0669d94a986.tmp</t>
  </si>
  <si>
    <t>\\acsfs\profiles$\andreapdsg\Downloads\ddca9eee-bc38-4a39-a484-a0669d94a986.tmp</t>
  </si>
  <si>
    <t>01/22/2020 17:31:26</t>
  </si>
  <si>
    <t>573cb6a4-bde2-4019-b40e-871dc1daa4c5.tmp</t>
  </si>
  <si>
    <t>\\acsfs\profiles$\fabianobmf\Downloads\573cb6a4-bde2-4019-b40e-871dc1daa4c5.tmp</t>
  </si>
  <si>
    <t>01/22/2020 17:33:43</t>
  </si>
  <si>
    <t>3b8794f4-86a0-4fd5-9a40-f34b7f9bbab1.tmp</t>
  </si>
  <si>
    <t>\\acsfs\profiles$\nathaliaos\Downloads\3b8794f4-86a0-4fd5-9a40-f34b7f9bbab1.tmp</t>
  </si>
  <si>
    <t>01/22/2020 17:34:09</t>
  </si>
  <si>
    <t>59551d1d-8d58-4063-a485-fc1efd8107e5.tmp</t>
  </si>
  <si>
    <t>\\acsfs\profiles$\nathaliaos\Downloads\59551d1d-8d58-4063-a485-fc1efd8107e5.tmp</t>
  </si>
  <si>
    <t>01/22/2020 17:36:20</t>
  </si>
  <si>
    <t>5d9fbf40-3831-49aa-95a8-a07212846c16.tmp</t>
  </si>
  <si>
    <t>\\acsfs\profiles$\nycolleemdj\Downloads\5d9fbf40-3831-49aa-95a8-a07212846c16.tmp</t>
  </si>
  <si>
    <t>01/22/2020 17:31:56</t>
  </si>
  <si>
    <t>01/22/2020 17:37:42</t>
  </si>
  <si>
    <t>01/22/2020 17:31:57</t>
  </si>
  <si>
    <t>01/22/2020 17:35:03</t>
  </si>
  <si>
    <t>01/22/2020 17:36:33</t>
  </si>
  <si>
    <t>01/22/2020 17:36:34</t>
  </si>
  <si>
    <t>01/22/2020 17:38:43</t>
  </si>
  <si>
    <t>01/22/2020 17:37:38</t>
  </si>
  <si>
    <t>10aeed98-7957-4963-bb11-cef1612f74b0.tmp</t>
  </si>
  <si>
    <t>\\acsfs\profiles$\erichds\Downloads\10aeed98-7957-4963-bb11-cef1612f74b0.tmp</t>
  </si>
  <si>
    <t>01/22/2020 17:37:02</t>
  </si>
  <si>
    <t>9d95c052-902e-4e18-bfe1-3118c6352c58.tmp</t>
  </si>
  <si>
    <t>\\acsfs\profiles$\ingridsm\Downloads\9d95c052-902e-4e18-bfe1-3118c6352c58.tmp</t>
  </si>
  <si>
    <t>01/22/2020 17:36:52</t>
  </si>
  <si>
    <t>01/22/2020 17:39:43</t>
  </si>
  <si>
    <t>01/22/2020 17:37:06</t>
  </si>
  <si>
    <t>01/22/2020 17:38:23</t>
  </si>
  <si>
    <t>01/22/2020 17:40:42</t>
  </si>
  <si>
    <t>01/22/2020 17:35:58</t>
  </si>
  <si>
    <t>lu54992bd1wov.tmp</t>
  </si>
  <si>
    <t>\\acsfs\profiles$\jalilebds\Downloads\lu54992bd1wov.tmp</t>
  </si>
  <si>
    <t>01/22/2020 17:41:42</t>
  </si>
  <si>
    <t>01/22/2020 17:38:25</t>
  </si>
  <si>
    <t>688c8bc8-7044-49ff-9884-8f876016c272.tmp</t>
  </si>
  <si>
    <t>\\acsfs\profiles$\nycolleemdj\Downloads\688c8bc8-7044-49ff-9884-8f876016c272.tmp</t>
  </si>
  <si>
    <t>01/22/2020 17:37:40</t>
  </si>
  <si>
    <t>01/22/2020 17:42:42</t>
  </si>
  <si>
    <t>01/22/2020 17:37:41</t>
  </si>
  <si>
    <t>01/22/2020 17:37:44</t>
  </si>
  <si>
    <t>01/22/2020 17:37:47</t>
  </si>
  <si>
    <t>01/22/2020 17:37:48</t>
  </si>
  <si>
    <t>01/22/2020 17:37:49</t>
  </si>
  <si>
    <t>01/22/2020 17:37:50</t>
  </si>
  <si>
    <t>01/22/2020 17:37:51</t>
  </si>
  <si>
    <t>01/22/2020 17:37:52</t>
  </si>
  <si>
    <t>01/22/2020 17:37:55</t>
  </si>
  <si>
    <t>01/22/2020 17:37:56</t>
  </si>
  <si>
    <t>01/22/2020 17:37:58</t>
  </si>
  <si>
    <t>01/22/2020 17:38:01</t>
  </si>
  <si>
    <t>01/22/2020 17:38:03</t>
  </si>
  <si>
    <t>01/22/2020 17:38:04</t>
  </si>
  <si>
    <t>01/22/2020 17:38:09</t>
  </si>
  <si>
    <t>01/22/2020 17:38:10</t>
  </si>
  <si>
    <t>01/22/2020 17:38:15</t>
  </si>
  <si>
    <t>01/22/2020 17:38:16</t>
  </si>
  <si>
    <t>01/22/2020 17:38:18</t>
  </si>
  <si>
    <t>01/22/2020 17:38:21</t>
  </si>
  <si>
    <t>01/22/2020 17:38:22</t>
  </si>
  <si>
    <t>01/22/2020 17:38:24</t>
  </si>
  <si>
    <t>01/22/2020 17:38:26</t>
  </si>
  <si>
    <t>01/22/2020 17:38:27</t>
  </si>
  <si>
    <t>01/22/2020 17:38:28</t>
  </si>
  <si>
    <t>01/22/2020 17:38:29</t>
  </si>
  <si>
    <t>01/22/2020 17:38:31</t>
  </si>
  <si>
    <t>01/22/2020 17:38:32</t>
  </si>
  <si>
    <t>01/22/2020 17:38:33</t>
  </si>
  <si>
    <t>01/22/2020 17:38:34</t>
  </si>
  <si>
    <t>01/22/2020 17:38:37</t>
  </si>
  <si>
    <t>01/22/2020 17:38:39</t>
  </si>
  <si>
    <t>01/22/2020 17:38:40</t>
  </si>
  <si>
    <t>01/22/2020 17:38:42</t>
  </si>
  <si>
    <t>01/22/2020 17:38:44</t>
  </si>
  <si>
    <t>01/22/2020 17:39:13</t>
  </si>
  <si>
    <t>01/22/2020 17:40:36</t>
  </si>
  <si>
    <t>89a55a3b-e95d-4555-80df-8012f3d8b030.tmp</t>
  </si>
  <si>
    <t>\\acsfs\profiles$\leonardocb\Downloads\89a55a3b-e95d-4555-80df-8012f3d8b030.tmp</t>
  </si>
  <si>
    <t>01/22/2020 17:41:40</t>
  </si>
  <si>
    <t>c8e0d9db-490b-4de4-9aa1-ed379f0b1ae4.tmp</t>
  </si>
  <si>
    <t>\\acsfs\profiles$\leonardocb\Downloads\c8e0d9db-490b-4de4-9aa1-ed379f0b1ae4.tmp</t>
  </si>
  <si>
    <t>01/22/2020 17:40:34</t>
  </si>
  <si>
    <t>bb9afd7e-e7f5-4d7a-8b61-534c515c13cd.tmp</t>
  </si>
  <si>
    <t>\\acsfs\profiles$\Angelicacldr\Downloads\bb9afd7e-e7f5-4d7a-8b61-534c515c13cd.tmp</t>
  </si>
  <si>
    <t>01/22/2020 17:39:32</t>
  </si>
  <si>
    <t>24ee6a2f-5871-45ed-bd40-48e69e2115ea.tmp</t>
  </si>
  <si>
    <t>\\acsfs\profiles$\Adrieledgc\Downloads\24ee6a2f-5871-45ed-bd40-48e69e2115ea.tmp</t>
  </si>
  <si>
    <t>01/22/2020 17:39:38</t>
  </si>
  <si>
    <t>7211a293-301b-473c-ba32-fb0f2afb7ae7.tmp</t>
  </si>
  <si>
    <t>\\acsfs\profiles$\Adrieledgc\Downloads\7211a293-301b-473c-ba32-fb0f2afb7ae7.tmp</t>
  </si>
  <si>
    <t>01/22/2020 17:41:07</t>
  </si>
  <si>
    <t>e1ffe1ec-c295-4c58-960c-feafec594cfa.tmp</t>
  </si>
  <si>
    <t>\\acsfs\profiles$\Adrieledgc\Downloads\e1ffe1ec-c295-4c58-960c-feafec594cfa.tmp</t>
  </si>
  <si>
    <t>01/22/2020 17:43:42</t>
  </si>
  <si>
    <t>01/22/2020 17:41:09</t>
  </si>
  <si>
    <t>01/22/2020 17:38:55</t>
  </si>
  <si>
    <t>01/22/2020 17:44:42</t>
  </si>
  <si>
    <t>01/22/2020 17:39:08</t>
  </si>
  <si>
    <t>01/22/2020 17:39:12</t>
  </si>
  <si>
    <t>01/22/2020 17:39:25</t>
  </si>
  <si>
    <t>01/22/2020 17:41:24</t>
  </si>
  <si>
    <t>01/22/2020 17:43:30</t>
  </si>
  <si>
    <t>01/22/2020 17:45:05</t>
  </si>
  <si>
    <t>01/22/2020 17:46:42</t>
  </si>
  <si>
    <t>2efe6bd2-cab1-4a18-8e35-a838bd2cfed4.tmp</t>
  </si>
  <si>
    <t>\\acsfs\profiles$\cassianogc\Downloads\2efe6bd2-cab1-4a18-8e35-a838bd2cfed4.tmp</t>
  </si>
  <si>
    <t>01/22/2020 17:42:12</t>
  </si>
  <si>
    <t>01/22/2020 17:47:42</t>
  </si>
  <si>
    <t>01/22/2020 17:42:41</t>
  </si>
  <si>
    <t>01/22/2020 17:44:07</t>
  </si>
  <si>
    <t>01/22/2020 17:48:42</t>
  </si>
  <si>
    <t>01/22/2020 17:46:47</t>
  </si>
  <si>
    <t>01/22/2020 17:49:42</t>
  </si>
  <si>
    <t>01/22/2020 17:47:13</t>
  </si>
  <si>
    <t>01/22/2020 17:47:19</t>
  </si>
  <si>
    <t>01/22/2020 17:44:49</t>
  </si>
  <si>
    <t>01/22/2020 17:47:52</t>
  </si>
  <si>
    <t>01/22/2020 17:48:13</t>
  </si>
  <si>
    <t>01/22/2020 17:48:49</t>
  </si>
  <si>
    <t>\\acsfs\ACS\Gabriel da Silva\Contemporânea\BDBV\88533F5.tmp\</t>
  </si>
  <si>
    <t>\\acsfs\ACS\Gabriel da Silva\Contemporânea\BDBV\88533F5.tmp\:Zone.Identifier:$DATA</t>
  </si>
  <si>
    <t>01/22/2020 17:48:03</t>
  </si>
  <si>
    <t>01/22/2020 17:51:42</t>
  </si>
  <si>
    <t>ec9c1d04-d878-41ac-a691-bf68298ebc22.tmp</t>
  </si>
  <si>
    <t>\\acsfs\profiles$\andreapdsg\Downloads\ec9c1d04-d878-41ac-a691-bf68298ebc22.tmp</t>
  </si>
  <si>
    <t>01/22/2020 17:48:10</t>
  </si>
  <si>
    <t>01/22/2020 17:52:42</t>
  </si>
  <si>
    <t>01/22/2020 17:50:21</t>
  </si>
  <si>
    <t>01/22/2020 17:50:57</t>
  </si>
  <si>
    <t>01/22/2020 17:50:59</t>
  </si>
  <si>
    <t>01/22/2020 17:51:00</t>
  </si>
  <si>
    <t>01/22/2020 17:52:22</t>
  </si>
  <si>
    <t>e65f26d8-3270-44f5-8dd7-c328c1eebbb6.tmp</t>
  </si>
  <si>
    <t>\\acsfs\profiles$\Adrieledgc\Downloads\e65f26d8-3270-44f5-8dd7-c328c1eebbb6.tmp</t>
  </si>
  <si>
    <t>01/22/2020 17:53:42</t>
  </si>
  <si>
    <t>01/22/2020 17:49:54</t>
  </si>
  <si>
    <t>01/22/2020 17:54:42</t>
  </si>
  <si>
    <t>01/22/2020 17:51:56</t>
  </si>
  <si>
    <t>68b5b1f3-ef51-49c0-b38f-60531fedbff2.tmp</t>
  </si>
  <si>
    <t>\\acsfs\profiles$\alinepp\Downloads\68b5b1f3-ef51-49c0-b38f-60531fedbff2.tmp</t>
  </si>
  <si>
    <t>01/22/2020 17:49:50</t>
  </si>
  <si>
    <t>01/22/2020 17:51:46</t>
  </si>
  <si>
    <t>01/22/2020 17:51:20</t>
  </si>
  <si>
    <t>01/22/2020 17:54:14</t>
  </si>
  <si>
    <t>01/22/2020 17:56:42</t>
  </si>
  <si>
    <t>40dd5f98-4b65-491d-ad43-2d571933a00c.tmp</t>
  </si>
  <si>
    <t>\\acsfs\profiles$\cassianogc\Downloads\40dd5f98-4b65-491d-ad43-2d571933a00c.tmp</t>
  </si>
  <si>
    <t>01/22/2020 17:52:18</t>
  </si>
  <si>
    <t>01/22/2020 17:57:42</t>
  </si>
  <si>
    <t>01/22/2020 17:52:24</t>
  </si>
  <si>
    <t>01/22/2020 17:52:25</t>
  </si>
  <si>
    <t>01/22/2020 17:52:27</t>
  </si>
  <si>
    <t>01/22/2020 17:58:43</t>
  </si>
  <si>
    <t>01/22/2020 17:54:55</t>
  </si>
  <si>
    <t>01/22/2020 17:59:42</t>
  </si>
  <si>
    <t>Relatorio de Vendas - Auditoria BV Cartoes (Janeiro) Cliente.xlsx</t>
  </si>
  <si>
    <t>\\acsfs\DEPTOS\Operacao\Banco_Votorantim\Qualidade\Anderson\Jose\Atualizado\Relatorio de Vendas - Auditoria BV Cartoes (Janeiro) Cliente.xlsx</t>
  </si>
  <si>
    <t>01/22/2020 17:54:10</t>
  </si>
  <si>
    <t>01/22/2020 17:56:46</t>
  </si>
  <si>
    <t>01/22/2020 17:58:49</t>
  </si>
  <si>
    <t>01/22/2020 17:56:59</t>
  </si>
  <si>
    <t>01/22/2020 18:00:43</t>
  </si>
  <si>
    <t>01/22/2020 17:57:01</t>
  </si>
  <si>
    <t>lu455525lqemj.tmp</t>
  </si>
  <si>
    <t>\\acsfs\profiles$\Flaviojmm\My Documents\lu455525lqemj.tmp</t>
  </si>
  <si>
    <t>\\acsfs\profiles$\Flaviojmm\My Documents\lu455525lqemj.tmp\</t>
  </si>
  <si>
    <t>\\acsfs\profiles$\Flaviojmm\My Documents\lu455525lqemj.tmp\META-INF\</t>
  </si>
  <si>
    <t>\\acsfs\profiles$\Flaviojmm\My Documents\lu455525lqemj.tmp\Thumbnails\</t>
  </si>
  <si>
    <t>01/22/2020 17:59:40</t>
  </si>
  <si>
    <t>01/22/2020 18:01:42</t>
  </si>
  <si>
    <t>319e835a-92e0-44ea-afef-fe753b30be13.tmp</t>
  </si>
  <si>
    <t>\\acsfs\profiles$\fabianobmf\Downloads\319e835a-92e0-44ea-afef-fe753b30be13.tmp</t>
  </si>
  <si>
    <t>01/22/2020 17:57:57</t>
  </si>
  <si>
    <t>01/22/2020 18:02:43</t>
  </si>
  <si>
    <t>01/22/2020 17:58:10</t>
  </si>
  <si>
    <t>01/22/2020 18:03:42</t>
  </si>
  <si>
    <t>01/22/2020 18:01:06</t>
  </si>
  <si>
    <t>01/22/2020 18:04:42</t>
  </si>
  <si>
    <t>01/22/2020 18:03:30</t>
  </si>
  <si>
    <t>01/22/2020 18:04:00</t>
  </si>
  <si>
    <t>01/22/2020 18:02:55</t>
  </si>
  <si>
    <t>01/22/2020 18:05:42</t>
  </si>
  <si>
    <t>01/22/2020 18:06:42</t>
  </si>
  <si>
    <t>01/22/2020 18:05:00</t>
  </si>
  <si>
    <t>01/22/2020 18:05:01</t>
  </si>
  <si>
    <t>01/22/2020 18:05:02</t>
  </si>
  <si>
    <t>01/22/2020 18:05:03</t>
  </si>
  <si>
    <t>01/22/2020 18:05:04</t>
  </si>
  <si>
    <t>01/22/2020 18:05:06</t>
  </si>
  <si>
    <t>01/22/2020 18:05:07</t>
  </si>
  <si>
    <t>01/22/2020 18:05:09</t>
  </si>
  <si>
    <t>01/22/2020 18:05:11</t>
  </si>
  <si>
    <t>01/22/2020 18:05:13</t>
  </si>
  <si>
    <t>01/22/2020 18:05:15</t>
  </si>
  <si>
    <t>01/22/2020 18:05:17</t>
  </si>
  <si>
    <t>01/22/2020 18:05:18</t>
  </si>
  <si>
    <t>01/22/2020 18:05:19</t>
  </si>
  <si>
    <t>01/22/2020 18:05:21</t>
  </si>
  <si>
    <t>01/22/2020 18:05:22</t>
  </si>
  <si>
    <t>01/22/2020 18:05:23</t>
  </si>
  <si>
    <t>01/22/2020 18:05:24</t>
  </si>
  <si>
    <t>01/22/2020 18:05:25</t>
  </si>
  <si>
    <t>01/22/2020 18:05:27</t>
  </si>
  <si>
    <t>01/22/2020 18:05:28</t>
  </si>
  <si>
    <t>01/22/2020 18:05:29</t>
  </si>
  <si>
    <t>01/22/2020 18:05:30</t>
  </si>
  <si>
    <t>01/22/2020 18:05:32</t>
  </si>
  <si>
    <t>01/22/2020 18:05:33</t>
  </si>
  <si>
    <t>01/22/2020 18:05:34</t>
  </si>
  <si>
    <t>01/22/2020 18:05:35</t>
  </si>
  <si>
    <t>01/22/2020 18:05:36</t>
  </si>
  <si>
    <t>01/22/2020 18:05:37</t>
  </si>
  <si>
    <t>01/22/2020 18:05:38</t>
  </si>
  <si>
    <t>01/22/2020 18:05:40</t>
  </si>
  <si>
    <t>01/22/2020 18:05:44</t>
  </si>
  <si>
    <t>01/22/2020 18:05:45</t>
  </si>
  <si>
    <t>01/22/2020 18:06:04</t>
  </si>
  <si>
    <t>01/22/2020 18:04:10</t>
  </si>
  <si>
    <t>01/22/2020 18:07:43</t>
  </si>
  <si>
    <t>01/22/2020 18:05:59</t>
  </si>
  <si>
    <t>01/22/2020 18:07:00</t>
  </si>
  <si>
    <t>8e322aff-1fdc-4325-a95d-d94f311efa5d.tmp</t>
  </si>
  <si>
    <t>\\acsfs\profiles$\taylaedoa\Downloads\8e322aff-1fdc-4325-a95d-d94f311efa5d.tmp</t>
  </si>
  <si>
    <t>01/22/2020 18:08:42</t>
  </si>
  <si>
    <t>01/22/2020 18:04:48</t>
  </si>
  <si>
    <t>01/22/2020 18:09:43</t>
  </si>
  <si>
    <t>01/22/2020 18:09:02</t>
  </si>
  <si>
    <t>01/22/2020 18:09:03</t>
  </si>
  <si>
    <t>01/22/2020 18:10:04</t>
  </si>
  <si>
    <t>01/22/2020 18:11:43</t>
  </si>
  <si>
    <t>838e6619-8244-47d5-a525-96d916e0c6df.tmp</t>
  </si>
  <si>
    <t>\\acsfs\profiles$\cassianogc\Downloads\838e6619-8244-47d5-a525-96d916e0c6df.tmp</t>
  </si>
  <si>
    <t>01/22/2020 18:07:32</t>
  </si>
  <si>
    <t>e05dfcf3-dd29-4e32-877f-6ffd84ac5005.tmp</t>
  </si>
  <si>
    <t>\\acsfs\profiles$\mariajaf\Downloads\e05dfcf3-dd29-4e32-877f-6ffd84ac5005.tmp</t>
  </si>
  <si>
    <t>a94b3d64-762f-4eee-b3e1-56f8cfae3812.tmp</t>
  </si>
  <si>
    <t>\\acsfs\profiles$\mariajaf\Downloads\a94b3d64-762f-4eee-b3e1-56f8cfae3812.tmp</t>
  </si>
  <si>
    <t>01/22/2020 18:10:10</t>
  </si>
  <si>
    <t>01/22/2020 18:12:42</t>
  </si>
  <si>
    <t>01/22/2020 18:08:10</t>
  </si>
  <si>
    <t>72b9873a-a51e-4ce9-a83b-d869505610b4.tmp</t>
  </si>
  <si>
    <t>\\acsfs\profiles$\taylaedoa\Downloads\72b9873a-a51e-4ce9-a83b-d869505610b4.tmp</t>
  </si>
  <si>
    <t>01/22/2020 18:13:42</t>
  </si>
  <si>
    <t>01/22/2020 18:14:24</t>
  </si>
  <si>
    <t>01/22/2020 18:15:42</t>
  </si>
  <si>
    <t>2d730721-5b42-4b27-8730-14b97aad69b2.tmp</t>
  </si>
  <si>
    <t>\\acsfs\profiles$\andressamf\Downloads\2d730721-5b42-4b27-8730-14b97aad69b2.tmp</t>
  </si>
  <si>
    <t>01/22/2020 18:15:37</t>
  </si>
  <si>
    <t>01/22/2020 18:16:42</t>
  </si>
  <si>
    <t>c56b6146-b5f0-4525-a7cd-065962146a34.tmp</t>
  </si>
  <si>
    <t>\\acsfs\profiles$\nycolleemdj\Downloads\c56b6146-b5f0-4525-a7cd-065962146a34.tmp</t>
  </si>
  <si>
    <t>01/22/2020 18:13:16</t>
  </si>
  <si>
    <t>01/22/2020 18:17:43</t>
  </si>
  <si>
    <t>01/22/2020 18:13:46</t>
  </si>
  <si>
    <t>01/22/2020 18:16:10</t>
  </si>
  <si>
    <t>01/22/2020 18:18:42</t>
  </si>
  <si>
    <t>01/22/2020 18:21:04</t>
  </si>
  <si>
    <t>01/22/2020 18:22:42</t>
  </si>
  <si>
    <t>01/22/2020 18:21:35</t>
  </si>
  <si>
    <t>01/22/2020 18:23:42</t>
  </si>
  <si>
    <t>01/22/2020 18:24:42</t>
  </si>
  <si>
    <t>01/22/2020 18:22:44</t>
  </si>
  <si>
    <t>01/22/2020 18:22:10</t>
  </si>
  <si>
    <t>01/22/2020 18:27:42</t>
  </si>
  <si>
    <t>01/22/2020 18:28:42</t>
  </si>
  <si>
    <t>01/22/2020 18:28:40</t>
  </si>
  <si>
    <t>01/22/2020 18:29:43</t>
  </si>
  <si>
    <t>01/22/2020 18:28:44</t>
  </si>
  <si>
    <t>01/22/2020 18:28:45</t>
  </si>
  <si>
    <t>01/22/2020 18:28:10</t>
  </si>
  <si>
    <t>01/22/2020 18:32:42</t>
  </si>
  <si>
    <t>01/22/2020 18:28:35</t>
  </si>
  <si>
    <t>01/22/2020 18:29:28</t>
  </si>
  <si>
    <t>01/22/2020 18:31:37</t>
  </si>
  <si>
    <t>01/22/2020 18:33:42</t>
  </si>
  <si>
    <t>a68e1d83-bc1c-41bf-834f-bfff588f4e7a.tmp</t>
  </si>
  <si>
    <t>\\acsfs\profiles$\paulohaf\Downloads\a68e1d83-bc1c-41bf-834f-bfff588f4e7a.tmp</t>
  </si>
  <si>
    <t>01/22/2020 18:34:10</t>
  </si>
  <si>
    <t>01/22/2020 18:37:43</t>
  </si>
  <si>
    <t>01/22/2020 18:36:21</t>
  </si>
  <si>
    <t>01/22/2020 18:38:42</t>
  </si>
  <si>
    <t>01/22/2020 18:35:40</t>
  </si>
  <si>
    <t>01/22/2020 18:39:43</t>
  </si>
  <si>
    <t>01/22/2020 18:36:04</t>
  </si>
  <si>
    <t>01/22/2020 18:36:30</t>
  </si>
  <si>
    <t>01/22/2020 18:36:40</t>
  </si>
  <si>
    <t>01/22/2020 18:36:44</t>
  </si>
  <si>
    <t>01/22/2020 18:36:51</t>
  </si>
  <si>
    <t>01/22/2020 18:36:52</t>
  </si>
  <si>
    <t>01/22/2020 18:36:57</t>
  </si>
  <si>
    <t>01/22/2020 18:37:00</t>
  </si>
  <si>
    <t>01/22/2020 18:37:25</t>
  </si>
  <si>
    <t>01/22/2020 18:37:35</t>
  </si>
  <si>
    <t>01/22/2020 18:37:36</t>
  </si>
  <si>
    <t>01/22/2020 18:39:33</t>
  </si>
  <si>
    <t>01/22/2020 18:40:42</t>
  </si>
  <si>
    <t>01/22/2020 18:39:34</t>
  </si>
  <si>
    <t>lu54992bd1woz.tmp</t>
  </si>
  <si>
    <t>\\acsfs\profiles$\jalilebds\Downloads\lu54992bd1woz.tmp</t>
  </si>
  <si>
    <t>01/22/2020 18:37:51</t>
  </si>
  <si>
    <t>01/22/2020 18:42:42</t>
  </si>
  <si>
    <t>01/22/2020 18:40:10</t>
  </si>
  <si>
    <t>01/22/2020 18:43:42</t>
  </si>
  <si>
    <t>01/22/2020 18:43:17</t>
  </si>
  <si>
    <t>01/22/2020 18:47:42</t>
  </si>
  <si>
    <t>01/22/2020 18:43:52</t>
  </si>
  <si>
    <t>01/22/2020 18:46:10</t>
  </si>
  <si>
    <t>01/22/2020 18:48:42</t>
  </si>
  <si>
    <t>01/22/2020 18:50:11</t>
  </si>
  <si>
    <t>01/22/2020 18:51:42</t>
  </si>
  <si>
    <t>dd749581-723f-40bd-9986-55b7e9b6d20a.tmp</t>
  </si>
  <si>
    <t>\\acsfs\profiles$\gabrielamdp\Downloads\dd749581-723f-40bd-9986-55b7e9b6d20a.tmp</t>
  </si>
  <si>
    <t>340de267-8c9f-4ec5-99d7-628ee24b4a8a.tmp</t>
  </si>
  <si>
    <t>\\acsfs\profiles$\gabrielamdp\Downloads\340de267-8c9f-4ec5-99d7-628ee24b4a8a.tmp</t>
  </si>
  <si>
    <t>01/22/2020 18:50:12</t>
  </si>
  <si>
    <t>a377a70f-e27a-41ea-8825-a18114672d04.tmp</t>
  </si>
  <si>
    <t>\\acsfs\profiles$\gabrielamdp\Downloads\a377a70f-e27a-41ea-8825-a18114672d04.tmp</t>
  </si>
  <si>
    <t>7f1e824b-ce26-4e56-b547-47d3e25ad9f9.tmp</t>
  </si>
  <si>
    <t>\\acsfs\profiles$\gabrielamdp\Downloads\7f1e824b-ce26-4e56-b547-47d3e25ad9f9.tmp</t>
  </si>
  <si>
    <t>01/22/2020 18:50:13</t>
  </si>
  <si>
    <t>9e4146b7-378c-40fa-9d36-63a21c63c412.tmp</t>
  </si>
  <si>
    <t>\\acsfs\profiles$\gabrielamdp\Downloads\9e4146b7-378c-40fa-9d36-63a21c63c412.tmp</t>
  </si>
  <si>
    <t>01/22/2020 18:51:04</t>
  </si>
  <si>
    <t>01/22/2020 18:52:42</t>
  </si>
  <si>
    <t>01/22/2020 18:51:35</t>
  </si>
  <si>
    <t>01/22/2020 18:53:42</t>
  </si>
  <si>
    <t>01/22/2020 18:48:40</t>
  </si>
  <si>
    <t>94d071bb-a726-4633-a446-d51f1b161523.tmp</t>
  </si>
  <si>
    <t>\\acsfs\profiles$\paulohaf\Downloads\94d071bb-a726-4633-a446-d51f1b161523.tmp</t>
  </si>
  <si>
    <t>01/22/2020 18:48:53</t>
  </si>
  <si>
    <t>2ea2f4bd-d10f-42f6-922c-6c850743ece8.tmp</t>
  </si>
  <si>
    <t>\\acsfs\profiles$\paulohaf\Downloads\2ea2f4bd-d10f-42f6-922c-6c850743ece8.tmp</t>
  </si>
  <si>
    <t>01/22/2020 18:55:28</t>
  </si>
  <si>
    <t>01/22/2020 18:56:42</t>
  </si>
  <si>
    <t>c93ae136-c8f4-4d57-a2c6-716113a694f9.tmp</t>
  </si>
  <si>
    <t>\\acsfs\profiles$\andreapdsg\Downloads\c93ae136-c8f4-4d57-a2c6-716113a694f9.tmp</t>
  </si>
  <si>
    <t>01/22/2020 18:52:10</t>
  </si>
  <si>
    <t>01/22/2020 18:57:43</t>
  </si>
  <si>
    <t>01/22/2020 18:58:42</t>
  </si>
  <si>
    <t>01/22/2020 18:56:27</t>
  </si>
  <si>
    <t>01/22/2020 18:59:42</t>
  </si>
  <si>
    <t>01/22/2020 18:58:41</t>
  </si>
  <si>
    <t>01/22/2020 19:00:42</t>
  </si>
  <si>
    <t>651af2bb-c5c4-434d-847d-fe3a451f3250.tmp</t>
  </si>
  <si>
    <t>\\acsfs\profiles$\henriqueco\Downloads\651af2bb-c5c4-434d-847d-fe3a451f3250.tmp</t>
  </si>
  <si>
    <t>01/22/2020 18:58:10</t>
  </si>
  <si>
    <t>01/22/2020 19:02:42</t>
  </si>
  <si>
    <t>01/22/2020 18:58:37</t>
  </si>
  <si>
    <t>01/22/2020 18:59:08</t>
  </si>
  <si>
    <t>01/22/2020 19:03:42</t>
  </si>
  <si>
    <t>01/22/2020 19:03:06</t>
  </si>
  <si>
    <t>01/22/2020 19:04:11</t>
  </si>
  <si>
    <t>01/22/2020 19:07:42</t>
  </si>
  <si>
    <t>01/22/2020 19:04:25</t>
  </si>
  <si>
    <t>01/22/2020 19:04:27</t>
  </si>
  <si>
    <t>01/22/2020 19:06:19</t>
  </si>
  <si>
    <t>01/22/2020 19:06:39</t>
  </si>
  <si>
    <t>01/22/2020 19:08:42</t>
  </si>
  <si>
    <t>01/22/2020 19:10:42</t>
  </si>
  <si>
    <t>01/22/2020 19:07:10</t>
  </si>
  <si>
    <t>db7122b3-0df3-475a-b6df-84738b7bf23a.tmp</t>
  </si>
  <si>
    <t>\\acsfs\profiles$\KARENJSS\Downloads\db7122b3-0df3-475a-b6df-84738b7bf23a.tmp</t>
  </si>
  <si>
    <t>01/22/2020 19:10:11</t>
  </si>
  <si>
    <t>01/22/2020 19:12:42</t>
  </si>
  <si>
    <t>01/22/2020 19:13:42</t>
  </si>
  <si>
    <t>01/22/2020 19:13:53</t>
  </si>
  <si>
    <t>01/22/2020 19:17:42</t>
  </si>
  <si>
    <t>01/22/2020 19:14:24</t>
  </si>
  <si>
    <t>01/22/2020 19:16:11</t>
  </si>
  <si>
    <t>01/22/2020 19:18:43</t>
  </si>
  <si>
    <t>01/22/2020 19:17:41</t>
  </si>
  <si>
    <t>01/22/2020 19:19:42</t>
  </si>
  <si>
    <t>01/22/2020 19:20:58</t>
  </si>
  <si>
    <t>01/22/2020 19:22:42</t>
  </si>
  <si>
    <t>01/22/2020 19:19:04</t>
  </si>
  <si>
    <t>5f37c3dd-e7eb-4941-8fd6-c45160233df0.tmp</t>
  </si>
  <si>
    <t>\\acsfs\profiles$\Adrieledgc\Downloads\5f37c3dd-e7eb-4941-8fd6-c45160233df0.tmp</t>
  </si>
  <si>
    <t>01/22/2020 19:23:42</t>
  </si>
  <si>
    <t>01/22/2020 19:22:45</t>
  </si>
  <si>
    <t>01/22/2020 19:24:42</t>
  </si>
  <si>
    <t>01/22/2020 19:23:33</t>
  </si>
  <si>
    <t>01/22/2020 19:23:38</t>
  </si>
  <si>
    <t>https://outlook.office365.com/mapi/nspi/?mailboxid=0408f303-119d-4302-9412-d0569a980fb5@algartech.com</t>
  </si>
  <si>
    <t>01/22/2020 19:23:39</t>
  </si>
  <si>
    <t>01/22/2020 19:22:38</t>
  </si>
  <si>
    <t>01/22/2020 19:25:42</t>
  </si>
  <si>
    <t>lu455525lqen8.tmp</t>
  </si>
  <si>
    <t>\\acsfs\profiles$\Flaviojmm\My Documents\lu455525lqen8.tmp</t>
  </si>
  <si>
    <t>\\acsfs\profiles$\Flaviojmm\My Documents\lu455525lqen8.tmp\</t>
  </si>
  <si>
    <t>\\acsfs\profiles$\Flaviojmm\My Documents\lu455525lqen8.tmp\META-INF\</t>
  </si>
  <si>
    <t>\\acsfs\profiles$\Flaviojmm\My Documents\lu455525lqen8.tmp\Thumbnails\</t>
  </si>
  <si>
    <t>01/22/2020 19:20:50</t>
  </si>
  <si>
    <t>c69eca8e-ef34-4ae1-8c00-33986959d41d.tmp</t>
  </si>
  <si>
    <t>\\acsfs\profiles$\henriqueco\Downloads\c69eca8e-ef34-4ae1-8c00-33986959d41d.tmp</t>
  </si>
  <si>
    <t>01/22/2020 19:25:33</t>
  </si>
  <si>
    <t>01/22/2020 19:26:42</t>
  </si>
  <si>
    <t>28259d88-8f33-4661-9b42-6388471a12a6.tmp</t>
  </si>
  <si>
    <t>\\acsfs\profiles$\LUISPLS\Downloads\28259d88-8f33-4661-9b42-6388471a12a6.tmp</t>
  </si>
  <si>
    <t>01/22/2020 19:22:00</t>
  </si>
  <si>
    <t>01/22/2020 19:27:43</t>
  </si>
  <si>
    <t>01/22/2020 19:22:11</t>
  </si>
  <si>
    <t>01/22/2020 19:28:42</t>
  </si>
  <si>
    <t>01/22/2020 19:24:20</t>
  </si>
  <si>
    <t>01/22/2020 19:29:42</t>
  </si>
  <si>
    <t>\\acsfs\ACS\Gabriel da Silva\Contemporânea\NPS\NPS CRBV_Base2.xlsx\</t>
  </si>
  <si>
    <t>\\acsfs\ACS\Gabriel da Silva\Contemporânea\NPS\NPS CRBV_Base2.xlsx</t>
  </si>
  <si>
    <t>NPS CRBV_Base2.xlsx</t>
  </si>
  <si>
    <t>01/22/2020 19:25:00</t>
  </si>
  <si>
    <t>01/22/2020 19:26:20</t>
  </si>
  <si>
    <t>.~lock.NPS CRBV_Base2.xlsx#</t>
  </si>
  <si>
    <t>\\acsfs\ACS\Gabriel da Silva\Contemporânea\NPS\.~lock.NPS CRBV_Base2.xlsx#</t>
  </si>
  <si>
    <t>01/22/2020 19:28:14</t>
  </si>
  <si>
    <t>01/22/2020 19:32:42</t>
  </si>
  <si>
    <t>01/22/2020 19:28:38</t>
  </si>
  <si>
    <t>01/22/2020 19:28:08</t>
  </si>
  <si>
    <t>ea9b9e20-04d0-4c12-abcd-a8f6a654b23a.tmp</t>
  </si>
  <si>
    <t>\\acsfs\profiles$\leonardocb\Downloads\ea9b9e20-04d0-4c12-abcd-a8f6a654b23a.tmp</t>
  </si>
  <si>
    <t>01/22/2020 19:29:30</t>
  </si>
  <si>
    <t>01/22/2020 19:33:42</t>
  </si>
  <si>
    <t>01/22/2020 19:31:23</t>
  </si>
  <si>
    <t>01/22/2020 19:34:42</t>
  </si>
  <si>
    <t>01/22/2020 19:31:45</t>
  </si>
  <si>
    <t>NPS CRBV_Base2.ods</t>
  </si>
  <si>
    <t>\\acsfs\ACS\Gabriel da Silva\Contemporânea\NPS\NPS CRBV_Base2.ods</t>
  </si>
  <si>
    <t>01/22/2020 19:31:48</t>
  </si>
  <si>
    <t>\\acsfs\ACS\Gabriel da Silva\Contemporânea\NPS\NPS CRBV_Base2.ods\</t>
  </si>
  <si>
    <t>\\acsfs\ACS\Gabriel da Silva\Contemporânea\NPS\NPS CRBV_Base2.ods\media\</t>
  </si>
  <si>
    <t>image4.png</t>
  </si>
  <si>
    <t>image5.png</t>
  </si>
  <si>
    <t>\\acsfs\ACS\Gabriel da Silva\Contemporânea\NPS\NPS CRBV_Base2.ods\META-INF\</t>
  </si>
  <si>
    <t>\\acsfs\ACS\Gabriel da Silva\Contemporânea\NPS\NPS CRBV_Base2.ods\Object 1\</t>
  </si>
  <si>
    <t>\\acsfs\ACS\Gabriel da Silva\Contemporânea\NPS\NPS CRBV_Base2.ods\Object 10\</t>
  </si>
  <si>
    <t>\\acsfs\ACS\Gabriel da Silva\Contemporânea\NPS\NPS CRBV_Base2.ods\Object 11\</t>
  </si>
  <si>
    <t>\\acsfs\ACS\Gabriel da Silva\Contemporânea\NPS\NPS CRBV_Base2.ods\Object 12\</t>
  </si>
  <si>
    <t>\\acsfs\ACS\Gabriel da Silva\Contemporânea\NPS\NPS CRBV_Base2.ods\Object 13\</t>
  </si>
  <si>
    <t>\\acsfs\ACS\Gabriel da Silva\Contemporânea\NPS\NPS CRBV_Base2.ods\Object 14\</t>
  </si>
  <si>
    <t>\\acsfs\ACS\Gabriel da Silva\Contemporânea\NPS\NPS CRBV_Base2.ods\Object 15\</t>
  </si>
  <si>
    <t>\\acsfs\ACS\Gabriel da Silva\Contemporânea\NPS\NPS CRBV_Base2.ods\Object 16\</t>
  </si>
  <si>
    <t>\\acsfs\ACS\Gabriel da Silva\Contemporânea\NPS\NPS CRBV_Base2.ods\Object 17\</t>
  </si>
  <si>
    <t>\\acsfs\ACS\Gabriel da Silva\Contemporânea\NPS\NPS CRBV_Base2.ods\Object 18\</t>
  </si>
  <si>
    <t>\\acsfs\ACS\Gabriel da Silva\Contemporânea\NPS\NPS CRBV_Base2.ods\Object 19\</t>
  </si>
  <si>
    <t>\\acsfs\ACS\Gabriel da Silva\Contemporânea\NPS\NPS CRBV_Base2.ods\Object 2\</t>
  </si>
  <si>
    <t>\\acsfs\ACS\Gabriel da Silva\Contemporânea\NPS\NPS CRBV_Base2.ods\Object 20\</t>
  </si>
  <si>
    <t>\\acsfs\ACS\Gabriel da Silva\Contemporânea\NPS\NPS CRBV_Base2.ods\Object 21\</t>
  </si>
  <si>
    <t>\\acsfs\ACS\Gabriel da Silva\Contemporânea\NPS\NPS CRBV_Base2.ods\Object 22\</t>
  </si>
  <si>
    <t>\\acsfs\ACS\Gabriel da Silva\Contemporânea\NPS\NPS CRBV_Base2.ods\Object 23\</t>
  </si>
  <si>
    <t>\\acsfs\ACS\Gabriel da Silva\Contemporânea\NPS\NPS CRBV_Base2.ods\Object 24\</t>
  </si>
  <si>
    <t>\\acsfs\ACS\Gabriel da Silva\Contemporânea\NPS\NPS CRBV_Base2.ods\Object 25\</t>
  </si>
  <si>
    <t>\\acsfs\ACS\Gabriel da Silva\Contemporânea\NPS\NPS CRBV_Base2.ods\Object 26\</t>
  </si>
  <si>
    <t>\\acsfs\ACS\Gabriel da Silva\Contemporânea\NPS\NPS CRBV_Base2.ods\Object 27\</t>
  </si>
  <si>
    <t>\\acsfs\ACS\Gabriel da Silva\Contemporânea\NPS\NPS CRBV_Base2.ods\Object 28\</t>
  </si>
  <si>
    <t>\\acsfs\ACS\Gabriel da Silva\Contemporânea\NPS\NPS CRBV_Base2.ods\Object 29\</t>
  </si>
  <si>
    <t>\\acsfs\ACS\Gabriel da Silva\Contemporânea\NPS\NPS CRBV_Base2.ods\Object 3\</t>
  </si>
  <si>
    <t>\\acsfs\ACS\Gabriel da Silva\Contemporânea\NPS\NPS CRBV_Base2.ods\Object 30\</t>
  </si>
  <si>
    <t>\\acsfs\ACS\Gabriel da Silva\Contemporânea\NPS\NPS CRBV_Base2.ods\Object 31\</t>
  </si>
  <si>
    <t>\\acsfs\ACS\Gabriel da Silva\Contemporânea\NPS\NPS CRBV_Base2.ods\Object 32\</t>
  </si>
  <si>
    <t>\\acsfs\ACS\Gabriel da Silva\Contemporânea\NPS\NPS CRBV_Base2.ods\Object 33\</t>
  </si>
  <si>
    <t>\\acsfs\ACS\Gabriel da Silva\Contemporânea\NPS\NPS CRBV_Base2.ods\Object 34\</t>
  </si>
  <si>
    <t>\\acsfs\ACS\Gabriel da Silva\Contemporânea\NPS\NPS CRBV_Base2.ods\Object 4\</t>
  </si>
  <si>
    <t>\\acsfs\ACS\Gabriel da Silva\Contemporânea\NPS\NPS CRBV_Base2.ods\Object 5\</t>
  </si>
  <si>
    <t>\\acsfs\ACS\Gabriel da Silva\Contemporânea\NPS\NPS CRBV_Base2.ods\Object 6\</t>
  </si>
  <si>
    <t>\\acsfs\ACS\Gabriel da Silva\Contemporânea\NPS\NPS CRBV_Base2.ods\Object 7\</t>
  </si>
  <si>
    <t>01/22/2020 19:31:49</t>
  </si>
  <si>
    <t>\\acsfs\ACS\Gabriel da Silva\Contemporânea\NPS\NPS CRBV_Base2.ods\Object 8\</t>
  </si>
  <si>
    <t>\\acsfs\ACS\Gabriel da Silva\Contemporânea\NPS\NPS CRBV_Base2.ods\Object 9\</t>
  </si>
  <si>
    <t>01/22/2020 19:33:20</t>
  </si>
  <si>
    <t>01/22/2020 19:36:43</t>
  </si>
  <si>
    <t>d1c8b0e4-d547-4812-8e2f-15e96b83a49f.tmp</t>
  </si>
  <si>
    <t>\\acsfs\profiles$\gabrielamdp\Downloads\d1c8b0e4-d547-4812-8e2f-15e96b83a49f.tmp</t>
  </si>
  <si>
    <t>01/22/2020 19:34:11</t>
  </si>
  <si>
    <t>01/22/2020 19:37:43</t>
  </si>
  <si>
    <t>01/22/2020 19:36:22</t>
  </si>
  <si>
    <t>01/22/2020 19:38:43</t>
  </si>
  <si>
    <t>01/22/2020 19:34:25</t>
  </si>
  <si>
    <t>01/22/2020 19:39:43</t>
  </si>
  <si>
    <t>.~lock.NPS CRBV_Base2.ods#</t>
  </si>
  <si>
    <t>\\acsfs\ACS\Gabriel da Silva\Contemporânea\NPS\.~lock.NPS CRBV_Base2.ods#</t>
  </si>
  <si>
    <t>01/22/2020 19:38:59</t>
  </si>
  <si>
    <t>01/22/2020 19:40:43</t>
  </si>
  <si>
    <t>01/22/2020 19:37:09</t>
  </si>
  <si>
    <t>01/22/2020 19:37:11</t>
  </si>
  <si>
    <t>lu455525lqenh.tmp</t>
  </si>
  <si>
    <t>\\acsfs\profiles$\Flaviojmm\My Documents\lu455525lqenh.tmp</t>
  </si>
  <si>
    <t>\\acsfs\profiles$\Flaviojmm\My Documents\lu455525lqenh.tmp\</t>
  </si>
  <si>
    <t>\\acsfs\profiles$\Flaviojmm\My Documents\lu455525lqenh.tmp\META-INF\</t>
  </si>
  <si>
    <t>\\acsfs\profiles$\Flaviojmm\My Documents\lu455525lqenh.tmp\Thumbnails\</t>
  </si>
  <si>
    <t>01/22/2020 19:39:41</t>
  </si>
  <si>
    <t>01/22/2020 19:41:43</t>
  </si>
  <si>
    <t>\\acsfs\profiles$\myllenardl\My Documents\My Pictures\Feedback\{7BA49E90-6AE5-4BF7-9B78-D1555E331C0E}\</t>
  </si>
  <si>
    <t>Capture001.png</t>
  </si>
  <si>
    <t>\\acsfs\profiles$\myllenardl\My Documents\My Pictures\Feedback\{7BA49E90-6AE5-4BF7-9B78-D1555E331C0E}\Capture001.png</t>
  </si>
  <si>
    <t>01/22/2020 19:37:52</t>
  </si>
  <si>
    <t>01/22/2020 19:42:44</t>
  </si>
  <si>
    <t>01/22/2020 19:40:11</t>
  </si>
  <si>
    <t>01/22/2020 19:43:43</t>
  </si>
  <si>
    <t>01/22/2020 19:39:44</t>
  </si>
  <si>
    <t>3449bb99-c807-49bc-8ba5-8fe18df17d58.tmp</t>
  </si>
  <si>
    <t>\\acsfs\profiles$\karinarm\Downloads\3449bb99-c807-49bc-8ba5-8fe18df17d58.tmp</t>
  </si>
  <si>
    <t>01/22/2020 19:44:13</t>
  </si>
  <si>
    <t>01/22/2020 19:47:43</t>
  </si>
  <si>
    <t>01/22/2020 19:45:42</t>
  </si>
  <si>
    <t>01/22/2020 19:46:11</t>
  </si>
  <si>
    <t>01/22/2020 19:48:43</t>
  </si>
  <si>
    <t>01/22/2020 19:46:38</t>
  </si>
  <si>
    <t>01/22/2020 19:49:43</t>
  </si>
  <si>
    <t>01/22/2020 19:52:43</t>
  </si>
  <si>
    <t>01/22/2020 19:49:54</t>
  </si>
  <si>
    <t>01/22/2020 19:53:44</t>
  </si>
  <si>
    <t>01/22/2020 19:54:43</t>
  </si>
  <si>
    <t>01/22/2020 19:54:09</t>
  </si>
  <si>
    <t>01/22/2020 19:52:06</t>
  </si>
  <si>
    <t>01/22/2020 19:57:43</t>
  </si>
  <si>
    <t>01/22/2020 19:53:36</t>
  </si>
  <si>
    <t>01/22/2020 19:55:11</t>
  </si>
  <si>
    <t>01/22/2020 19:58:44</t>
  </si>
  <si>
    <t>01/22/2020 19:57:22</t>
  </si>
  <si>
    <t>01/22/2020 19:59:43</t>
  </si>
  <si>
    <t>0b92e619-0088-422a-ba9d-7e453a4db37f.tmp</t>
  </si>
  <si>
    <t>\\acsfs\profiles$\isabellegtds\Downloads\0b92e619-0088-422a-ba9d-7e453a4db37f.tmp</t>
  </si>
  <si>
    <t>01/22/2020 20:00:43</t>
  </si>
  <si>
    <t>01/22/2020 19:55:16</t>
  </si>
  <si>
    <t>01/22/2020 19:55:17</t>
  </si>
  <si>
    <t>lu455525lqenq.tmp</t>
  </si>
  <si>
    <t>\\acsfs\profiles$\Flaviojmm\My Documents\lu455525lqenq.tmp</t>
  </si>
  <si>
    <t>\\acsfs\profiles$\Flaviojmm\My Documents\lu455525lqenq.tmp\</t>
  </si>
  <si>
    <t>\\acsfs\profiles$\Flaviojmm\My Documents\lu455525lqenq.tmp\META-INF\</t>
  </si>
  <si>
    <t>\\acsfs\profiles$\Flaviojmm\My Documents\lu455525lqenq.tmp\Thumbnails\</t>
  </si>
  <si>
    <t>01/22/2020 20:00:05</t>
  </si>
  <si>
    <t>01/22/2020 20:02:43</t>
  </si>
  <si>
    <t>01/22/2020 20:01:11</t>
  </si>
  <si>
    <t>01/22/2020 20:03:43</t>
  </si>
  <si>
    <t>01/22/2020 20:01:49</t>
  </si>
  <si>
    <t>01/22/2020 20:04:43</t>
  </si>
  <si>
    <t>01/22/2020 20:08:43</t>
  </si>
  <si>
    <t>01/22/2020 20:04:02</t>
  </si>
  <si>
    <t>01/22/2020 20:09:44</t>
  </si>
  <si>
    <t>.~lock.isabelle 22.01.20.ods#</t>
  </si>
  <si>
    <t>\\acsfs\profiles$\ISABELLEGTDS\Nova pasta\.~lock.isabelle 22.01.20.ods#</t>
  </si>
  <si>
    <t>01/22/2020 20:04:03</t>
  </si>
  <si>
    <t>lu536566qw9ou.tmp</t>
  </si>
  <si>
    <t>\\acsfs\profiles$\ISABELLEGTDS\Nova pasta\lu536566qw9ou.tmp</t>
  </si>
  <si>
    <t>\\acsfs\profiles$\ISABELLEGTDS\Nova pasta\lu536566qw9ou.tmp\</t>
  </si>
  <si>
    <t>\\acsfs\profiles$\ISABELLEGTDS\Nova pasta\lu536566qw9ou.tmp\META-INF\</t>
  </si>
  <si>
    <t>\\acsfs\profiles$\ISABELLEGTDS\Nova pasta\lu536566qw9ou.tmp\Thumbnails\</t>
  </si>
  <si>
    <t>01/22/2020 20:08:41</t>
  </si>
  <si>
    <t>01/22/2020 20:08:59</t>
  </si>
  <si>
    <t>01/22/2020 20:07:11</t>
  </si>
  <si>
    <t>01/22/2020 20:12:43</t>
  </si>
  <si>
    <t>01/22/2020 20:07:38</t>
  </si>
  <si>
    <t>01/22/2020 20:09:05</t>
  </si>
  <si>
    <t>01/22/2020 20:13:43</t>
  </si>
  <si>
    <t>01/22/2020 20:11:30</t>
  </si>
  <si>
    <t>01/22/2020 20:16:43</t>
  </si>
  <si>
    <t>51d3d2ee-3d0b-43c0-ae3e-60c675a1949c.tmp</t>
  </si>
  <si>
    <t>\\acsfs\profiles$\fabianobmf\Downloads\51d3d2ee-3d0b-43c0-ae3e-60c675a1949c.tmp</t>
  </si>
  <si>
    <t>01/22/2020 20:13:11</t>
  </si>
  <si>
    <t>01/22/2020 20:17:43</t>
  </si>
  <si>
    <t>01/22/2020 20:13:39</t>
  </si>
  <si>
    <t>01/22/2020 20:16:53</t>
  </si>
  <si>
    <t>01/22/2020 20:18:43</t>
  </si>
  <si>
    <t>01/22/2020 20:19:44</t>
  </si>
  <si>
    <t>01/22/2020 20:16:20</t>
  </si>
  <si>
    <t>01/22/2020 20:19:11</t>
  </si>
  <si>
    <t>01/22/2020 20:22:43</t>
  </si>
  <si>
    <t>01/22/2020 20:23:44</t>
  </si>
  <si>
    <t>01/22/2020 20:20:39</t>
  </si>
  <si>
    <t>01/22/2020 20:24:43</t>
  </si>
  <si>
    <t>01/22/2020 20:23:52</t>
  </si>
  <si>
    <t>01/22/2020 20:24:42</t>
  </si>
  <si>
    <t>01/22/2020 20:27:43</t>
  </si>
  <si>
    <t>01/22/2020 20:25:11</t>
  </si>
  <si>
    <t>01/22/2020 20:27:23</t>
  </si>
  <si>
    <t>01/22/2020 20:28:43</t>
  </si>
  <si>
    <t>.~lock.PLANILHA RENEG.ods#</t>
  </si>
  <si>
    <t>\\acsfs\profiles$\regisedsj\My Documents\.~lock.PLANILHA RENEG.ods#</t>
  </si>
  <si>
    <t>01/22/2020 20:27:25</t>
  </si>
  <si>
    <t>lu204001ajjwg.tmp</t>
  </si>
  <si>
    <t>\\acsfs\profiles$\regisedsj\My Documents\lu204001ajjwg.tmp</t>
  </si>
  <si>
    <t>\\acsfs\profiles$\regisedsj\My Documents\lu204001ajjwg.tmp\</t>
  </si>
  <si>
    <t>\\acsfs\profiles$\regisedsj\My Documents\lu204001ajjwg.tmp\META-INF\</t>
  </si>
  <si>
    <t>\\acsfs\profiles$\regisedsj\My Documents\lu204001ajjwg.tmp\Thumbnails\</t>
  </si>
  <si>
    <t>01/22/2020 20:26:20</t>
  </si>
  <si>
    <t>01/22/2020 20:29:43</t>
  </si>
  <si>
    <t>01/22/2020 20:27:12</t>
  </si>
  <si>
    <t>01/22/2020 20:27:16</t>
  </si>
  <si>
    <t>01/22/2020 20:27:17</t>
  </si>
  <si>
    <t>\\acsfs\ACS\Gabriel da Silva\Contemporânea\NPS\NPS CRBV_Base2.ods\Pictures\</t>
  </si>
  <si>
    <t>1000000000000272000002724B87A06D1F36CB99.png</t>
  </si>
  <si>
    <t>100000000000048D00000077C830410C10DE8D44.png</t>
  </si>
  <si>
    <t>100002000000035D0000006B1E6D909740CD6787.png</t>
  </si>
  <si>
    <t>10000201000000550000004508CDACD0B6B74717.png</t>
  </si>
  <si>
    <t>\\acsfs\ACS\Gabriel da Silva\Contemporânea\NPS\NPS CRBV_Base2.ods\Thumbnails\</t>
  </si>
  <si>
    <t>01/22/2020 20:29:11</t>
  </si>
  <si>
    <t>01/22/2020 20:32:43</t>
  </si>
  <si>
    <t>01/22/2020 20:31:11</t>
  </si>
  <si>
    <t>01/22/2020 20:30:39</t>
  </si>
  <si>
    <t>01/22/2020 20:33:43</t>
  </si>
  <si>
    <t>.~lock.PLANILHA RENEG 26-01.ods#</t>
  </si>
  <si>
    <t>\\acsfs\profiles$\regisedsj\My Documents\.~lock.PLANILHA RENEG 26-01.ods#</t>
  </si>
  <si>
    <t>01/22/2020 20:30:40</t>
  </si>
  <si>
    <t>lu204001ajjwl.tmp</t>
  </si>
  <si>
    <t>\\acsfs\profiles$\regisedsj\My Documents\lu204001ajjwl.tmp</t>
  </si>
  <si>
    <t>\\acsfs\profiles$\regisedsj\My Documents\lu204001ajjwl.tmp\</t>
  </si>
  <si>
    <t>01/22/2020 20:30:41</t>
  </si>
  <si>
    <t>\\acsfs\profiles$\regisedsj\My Documents\lu204001ajjwl.tmp\META-INF\</t>
  </si>
  <si>
    <t>\\acsfs\profiles$\regisedsj\My Documents\lu204001ajjwl.tmp\Thumbnails\</t>
  </si>
  <si>
    <t>01/22/2020 20:31:33</t>
  </si>
  <si>
    <t>01/22/2020 20:34:44</t>
  </si>
  <si>
    <t>01/22/2020 20:32:13</t>
  </si>
  <si>
    <t>01/22/2020 20:37:43</t>
  </si>
  <si>
    <t>01/22/2020 20:38:43</t>
  </si>
  <si>
    <t>01/22/2020 20:35:40</t>
  </si>
  <si>
    <t>01/22/2020 20:39:43</t>
  </si>
  <si>
    <t>01/22/2020 20:35:44</t>
  </si>
  <si>
    <t>01/22/2020 20:37:11</t>
  </si>
  <si>
    <t>01/22/2020 20:42:43</t>
  </si>
  <si>
    <t>01/22/2020 20:40:18</t>
  </si>
  <si>
    <t>01/22/2020 20:43:43</t>
  </si>
  <si>
    <t>01/22/2020 20:46:43</t>
  </si>
  <si>
    <t>01/22/2020 20:43:11</t>
  </si>
  <si>
    <t>01/22/2020 20:47:44</t>
  </si>
  <si>
    <t>01/22/2020 20:45:23</t>
  </si>
  <si>
    <t>01/22/2020 20:45:24</t>
  </si>
  <si>
    <t>01/22/2020 20:45:25</t>
  </si>
  <si>
    <t>01/22/2020 20:45:27</t>
  </si>
  <si>
    <t>01/22/2020 20:45:28</t>
  </si>
  <si>
    <t>01/22/2020 20:45:29</t>
  </si>
  <si>
    <t>01/22/2020 20:45:34</t>
  </si>
  <si>
    <t>01/22/2020 20:45:36</t>
  </si>
  <si>
    <t>01/22/2020 20:45:40</t>
  </si>
  <si>
    <t>01/22/2020 20:45:41</t>
  </si>
  <si>
    <t>01/22/2020 20:45:42</t>
  </si>
  <si>
    <t>01/22/2020 20:45:45</t>
  </si>
  <si>
    <t>01/22/2020 20:45:51</t>
  </si>
  <si>
    <t>01/22/2020 20:45:55</t>
  </si>
  <si>
    <t>01/22/2020 20:45:56</t>
  </si>
  <si>
    <t>01/22/2020 20:45:57</t>
  </si>
  <si>
    <t>01/22/2020 20:45:58</t>
  </si>
  <si>
    <t>01/22/2020 20:45:59</t>
  </si>
  <si>
    <t>01/22/2020 20:46:00</t>
  </si>
  <si>
    <t>01/22/2020 20:46:01</t>
  </si>
  <si>
    <t>01/22/2020 20:46:02</t>
  </si>
  <si>
    <t>01/22/2020 20:46:03</t>
  </si>
  <si>
    <t>01/22/2020 20:46:04</t>
  </si>
  <si>
    <t>01/22/2020 20:46:05</t>
  </si>
  <si>
    <t>01/22/2020 20:46:06</t>
  </si>
  <si>
    <t>01/22/2020 20:46:07</t>
  </si>
  <si>
    <t>01/22/2020 20:46:08</t>
  </si>
  <si>
    <t>01/22/2020 20:46:09</t>
  </si>
  <si>
    <t>01/22/2020 20:46:10</t>
  </si>
  <si>
    <t>01/22/2020 20:46:11</t>
  </si>
  <si>
    <t>01/22/2020 20:46:12</t>
  </si>
  <si>
    <t>01/22/2020 20:46:13</t>
  </si>
  <si>
    <t>01/22/2020 20:46:14</t>
  </si>
  <si>
    <t>01/22/2020 20:46:15</t>
  </si>
  <si>
    <t>01/22/2020 20:46:16</t>
  </si>
  <si>
    <t>01/22/2020 20:48:43</t>
  </si>
  <si>
    <t>01/22/2020 20:46:34</t>
  </si>
  <si>
    <t>01/22/2020 20:51:43</t>
  </si>
  <si>
    <t>01/22/2020 20:48:40</t>
  </si>
  <si>
    <t>cristianodab</t>
  </si>
  <si>
    <t>\\acsfs\profiles$\cristianodab\Desktop\</t>
  </si>
  <si>
    <t>BLOCO DE NOTAS.txt</t>
  </si>
  <si>
    <t>\\acsfs\profiles$\cristianodab\Desktop\BLOCO DE NOTAS.txt</t>
  </si>
  <si>
    <t>01/22/2020 20:48:18</t>
  </si>
  <si>
    <t>bcbbf387-3b6b-47d8-b026-d5567a4b11e9.tmp</t>
  </si>
  <si>
    <t>\\acsfs\profiles$\edicarlosdl\Downloads\bcbbf387-3b6b-47d8-b026-d5567a4b11e9.tmp</t>
  </si>
  <si>
    <t>01/22/2020 20:51:36</t>
  </si>
  <si>
    <t>01/22/2020 20:52:44</t>
  </si>
  <si>
    <t>f3533f3c-9363-4e24-8f68-28b9fd63909a.tmp</t>
  </si>
  <si>
    <t>\\acsfs\profiles$\victorgl\Downloads\f3533f3c-9363-4e24-8f68-28b9fd63909a.tmp</t>
  </si>
  <si>
    <t>01/22/2020 20:53:43</t>
  </si>
  <si>
    <t>01/22/2020 20:46:17</t>
  </si>
  <si>
    <t>01/22/2020 20:46:18</t>
  </si>
  <si>
    <t>01/22/2020 20:46:19</t>
  </si>
  <si>
    <t>01/22/2020 20:46:20</t>
  </si>
  <si>
    <t>01/22/2020 20:46:22</t>
  </si>
  <si>
    <t>01/22/2020 20:46:23</t>
  </si>
  <si>
    <t>01/22/2020 20:46:24</t>
  </si>
  <si>
    <t>01/22/2020 20:46:25</t>
  </si>
  <si>
    <t>01/22/2020 20:46:26</t>
  </si>
  <si>
    <t>01/22/2020 20:46:27</t>
  </si>
  <si>
    <t>01/22/2020 20:46:28</t>
  </si>
  <si>
    <t>01/22/2020 20:46:29</t>
  </si>
  <si>
    <t>01/22/2020 20:46:30</t>
  </si>
  <si>
    <t>01/22/2020 20:46:31</t>
  </si>
  <si>
    <t>01/22/2020 20:46:32</t>
  </si>
  <si>
    <t>01/22/2020 20:54:44</t>
  </si>
  <si>
    <t>01/22/2020 20:46:33</t>
  </si>
  <si>
    <t>01/22/2020 20:46:35</t>
  </si>
  <si>
    <t>01/22/2020 20:46:36</t>
  </si>
  <si>
    <t>01/22/2020 20:46:37</t>
  </si>
  <si>
    <t>01/22/2020 20:46:38</t>
  </si>
  <si>
    <t>01/22/2020 20:46:39</t>
  </si>
  <si>
    <t>01/22/2020 20:55:43</t>
  </si>
  <si>
    <t>01/22/2020 20:46:40</t>
  </si>
  <si>
    <t>01/22/2020 20:56:44</t>
  </si>
  <si>
    <t>01/22/2020 20:46:41</t>
  </si>
  <si>
    <t>01/22/2020 20:46:42</t>
  </si>
  <si>
    <t>01/22/2020 20:57:43</t>
  </si>
  <si>
    <t>01/22/2020 20:58:43</t>
  </si>
  <si>
    <t>01/22/2020 20:59:43</t>
  </si>
  <si>
    <t>01/22/2020 20:46:44</t>
  </si>
  <si>
    <t>01/22/2020 21:00:43</t>
  </si>
  <si>
    <t>01/22/2020 20:46:45</t>
  </si>
  <si>
    <t>01/22/2020 20:58:28</t>
  </si>
  <si>
    <t>5d48b2d0-4b9c-406a-873b-a899b526a7f6.tmp</t>
  </si>
  <si>
    <t>\\acsfs\profiles$\henriqueco\Downloads\5d48b2d0-4b9c-406a-873b-a899b526a7f6.tmp</t>
  </si>
  <si>
    <t>01/22/2020 20:59:56</t>
  </si>
  <si>
    <t>bd0a11c6-036b-40b5-89ae-a06380e8e2ac.tmp</t>
  </si>
  <si>
    <t>\\acsfs\profiles$\henriqueco\Downloads\bd0a11c6-036b-40b5-89ae-a06380e8e2ac.tmp</t>
  </si>
  <si>
    <t>01/22/2020 21:01:43</t>
  </si>
  <si>
    <t>01/22/2020 20:46:46</t>
  </si>
  <si>
    <t>01/22/2020 21:02:43</t>
  </si>
  <si>
    <t>01/22/2020 20:46:47</t>
  </si>
  <si>
    <t>01/22/2020 20:46:48</t>
  </si>
  <si>
    <t>01/22/2020 21:03:44</t>
  </si>
  <si>
    <t>01/22/2020 21:01:58</t>
  </si>
  <si>
    <t>01/22/2020 20:46:49</t>
  </si>
  <si>
    <t>01/22/2020 21:04:43</t>
  </si>
  <si>
    <t>01/22/2020 20:46:50</t>
  </si>
  <si>
    <t>01/22/2020 21:05:44</t>
  </si>
  <si>
    <t>01/22/2020 21:05:06</t>
  </si>
  <si>
    <t>948b7454-5124-4afd-9317-da66ceb9a330.tmp</t>
  </si>
  <si>
    <t>\\acsfs\profiles$\henriqueco\Downloads\948b7454-5124-4afd-9317-da66ceb9a330.tmp</t>
  </si>
  <si>
    <t>01/22/2020 20:46:51</t>
  </si>
  <si>
    <t>01/22/2020 21:06:43</t>
  </si>
  <si>
    <t>01/22/2020 20:46:52</t>
  </si>
  <si>
    <t>01/22/2020 21:02:50</t>
  </si>
  <si>
    <t>01/22/2020 21:07:43</t>
  </si>
  <si>
    <t>963bae0a-2e27-42f8-a4fb-9099b2b7bbd2.tmp</t>
  </si>
  <si>
    <t>\\acsfs\profiles$\nycolleemdj\Downloads\963bae0a-2e27-42f8-a4fb-9099b2b7bbd2.tmp</t>
  </si>
  <si>
    <t>01/22/2020 21:08:43</t>
  </si>
  <si>
    <t>01/22/2020 20:46:53</t>
  </si>
  <si>
    <t>01/22/2020 21:09:43</t>
  </si>
  <si>
    <t>01/22/2020 20:46:54</t>
  </si>
  <si>
    <t>01/22/2020 21:10:43</t>
  </si>
  <si>
    <t>01/22/2020 20:46:55</t>
  </si>
  <si>
    <t>01/22/2020 21:11:43</t>
  </si>
  <si>
    <t>01/22/2020 21:09:59</t>
  </si>
  <si>
    <t>\\acsfs\profiles$\gabrielamdp\My Documents\My Pictures\$RECYCLE.BIN\</t>
  </si>
  <si>
    <t>$I6SCY02.jpg</t>
  </si>
  <si>
    <t>\\acsfs\profiles$\gabrielamdp\My Documents\My Pictures\$RECYCLE.BIN\$I6SCY02.jpg</t>
  </si>
  <si>
    <t>01/22/2020 21:10:01</t>
  </si>
  <si>
    <t>$ITS7T6H.jpg</t>
  </si>
  <si>
    <t>\\acsfs\profiles$\gabrielamdp\My Documents\My Pictures\$RECYCLE.BIN\$ITS7T6H.jpg</t>
  </si>
  <si>
    <t>01/22/2020 21:10:03</t>
  </si>
  <si>
    <t>$IAKVJJI.jpg</t>
  </si>
  <si>
    <t>\\acsfs\profiles$\gabrielamdp\My Documents\My Pictures\$RECYCLE.BIN\$IAKVJJI.jpg</t>
  </si>
  <si>
    <t>01/22/2020 21:10:05</t>
  </si>
  <si>
    <t>$ICJDLT1.jpg</t>
  </si>
  <si>
    <t>\\acsfs\profiles$\gabrielamdp\My Documents\My Pictures\$RECYCLE.BIN\$ICJDLT1.jpg</t>
  </si>
  <si>
    <t>01/22/2020 21:10:08</t>
  </si>
  <si>
    <t>$ICAO9BN.jpg</t>
  </si>
  <si>
    <t>\\acsfs\profiles$\gabrielamdp\My Documents\My Pictures\$RECYCLE.BIN\$ICAO9BN.jpg</t>
  </si>
  <si>
    <t>01/22/2020 21:10:14</t>
  </si>
  <si>
    <t>$IQVS1QD.jpg</t>
  </si>
  <si>
    <t>\\acsfs\profiles$\gabrielamdp\My Documents\My Pictures\$RECYCLE.BIN\$IQVS1QD.jpg</t>
  </si>
  <si>
    <t>01/22/2020 21:10:18</t>
  </si>
  <si>
    <t>$IOHB1PR.jpg</t>
  </si>
  <si>
    <t>\\acsfs\profiles$\gabrielamdp\My Documents\My Pictures\$RECYCLE.BIN\$IOHB1PR.jpg</t>
  </si>
  <si>
    <t>01/22/2020 21:10:22</t>
  </si>
  <si>
    <t>$IOHXAB1.jpg</t>
  </si>
  <si>
    <t>\\acsfs\profiles$\gabrielamdp\My Documents\My Pictures\$RECYCLE.BIN\$IOHXAB1.jpg</t>
  </si>
  <si>
    <t>01/22/2020 21:10:24</t>
  </si>
  <si>
    <t>$IQTP7QH.png</t>
  </si>
  <si>
    <t>\\acsfs\profiles$\gabrielamdp\My Documents\My Pictures\$RECYCLE.BIN\$IQTP7QH.png</t>
  </si>
  <si>
    <t>01/22/2020 21:10:27</t>
  </si>
  <si>
    <t>$I1AJMWU.jpg</t>
  </si>
  <si>
    <t>\\acsfs\profiles$\gabrielamdp\My Documents\My Pictures\$RECYCLE.BIN\$I1AJMWU.jpg</t>
  </si>
  <si>
    <t>01/22/2020 21:10:29</t>
  </si>
  <si>
    <t>$IX8Q47G.jpg</t>
  </si>
  <si>
    <t>\\acsfs\profiles$\gabrielamdp\My Documents\My Pictures\$RECYCLE.BIN\$IX8Q47G.jpg</t>
  </si>
  <si>
    <t>01/22/2020 20:46:56</t>
  </si>
  <si>
    <t>01/22/2020 21:12:44</t>
  </si>
  <si>
    <t>01/22/2020 20:46:57</t>
  </si>
  <si>
    <t>01/22/2020 21:13:43</t>
  </si>
  <si>
    <t>01/22/2020 20:46:58</t>
  </si>
  <si>
    <t>01/22/2020 21:14:44</t>
  </si>
  <si>
    <t>01/22/2020 20:46:59</t>
  </si>
  <si>
    <t>01/22/2020 21:15:43</t>
  </si>
  <si>
    <t>01/22/2020 20:47:00</t>
  </si>
  <si>
    <t>01/22/2020 20:47:01</t>
  </si>
  <si>
    <t>01/22/2020 21:16:44</t>
  </si>
  <si>
    <t>01/22/2020 21:10:55</t>
  </si>
  <si>
    <t>$IHONQAW.jpg</t>
  </si>
  <si>
    <t>\\acsfs\profiles$\gabrielamdp\My Documents\My Pictures\$RECYCLE.BIN\$IHONQAW.jpg</t>
  </si>
  <si>
    <t>01/22/2020 21:12:25</t>
  </si>
  <si>
    <t>70045834-add8-4165-83f9-21c0625c28de.tmp</t>
  </si>
  <si>
    <t>\\acsfs\profiles$\nycolleemdj\Downloads\70045834-add8-4165-83f9-21c0625c28de.tmp</t>
  </si>
  <si>
    <t>01/22/2020 21:13:16</t>
  </si>
  <si>
    <t>f1f14a96-a8d2-4dd4-8c2c-03d867491d0d.tmp</t>
  </si>
  <si>
    <t>\\acsfs\profiles$\nycolleemdj\Downloads\f1f14a96-a8d2-4dd4-8c2c-03d867491d0d.tmp</t>
  </si>
  <si>
    <t>01/22/2020 21:14:15</t>
  </si>
  <si>
    <t>9af8c4dc-ea78-4098-b740-cd3faf9bbbc9.tmp</t>
  </si>
  <si>
    <t>\\acsfs\profiles$\nycolleemdj\Downloads\9af8c4dc-ea78-4098-b740-cd3faf9bbbc9.tmp</t>
  </si>
  <si>
    <t>01/22/2020 20:47:02</t>
  </si>
  <si>
    <t>01/22/2020 21:17:43</t>
  </si>
  <si>
    <t>01/22/2020 20:47:03</t>
  </si>
  <si>
    <t>01/22/2020 21:18:43</t>
  </si>
  <si>
    <t>01/22/2020 20:47:04</t>
  </si>
  <si>
    <t>01/22/2020 21:19:43</t>
  </si>
  <si>
    <t>01/22/2020 20:47:05</t>
  </si>
  <si>
    <t>01/22/2020 21:20:43</t>
  </si>
  <si>
    <t>01/22/2020 20:47:06</t>
  </si>
  <si>
    <t>01/22/2020 21:21:43</t>
  </si>
  <si>
    <t>01/22/2020 20:47:07</t>
  </si>
  <si>
    <t>01/22/2020 21:22:44</t>
  </si>
  <si>
    <t>01/22/2020 21:21:48</t>
  </si>
  <si>
    <t>XLOG_anakcs_22012020_130830.log</t>
  </si>
  <si>
    <t>\\acsfs\profiles$\anakcs\My Documents\xworkcenter\logs\XLOG_anakcs_22012020_130830.log</t>
  </si>
  <si>
    <t>01/22/2020 20:47:08</t>
  </si>
  <si>
    <t>01/22/2020 21:23:43</t>
  </si>
  <si>
    <t>01/22/2020 20:47:09</t>
  </si>
  <si>
    <t>01/22/2020 21:24:44</t>
  </si>
  <si>
    <t>01/22/2020 20:47:10</t>
  </si>
  <si>
    <t>01/22/2020 21:25:43</t>
  </si>
  <si>
    <t>01/22/2020 20:47:11</t>
  </si>
  <si>
    <t>01/22/2020 21:26:43</t>
  </si>
  <si>
    <t>01/22/2020 21:25:38</t>
  </si>
  <si>
    <t>8267bf65-a7b2-4a58-ac32-629f7117e3af.tmp</t>
  </si>
  <si>
    <t>\\acsfs\profiles$\nathaliaos\Downloads\8267bf65-a7b2-4a58-ac32-629f7117e3af.tmp</t>
  </si>
  <si>
    <t>01/22/2020 20:47:12</t>
  </si>
  <si>
    <t>01/22/2020 21:27:43</t>
  </si>
  <si>
    <t>01/22/2020 20:47:13</t>
  </si>
  <si>
    <t>01/22/2020 21:28:43</t>
  </si>
  <si>
    <t>01/22/2020 20:47:14</t>
  </si>
  <si>
    <t>01/22/2020 21:29:43</t>
  </si>
  <si>
    <t>01/22/2020 20:47:15</t>
  </si>
  <si>
    <t>01/22/2020 21:30:43</t>
  </si>
  <si>
    <t>01/22/2020 20:47:16</t>
  </si>
  <si>
    <t>01/22/2020 21:31:44</t>
  </si>
  <si>
    <t>01/22/2020 20:47:17</t>
  </si>
  <si>
    <t>01/22/2020 21:32:43</t>
  </si>
  <si>
    <t>01/22/2020 20:47:18</t>
  </si>
  <si>
    <t>01/22/2020 21:33:44</t>
  </si>
  <si>
    <t>01/22/2020 20:47:19</t>
  </si>
  <si>
    <t>01/22/2020 21:34:43</t>
  </si>
  <si>
    <t>01/22/2020 20:47:20</t>
  </si>
  <si>
    <t>01/22/2020 21:35:43</t>
  </si>
  <si>
    <t>01/22/2020 20:47:21</t>
  </si>
  <si>
    <t>01/22/2020 21:36:43</t>
  </si>
  <si>
    <t>01/22/2020 21:33:40</t>
  </si>
  <si>
    <t>https://udpwfmniceap02/web/guest/home?p_auth=kbcjpk2a&amp;p_p_id=58&amp;p_p_lifecycle=1&amp;p_p_state=maximized&amp;p_p_mode=view&amp;savelastpath=0&amp;_58_struts_action=/login/forgot_password</t>
  </si>
  <si>
    <t>01/22/2020 21:33:50</t>
  </si>
  <si>
    <t>01/22/2020 21:33:59</t>
  </si>
  <si>
    <t>01/22/2020 21:34:09</t>
  </si>
  <si>
    <t>01/22/2020 21:34:14</t>
  </si>
  <si>
    <t>01/22/2020 20:47:22</t>
  </si>
  <si>
    <t>01/22/2020 21:37:43</t>
  </si>
  <si>
    <t>01/22/2020 20:47:23</t>
  </si>
  <si>
    <t>01/22/2020 21:38:43</t>
  </si>
  <si>
    <t>01/22/2020 20:47:24</t>
  </si>
  <si>
    <t>01/22/2020 21:39:44</t>
  </si>
  <si>
    <t>01/22/2020 20:47:25</t>
  </si>
  <si>
    <t>01/22/2020 21:40:43</t>
  </si>
  <si>
    <t>01/22/2020 20:47:26</t>
  </si>
  <si>
    <t>01/22/2020 21:41:44</t>
  </si>
  <si>
    <t>01/22/2020 20:47:27</t>
  </si>
  <si>
    <t>01/22/2020 21:42:43</t>
  </si>
  <si>
    <t>01/22/2020 20:47:28</t>
  </si>
  <si>
    <t>01/22/2020 21:42:12</t>
  </si>
  <si>
    <t>0f90f114-fe6b-45cf-be94-16c631777e74.tmp</t>
  </si>
  <si>
    <t>\\acsfs\profiles$\Adrieledgc\Downloads\0f90f114-fe6b-45cf-be94-16c631777e74.tmp</t>
  </si>
  <si>
    <t>01/22/2020 21:43:44</t>
  </si>
  <si>
    <t>01/22/2020 20:47:29</t>
  </si>
  <si>
    <t>01/22/2020 21:44:43</t>
  </si>
  <si>
    <t>01/22/2020 20:47:30</t>
  </si>
  <si>
    <t>01/22/2020 21:45:43</t>
  </si>
  <si>
    <t>01/22/2020 20:47:31</t>
  </si>
  <si>
    <t>01/22/2020 21:46:43</t>
  </si>
  <si>
    <t>01/22/2020 20:47:32</t>
  </si>
  <si>
    <t>01/22/2020 20:47:33</t>
  </si>
  <si>
    <t>01/22/2020 20:47:34</t>
  </si>
  <si>
    <t>01/22/2020 20:47:35</t>
  </si>
  <si>
    <t>01/22/2020 21:47:43</t>
  </si>
  <si>
    <t>01/22/2020 20:47:36</t>
  </si>
  <si>
    <t>01/22/2020 20:47:37</t>
  </si>
  <si>
    <t>01/22/2020 20:47:38</t>
  </si>
  <si>
    <t>01/22/2020 20:47:39</t>
  </si>
  <si>
    <t>01/22/2020 21:42:48</t>
  </si>
  <si>
    <t>7686bf76-1564-4d69-b85b-17c18ed53137.tmp</t>
  </si>
  <si>
    <t>\\acsfs\profiles$\victorgl\Downloads\7686bf76-1564-4d69-b85b-17c18ed53137.tmp</t>
  </si>
  <si>
    <t>01/22/2020 21:43:02</t>
  </si>
  <si>
    <t>4ddd61d5-fa64-4aac-bb15-0dd0c8f9cb35.tmp</t>
  </si>
  <si>
    <t>\\acsfs\profiles$\victorgl\Downloads\4ddd61d5-fa64-4aac-bb15-0dd0c8f9cb35.tmp</t>
  </si>
  <si>
    <t>01/22/2020 20:47:40</t>
  </si>
  <si>
    <t>01/22/2020 21:48:44</t>
  </si>
  <si>
    <t>01/22/2020 20:47:41</t>
  </si>
  <si>
    <t>01/22/2020 20:47:42</t>
  </si>
  <si>
    <t>01/22/2020 20:47:43</t>
  </si>
  <si>
    <t>01/22/2020 21:49:43</t>
  </si>
  <si>
    <t>01/22/2020 20:47:45</t>
  </si>
  <si>
    <t>01/22/2020 20:47:46</t>
  </si>
  <si>
    <t>01/22/2020 21:50:44</t>
  </si>
  <si>
    <t>01/22/2020 20:47:47</t>
  </si>
  <si>
    <t>01/22/2020 20:47:48</t>
  </si>
  <si>
    <t>01/22/2020 20:47:49</t>
  </si>
  <si>
    <t>01/22/2020 21:51:43</t>
  </si>
  <si>
    <t>01/22/2020 20:47:50</t>
  </si>
  <si>
    <t>01/22/2020 20:47:51</t>
  </si>
  <si>
    <t>01/22/2020 20:47:52</t>
  </si>
  <si>
    <t>01/22/2020 21:49:00</t>
  </si>
  <si>
    <t>7cd479ec-0869-42d2-942c-90eb67095781.tmp</t>
  </si>
  <si>
    <t>\\acsfs\profiles$\edicarlosdl\Downloads\7cd479ec-0869-42d2-942c-90eb67095781.tmp</t>
  </si>
  <si>
    <t>01/22/2020 21:52:43</t>
  </si>
  <si>
    <t>01/22/2020 20:47:53</t>
  </si>
  <si>
    <t>01/22/2020 20:47:54</t>
  </si>
  <si>
    <t>01/22/2020 20:47:55</t>
  </si>
  <si>
    <t>01/22/2020 20:47:56</t>
  </si>
  <si>
    <t>01/22/2020 20:47:57</t>
  </si>
  <si>
    <t>01/22/2020 21:53:44</t>
  </si>
  <si>
    <t>01/22/2020 20:47:58</t>
  </si>
  <si>
    <t>01/22/2020 20:47:59</t>
  </si>
  <si>
    <t>01/22/2020 20:48:00</t>
  </si>
  <si>
    <t>01/22/2020 21:54:43</t>
  </si>
  <si>
    <t>01/22/2020 20:48:01</t>
  </si>
  <si>
    <t>01/22/2020 20:48:02</t>
  </si>
  <si>
    <t>01/22/2020 20:48:03</t>
  </si>
  <si>
    <t>01/22/2020 21:55:43</t>
  </si>
  <si>
    <t>01/22/2020 20:48:04</t>
  </si>
  <si>
    <t>01/22/2020 20:48:05</t>
  </si>
  <si>
    <t>01/22/2020 20:48:07</t>
  </si>
  <si>
    <t>01/22/2020 20:48:08</t>
  </si>
  <si>
    <t>01/22/2020 21:56:43</t>
  </si>
  <si>
    <t>01/22/2020 20:48:09</t>
  </si>
  <si>
    <t>01/22/2020 20:48:10</t>
  </si>
  <si>
    <t>01/22/2020 21:51:30</t>
  </si>
  <si>
    <t>a0e6831f-957f-46e4-9225-dc1dfcd96b19.tmp</t>
  </si>
  <si>
    <t>\\acsfs\profiles$\brendadsl\Downloads\a0e6831f-957f-46e4-9225-dc1dfcd96b19.tmp</t>
  </si>
  <si>
    <t>01/22/2020 20:48:11</t>
  </si>
  <si>
    <t>01/22/2020 21:57:43</t>
  </si>
  <si>
    <t>01/22/2020 20:48:12</t>
  </si>
  <si>
    <t>01/22/2020 20:48:13</t>
  </si>
  <si>
    <t>01/22/2020 20:48:14</t>
  </si>
  <si>
    <t>01/22/2020 21:58:43</t>
  </si>
  <si>
    <t>01/22/2020 20:48:15</t>
  </si>
  <si>
    <t>01/22/2020 20:48:16</t>
  </si>
  <si>
    <t>01/22/2020 20:48:17</t>
  </si>
  <si>
    <t>01/22/2020 21:56:29</t>
  </si>
  <si>
    <t>01/22/2020 21:59:43</t>
  </si>
  <si>
    <t>01/22/2020 20:48:19</t>
  </si>
  <si>
    <t>01/22/2020 20:48:20</t>
  </si>
  <si>
    <t>01/22/2020 20:48:21</t>
  </si>
  <si>
    <t>01/22/2020 20:48:22</t>
  </si>
  <si>
    <t>01/22/2020 22:00:43</t>
  </si>
  <si>
    <t>01/22/2020 20:48:23</t>
  </si>
  <si>
    <t>01/22/2020 21:57:52</t>
  </si>
  <si>
    <t>0d038ce9-538c-4e76-81d7-b55946a6b4e5.tmp</t>
  </si>
  <si>
    <t>\\acsfs\profiles$\ROBERTM\Downloads\0d038ce9-538c-4e76-81d7-b55946a6b4e5.tmp</t>
  </si>
  <si>
    <t>01/22/2020 21:58:26</t>
  </si>
  <si>
    <t>4a62f01b-9a68-4f6b-a9f8-42f8359f2ed4.tmp</t>
  </si>
  <si>
    <t>\\acsfs\profiles$\ROBERTM\Downloads\4a62f01b-9a68-4f6b-a9f8-42f8359f2ed4.tmp</t>
  </si>
  <si>
    <t>01/22/2020 20:48:24</t>
  </si>
  <si>
    <t>01/22/2020 20:48:25</t>
  </si>
  <si>
    <t>01/22/2020 22:01:44</t>
  </si>
  <si>
    <t>01/22/2020 20:48:26</t>
  </si>
  <si>
    <t>01/22/2020 20:48:27</t>
  </si>
  <si>
    <t>01/22/2020 20:48:28</t>
  </si>
  <si>
    <t>01/22/2020 22:02:43</t>
  </si>
  <si>
    <t>01/22/2020 20:48:29</t>
  </si>
  <si>
    <t>01/22/2020 20:48:30</t>
  </si>
  <si>
    <t>01/22/2020 22:01:35</t>
  </si>
  <si>
    <t>XLOG_thaisdss_22012020_134622.log</t>
  </si>
  <si>
    <t>\\acsfs\profiles$\thaisdss\My Documents\xworkcenter\logs\XLOG_thaisdss_22012020_134622.log</t>
  </si>
  <si>
    <t>01/22/2020 20:48:31</t>
  </si>
  <si>
    <t>01/22/2020 22:03:43</t>
  </si>
  <si>
    <t>01/22/2020 20:48:32</t>
  </si>
  <si>
    <t>01/22/2020 20:48:33</t>
  </si>
  <si>
    <t>01/22/2020 20:48:34</t>
  </si>
  <si>
    <t>01/22/2020 22:04:43</t>
  </si>
  <si>
    <t>01/22/2020 20:48:35</t>
  </si>
  <si>
    <t>01/22/2020 20:48:36</t>
  </si>
  <si>
    <t>01/22/2020 20:48:37</t>
  </si>
  <si>
    <t>01/22/2020 22:05:43</t>
  </si>
  <si>
    <t>01/22/2020 20:48:38</t>
  </si>
  <si>
    <t>01/22/2020 22:08:44</t>
  </si>
  <si>
    <t>01/22/2020 22:13:43</t>
  </si>
  <si>
    <t>01/22/2020 22:18:43</t>
  </si>
  <si>
    <t>01/22/2020 22:23:43</t>
  </si>
  <si>
    <t>01/22/2020 22:28:43</t>
  </si>
  <si>
    <t>01/22/2020 22:33:43</t>
  </si>
  <si>
    <t>01/22/2020 22:34:29</t>
  </si>
  <si>
    <t>01/22/2020 22:37:43</t>
  </si>
  <si>
    <t>6c2f4dcb-9ad3-4c72-b150-5a11eff3d63e.tmp</t>
  </si>
  <si>
    <t>\\acsfs\profiles$\Adrieledgc\Downloads\6c2f4dcb-9ad3-4c72-b150-5a11eff3d63e.tmp</t>
  </si>
  <si>
    <t>01/22/2020 22:38:43</t>
  </si>
  <si>
    <t>01/22/2020 22:43:43</t>
  </si>
  <si>
    <t>01/22/2020 22:48:44</t>
  </si>
  <si>
    <t>01/22/2020 22:53:44</t>
  </si>
  <si>
    <t>01/22/2020 22:58:43</t>
  </si>
  <si>
    <t>01/22/2020 23:03:43</t>
  </si>
  <si>
    <t>01/22/2020 23:08:43</t>
  </si>
  <si>
    <t>01/22/2020 23:13:43</t>
  </si>
  <si>
    <t>01/22/2020 23:18:43</t>
  </si>
  <si>
    <t>01/22/2020 23:23:44</t>
  </si>
  <si>
    <t>01/22/2020 23:22:02</t>
  </si>
  <si>
    <t>803f7d66-352f-423b-8f45-62c6820b0ea4.tmp</t>
  </si>
  <si>
    <t>\\acsfs\profiles$\marlyannegdls\Downloads\803f7d66-352f-423b-8f45-62c6820b0ea4.tmp</t>
  </si>
  <si>
    <t>01/22/2020 23:22:06</t>
  </si>
  <si>
    <t>Q29udHJvbGxlci5QYXl3YXJlLU5vaXRl (9).ica</t>
  </si>
  <si>
    <t>\\acsfs\profiles$\marlyannegdls\Downloads\Q29udHJvbGxlci5QYXl3YXJlLU5vaXRl (9).ica</t>
  </si>
  <si>
    <t>01/22/2020 23:23:14</t>
  </si>
  <si>
    <t>648475e1-879f-488d-b2d7-f3db5515ae59.tmp</t>
  </si>
  <si>
    <t>\\acsfs\profiles$\marlyannegdls\Downloads\648475e1-879f-488d-b2d7-f3db5515ae59.tmp</t>
  </si>
  <si>
    <t>01/22/2020 23:28:44</t>
  </si>
  <si>
    <t>01/22/2020 23:27:47</t>
  </si>
  <si>
    <t>b1b46d2f-f587-434a-a8d7-f86b2ce1f5d1.tmp</t>
  </si>
  <si>
    <t>\\acsfs\profiles$\marlyannegdls\Downloads\b1b46d2f-f587-434a-a8d7-f86b2ce1f5d1.tmp</t>
  </si>
  <si>
    <t>01/22/2020 23:33:43</t>
  </si>
  <si>
    <t>01/22/2020 23:28:42</t>
  </si>
  <si>
    <t>74c47823-4a25-40e8-bd1a-5999a9d1c9bd.tmp</t>
  </si>
  <si>
    <t>\\acsfs\profiles$\marlyannegdls\Downloads\74c47823-4a25-40e8-bd1a-5999a9d1c9bd.tmp</t>
  </si>
  <si>
    <t>01/22/2020 23:29:47</t>
  </si>
  <si>
    <t>970d9f73-ffa9-44ec-8760-d6eecd755c27.tmp</t>
  </si>
  <si>
    <t>\\acsfs\profiles$\marlyannegdls\Downloads\970d9f73-ffa9-44ec-8760-d6eecd755c27.tmp</t>
  </si>
  <si>
    <t>01/22/2020 23:38:43</t>
  </si>
  <si>
    <t>01/22/2020 23:43:43</t>
  </si>
  <si>
    <t>01/22/2020 23:47:44</t>
  </si>
  <si>
    <t>01/22/2020 23:43:39</t>
  </si>
  <si>
    <t>\\acsfs\profiles$\mariaavds\My Documents\My Pictures\</t>
  </si>
  <si>
    <t>\\acsfs\profiles$\mariaavds\My Documents\My Videos\desktop.ini</t>
  </si>
  <si>
    <t>01/22/2020 23:43:41</t>
  </si>
  <si>
    <t>\\acsfs\profiles$\mariaavds\My Documents\My Videos\</t>
  </si>
  <si>
    <t>01/22/2020 23:43:42</t>
  </si>
  <si>
    <t>01/22/2020 23:43:44</t>
  </si>
  <si>
    <t>01/22/2020 23:43:46</t>
  </si>
  <si>
    <t>\\acsfs\profiles$\mariaavds\My Documents\My Music\</t>
  </si>
  <si>
    <t>\\acsfs\profiles$\mariaavds\My Documents\My Pictures\desktop.ini</t>
  </si>
  <si>
    <t>01/22/2020 23:43:47</t>
  </si>
  <si>
    <t>01/22/2020 23:43:48</t>
  </si>
  <si>
    <t>01/22/2020 23:43:53</t>
  </si>
  <si>
    <t>01/22/2020 23:43:55</t>
  </si>
  <si>
    <t>01/22/2020 23:43:57</t>
  </si>
  <si>
    <t>\\acsfs\profiles$\mariaavds\Contacts\</t>
  </si>
  <si>
    <t>\\acsfs\profiles$\mariaavds\Contacts\desktop.ini</t>
  </si>
  <si>
    <t>01/22/2020 23:43:58</t>
  </si>
  <si>
    <t>01/22/2020 23:43:59</t>
  </si>
  <si>
    <t>01/22/2020 23:44:01</t>
  </si>
  <si>
    <t>01/22/2020 23:44:02</t>
  </si>
  <si>
    <t>01/22/2020 23:44:03</t>
  </si>
  <si>
    <t>\\acsfs\profiles$\mariaavds\Favorites\desktop.ini</t>
  </si>
  <si>
    <t>01/22/2020 23:44:04</t>
  </si>
  <si>
    <t>01/22/2020 23:44:10</t>
  </si>
  <si>
    <t>01/22/2020 23:44:11</t>
  </si>
  <si>
    <t>01/22/2020 23:44:18</t>
  </si>
  <si>
    <t>01/22/2020 23:44:20</t>
  </si>
  <si>
    <t>01/22/2020 23:44:21</t>
  </si>
  <si>
    <t>01/22/2020 23:44:23</t>
  </si>
  <si>
    <t>\\acsfs\profiles$\mariaavds\My Documents\My Music\desktop.ini</t>
  </si>
  <si>
    <t>01/22/2020 23:44:29</t>
  </si>
  <si>
    <t>01/22/2020 23:44:32</t>
  </si>
  <si>
    <t>01/22/2020 23:44:33</t>
  </si>
  <si>
    <t>01/22/2020 23:44:34</t>
  </si>
  <si>
    <t>01/22/2020 23:44:36</t>
  </si>
  <si>
    <t>\\acsfs\profiles$\mariaavds\Searches\</t>
  </si>
  <si>
    <t>\\acsfs\profiles$\mariaavds\Searches\desktop.ini</t>
  </si>
  <si>
    <t>01/22/2020 23:44:42</t>
  </si>
  <si>
    <t>01/22/2020 23:48:43</t>
  </si>
  <si>
    <t>01/22/2020 23:46:27</t>
  </si>
  <si>
    <t>01/22/2020 23:51:43</t>
  </si>
  <si>
    <t>9b30b719-b178-4076-bfbd-6142f010af04.tmp</t>
  </si>
  <si>
    <t>\\acsfs\profiles$\nathaliaos\Downloads\9b30b719-b178-4076-bfbd-6142f010af04.tmp</t>
  </si>
  <si>
    <t>01/22/2020 23:48:11</t>
  </si>
  <si>
    <t>98bad05f-9796-4da8-94a5-215396ad7115.tmp</t>
  </si>
  <si>
    <t>\\acsfs\profiles$\nathaliaos\Downloads\98bad05f-9796-4da8-94a5-215396ad7115.tmp</t>
  </si>
  <si>
    <t>01/22/2020 23:52:43</t>
  </si>
  <si>
    <t>01/22/2020 23:48:51</t>
  </si>
  <si>
    <t>01/22/2020 23:48:52</t>
  </si>
  <si>
    <t>01/22/2020 23:48:53</t>
  </si>
  <si>
    <t>01/22/2020 23:48:54</t>
  </si>
  <si>
    <t>01/22/2020 23:49:07</t>
  </si>
  <si>
    <t>01/22/2020 23:49:19</t>
  </si>
  <si>
    <t>01/22/2020 23:49:21</t>
  </si>
  <si>
    <t>01/22/2020 23:49:22</t>
  </si>
  <si>
    <t>01/22/2020 23:49:28</t>
  </si>
  <si>
    <t>01/22/2020 23:49:29</t>
  </si>
  <si>
    <t>01/22/2020 23:49:40</t>
  </si>
  <si>
    <t>01/22/2020 23:49:42</t>
  </si>
  <si>
    <t>01/22/2020 23:49:49</t>
  </si>
  <si>
    <t>01/22/2020 23:49:52</t>
  </si>
  <si>
    <t>01/22/2020 23:49:56</t>
  </si>
  <si>
    <t>01/22/2020 23:49:57</t>
  </si>
  <si>
    <t>01/22/2020 23:50:02</t>
  </si>
  <si>
    <t>01/22/2020 23:50:03</t>
  </si>
  <si>
    <t>01/22/2020 23:50:04</t>
  </si>
  <si>
    <t>01/22/2020 23:50:10</t>
  </si>
  <si>
    <t>01/22/2020 23:50:12</t>
  </si>
  <si>
    <t>01/22/2020 23:50:13</t>
  </si>
  <si>
    <t>01/22/2020 23:50:19</t>
  </si>
  <si>
    <t>01/22/2020 23:50:21</t>
  </si>
  <si>
    <t>01/22/2020 23:50:22</t>
  </si>
  <si>
    <t>01/22/2020 23:50:29</t>
  </si>
  <si>
    <t>01/22/2020 23:50:32</t>
  </si>
  <si>
    <t>01/22/2020 23:50:34</t>
  </si>
  <si>
    <t>01/22/2020 23:50:36</t>
  </si>
  <si>
    <t>01/22/2020 23:50:38</t>
  </si>
  <si>
    <t>01/22/2020 23:50:40</t>
  </si>
  <si>
    <t>01/22/2020 23:50:42</t>
  </si>
  <si>
    <t>01/22/2020 23:50:43</t>
  </si>
  <si>
    <t>\\acsfs\profiles$\mariaavds\Downloads\desktop.ini</t>
  </si>
  <si>
    <t>01/22/2020 23:51:12</t>
  </si>
  <si>
    <t>01/22/2020 23:51:16</t>
  </si>
  <si>
    <t>\\acsfs\profiles$\mariaavds\Favorites\</t>
  </si>
  <si>
    <t>\\acsfs\profiles$\mariaavds\My Documents\desktop.ini</t>
  </si>
  <si>
    <t>01/22/2020 23:51:23</t>
  </si>
  <si>
    <t>01/22/2020 23:51:24</t>
  </si>
  <si>
    <t>01/22/2020 23:51:26</t>
  </si>
  <si>
    <t>01/22/2020 23:51:29</t>
  </si>
  <si>
    <t>01/22/2020 23:51:31</t>
  </si>
  <si>
    <t>01/22/2020 23:53:43</t>
  </si>
  <si>
    <t>01/22/2020 23:53:11</t>
  </si>
  <si>
    <t>01/22/2020 23:57:43</t>
  </si>
  <si>
    <t>01/22/2020 23:53:13</t>
  </si>
  <si>
    <t>01/22/2020 23:53:14</t>
  </si>
  <si>
    <t>01/22/2020 23:53:15</t>
  </si>
  <si>
    <t>01/22/2020 23:53:16</t>
  </si>
  <si>
    <t>01/22/2020 23:53:17</t>
  </si>
  <si>
    <t>01/22/2020 23:53:19</t>
  </si>
  <si>
    <t>01/22/2020 23:53:20</t>
  </si>
  <si>
    <t>01/22/2020 23:53:21</t>
  </si>
  <si>
    <t>01/22/2020 23:53:22</t>
  </si>
  <si>
    <t>01/22/2020 23:53:23</t>
  </si>
  <si>
    <t>01/22/2020 23:53:24</t>
  </si>
  <si>
    <t>01/22/2020 23:53:25</t>
  </si>
  <si>
    <t>01/22/2020 23:53:26</t>
  </si>
  <si>
    <t>01/22/2020 23:53:27</t>
  </si>
  <si>
    <t>01/22/2020 23:53:28</t>
  </si>
  <si>
    <t>01/22/2020 23:53:29</t>
  </si>
  <si>
    <t>01/22/2020 23:53:30</t>
  </si>
  <si>
    <t>01/22/2020 23:53:31</t>
  </si>
  <si>
    <t>01/22/2020 23:53:32</t>
  </si>
  <si>
    <t>01/22/2020 23:53:33</t>
  </si>
  <si>
    <t>01/22/2020 23:53:35</t>
  </si>
  <si>
    <t>01/22/2020 23:53:36</t>
  </si>
  <si>
    <t>01/22/2020 23:53:37</t>
  </si>
  <si>
    <t>01/22/2020 23:53:38</t>
  </si>
  <si>
    <t>01/22/2020 23:53:39</t>
  </si>
  <si>
    <t>01/22/2020 23:53:40</t>
  </si>
  <si>
    <t>01/22/2020 23:53:41</t>
  </si>
  <si>
    <t>01/22/2020 23:53:42</t>
  </si>
  <si>
    <t>01/22/2020 23:53:44</t>
  </si>
  <si>
    <t>\\acsfs\profiles$\mariaavds\Saved Games\desktop.ini</t>
  </si>
  <si>
    <t>01/22/2020 23:53:45</t>
  </si>
  <si>
    <t>01/22/2020 23:55:18</t>
  </si>
  <si>
    <t>14ba4e11-91c0-4322-beb0-b21962fe87e2.tmp</t>
  </si>
  <si>
    <t>\\acsfs\profiles$\mariaavds\Downloads\14ba4e11-91c0-4322-beb0-b21962fe87e2.tmp</t>
  </si>
  <si>
    <t>01/22/2020 23:56:17</t>
  </si>
  <si>
    <t>ccef8dd6-c952-4805-b114-76c4c95a96a3.tmp</t>
  </si>
  <si>
    <t>\\acsfs\profiles$\mariaavds\Downloads\ccef8dd6-c952-4805-b114-76c4c95a96a3.tmp</t>
  </si>
  <si>
    <t>01/22/2020 23:58:43</t>
  </si>
  <si>
    <t>01/22/2020 23:58:44</t>
  </si>
  <si>
    <t>01/23/2020 00:02:44</t>
  </si>
  <si>
    <t>01/23/2020 00:03:43</t>
  </si>
  <si>
    <t>01/23/2020 00:08:44</t>
  </si>
  <si>
    <t>01/23/2020 00:13:44</t>
  </si>
  <si>
    <t>01/23/2020 00:18:44</t>
  </si>
  <si>
    <t>01/23/2020 00:23:43</t>
  </si>
  <si>
    <t>01/23/2020 00:26:56</t>
  </si>
  <si>
    <t>01/23/2020 00:28:43</t>
  </si>
  <si>
    <t>072d6f5e-2560-4364-baad-39ab36d9f5c4.tmp</t>
  </si>
  <si>
    <t>\\acsfs\profiles$\marlyannegdls\Downloads\072d6f5e-2560-4364-baad-39ab36d9f5c4.tmp</t>
  </si>
  <si>
    <t>01/23/2020 00:27:51</t>
  </si>
  <si>
    <t>8d08f0fc-1c2b-46f8-88d9-469e817ea043.tmp</t>
  </si>
  <si>
    <t>\\acsfs\profiles$\marlyannegdls\Downloads\8d08f0fc-1c2b-46f8-88d9-469e817ea043.tmp</t>
  </si>
  <si>
    <t>01/23/2020 00:33:43</t>
  </si>
  <si>
    <t>01/23/2020 00:38:43</t>
  </si>
  <si>
    <t>01/23/2020 00:43:43</t>
  </si>
  <si>
    <t>01/23/2020 00:48:43</t>
  </si>
  <si>
    <t>01/23/2020 00:53:43</t>
  </si>
  <si>
    <t>01/23/2020 00:58:43</t>
  </si>
  <si>
    <t>01/23/2020 01:19:43</t>
  </si>
  <si>
    <t>01/23/2020 01:23:43</t>
  </si>
  <si>
    <t>01/23/2020 01:28:44</t>
  </si>
  <si>
    <t>01/23/2020 01:33:43</t>
  </si>
  <si>
    <t>01/23/2020 01:38:43</t>
  </si>
  <si>
    <t>01/23/2020 01:43:44</t>
  </si>
  <si>
    <t>01/23/2020 01:48:44</t>
  </si>
  <si>
    <t>01/23/2020 01:53:44</t>
  </si>
  <si>
    <t>01/23/2020 01:58:44</t>
  </si>
  <si>
    <t>01/23/2020 02:03:44</t>
  </si>
  <si>
    <t>01/23/2020 02:08:44</t>
  </si>
  <si>
    <t>01/23/2020 02:13:43</t>
  </si>
  <si>
    <t>01/23/2020 02:18:43</t>
  </si>
  <si>
    <t>01/23/2020 02:23:43</t>
  </si>
  <si>
    <t>01/23/2020 02:28:43</t>
  </si>
  <si>
    <t>01/23/2020 02:33:43</t>
  </si>
  <si>
    <t>01/23/2020 02:38:43</t>
  </si>
  <si>
    <t>01/23/2020 02:43:43</t>
  </si>
  <si>
    <t>01/23/2020 02:48:43</t>
  </si>
  <si>
    <t>01/23/2020 02:53:43</t>
  </si>
  <si>
    <t>01/23/2020 02:58:43</t>
  </si>
  <si>
    <t>01/23/2020 03:03:43</t>
  </si>
  <si>
    <t>01/23/2020 03:08:43</t>
  </si>
  <si>
    <t>01/23/2020 03:13:43</t>
  </si>
  <si>
    <t>01/23/2020 03:18:43</t>
  </si>
  <si>
    <t>01/23/2020 03:23:44</t>
  </si>
  <si>
    <t>01/23/2020 03:28:45</t>
  </si>
  <si>
    <t>01/23/2020 03:33:45</t>
  </si>
  <si>
    <t>01/23/2020 03:38:45</t>
  </si>
  <si>
    <t>01/23/2020 03:43:45</t>
  </si>
  <si>
    <t>01/23/2020 03:48:45</t>
  </si>
  <si>
    <t>01/23/2020 03:53:45</t>
  </si>
  <si>
    <t>01/23/2020 03:58:46</t>
  </si>
  <si>
    <t>01/23/2020 04:03:46</t>
  </si>
  <si>
    <t>01/23/2020 04:06:44</t>
  </si>
  <si>
    <t>01/23/2020 04:07:45</t>
  </si>
  <si>
    <t>f891831c-0de1-4ae5-832c-4cd3cfee3d83.tmp</t>
  </si>
  <si>
    <t>\\acsfs\profiles$\mariaavds\Downloads\f891831c-0de1-4ae5-832c-4cd3cfee3d83.tmp</t>
  </si>
  <si>
    <t>01/23/2020 04:08:46</t>
  </si>
  <si>
    <t>01/23/2020 04:13:46</t>
  </si>
  <si>
    <t>01/23/2020 04:18:46</t>
  </si>
  <si>
    <t>01/23/2020 04:23:45</t>
  </si>
  <si>
    <t>01/23/2020 04:23:46</t>
  </si>
  <si>
    <t>01/23/2020 04:28:46</t>
  </si>
  <si>
    <t>01/23/2020 04:33:45</t>
  </si>
  <si>
    <t>01/23/2020 04:38:45</t>
  </si>
  <si>
    <t>01/23/2020 04:43:45</t>
  </si>
  <si>
    <t>01/23/2020 04:48:46</t>
  </si>
  <si>
    <t>01/23/2020 04:53:46</t>
  </si>
  <si>
    <t>01/23/2020 04:58:47</t>
  </si>
  <si>
    <t>01/23/2020 05:04:46</t>
  </si>
  <si>
    <t>01/23/2020 05:09:46</t>
  </si>
  <si>
    <t>01/23/2020 05:14:46</t>
  </si>
  <si>
    <t>01/23/2020 05:19:47</t>
  </si>
  <si>
    <t>01/23/2020 05:24:46</t>
  </si>
  <si>
    <t>01/23/2020 05:29:46</t>
  </si>
  <si>
    <t>01/23/2020 05:34:46</t>
  </si>
  <si>
    <t>01/23/2020 05:39:46</t>
  </si>
  <si>
    <t>01/23/2020 05:44:46</t>
  </si>
  <si>
    <t>01/23/2020 05:49:46</t>
  </si>
  <si>
    <t>01/23/2020 05:48:46</t>
  </si>
  <si>
    <t>01/23/2020 05:53:46</t>
  </si>
  <si>
    <t>f7c62820-6f8e-4aef-b132-c3910400644c.tmp</t>
  </si>
  <si>
    <t>\\acsfs\profiles$\marlyannegdls\Downloads\f7c62820-6f8e-4aef-b132-c3910400644c.tmp</t>
  </si>
  <si>
    <t>01/23/2020 05:54:47</t>
  </si>
  <si>
    <t>01/23/2020 05:54:41</t>
  </si>
  <si>
    <t>01/23/2020 05:57:46</t>
  </si>
  <si>
    <t>850156df-5ae3-40f3-b455-4cc3d6a29fd9.tmp</t>
  </si>
  <si>
    <t>\\acsfs\profiles$\lucasqdss\Downloads\850156df-5ae3-40f3-b455-4cc3d6a29fd9.tmp</t>
  </si>
  <si>
    <t>01/23/2020 05:59:46</t>
  </si>
  <si>
    <t>01/23/2020 05:58:16</t>
  </si>
  <si>
    <t>01/23/2020 06:01:47</t>
  </si>
  <si>
    <t>14bf4cd1-9e99-4901-9992-d955c50cfe33.tmp</t>
  </si>
  <si>
    <t>\\acsfs\profiles$\ROZENCAM\Downloads\14bf4cd1-9e99-4901-9992-d955c50cfe33.tmp</t>
  </si>
  <si>
    <t>01/23/2020 06:01:05</t>
  </si>
  <si>
    <t>64f58217-a154-4135-bebe-ee23117a4199.tmp</t>
  </si>
  <si>
    <t>\\acsfs\profiles$\ROZENCAM\Downloads\64f58217-a154-4135-bebe-ee23117a4199.tmp</t>
  </si>
  <si>
    <t>01/23/2020 05:58:58</t>
  </si>
  <si>
    <t>01/23/2020 06:02:46</t>
  </si>
  <si>
    <t>8aeb3254-efc6-4ca7-861c-80a84137d71c.tmp</t>
  </si>
  <si>
    <t>\\acsfs\profiles$\lucasqdss\Downloads\8aeb3254-efc6-4ca7-861c-80a84137d71c.tmp</t>
  </si>
  <si>
    <t>01/23/2020 06:04:46</t>
  </si>
  <si>
    <t>01/23/2020 06:09:46</t>
  </si>
  <si>
    <t>01/23/2020 06:14:46</t>
  </si>
  <si>
    <t>01/23/2020 06:19:46</t>
  </si>
  <si>
    <t>01/23/2020 06:24:46</t>
  </si>
  <si>
    <t>01/23/2020 06:29:46</t>
  </si>
  <si>
    <t>01/23/2020 06:32:47</t>
  </si>
  <si>
    <t>01/23/2020 06:29:00</t>
  </si>
  <si>
    <t>1d5bbe3d-f230-4ebb-b668-8dea2f95df74.tmp</t>
  </si>
  <si>
    <t>\\acsfs\profiles$\lorraynevam\Downloads\1d5bbe3d-f230-4ebb-b668-8dea2f95df74.tmp</t>
  </si>
  <si>
    <t>01/23/2020 06:30:11</t>
  </si>
  <si>
    <t>63dfb002-adfd-435b-adf6-72beb6d52f0b.tmp</t>
  </si>
  <si>
    <t>\\acsfs\profiles$\lorraynevam\Downloads\63dfb002-adfd-435b-adf6-72beb6d52f0b.tmp</t>
  </si>
  <si>
    <t>01/23/2020 06:30:19</t>
  </si>
  <si>
    <t>76c02174-86ab-4b70-b9b5-5bb6554b3088.tmp</t>
  </si>
  <si>
    <t>\\acsfs\profiles$\lorraynevam\Downloads\76c02174-86ab-4b70-b9b5-5bb6554b3088.tmp</t>
  </si>
  <si>
    <t>01/23/2020 06:30:53</t>
  </si>
  <si>
    <t>95094836-1940-41df-9443-1db6b866944d.tmp</t>
  </si>
  <si>
    <t>\\acsfs\profiles$\BRUNAAR\Downloads\95094836-1940-41df-9443-1db6b866944d.tmp</t>
  </si>
  <si>
    <t>01/23/2020 06:32:36</t>
  </si>
  <si>
    <t>8385d875-3268-4555-9a8f-135d1d4e48fd.tmp</t>
  </si>
  <si>
    <t>\\acsfs\profiles$\BRUNAAR\Downloads\8385d875-3268-4555-9a8f-135d1d4e48fd.tmp</t>
  </si>
  <si>
    <t>01/23/2020 06:34:47</t>
  </si>
  <si>
    <t>01/23/2020 06:39:46</t>
  </si>
  <si>
    <t>01/23/2020 06:37:00</t>
  </si>
  <si>
    <t>01/23/2020 06:41:46</t>
  </si>
  <si>
    <t>3e42eaea-1fa1-47a4-b02b-c5b087bcbe32.tmp</t>
  </si>
  <si>
    <t>\\acsfs\profiles$\ALYNYA\Downloads\3e42eaea-1fa1-47a4-b02b-c5b087bcbe32.tmp</t>
  </si>
  <si>
    <t>01/23/2020 06:38:28</t>
  </si>
  <si>
    <t>3ada171c-13fd-42b0-893a-8f1f32a0d710.tmp</t>
  </si>
  <si>
    <t>\\acsfs\profiles$\ALYNYA\Downloads\3ada171c-13fd-42b0-893a-8f1f32a0d710.tmp</t>
  </si>
  <si>
    <t>01/23/2020 06:43:03</t>
  </si>
  <si>
    <t>01/23/2020 06:43:46</t>
  </si>
  <si>
    <t>01/23/2020 06:44:47</t>
  </si>
  <si>
    <t>01/23/2020 06:42:53</t>
  </si>
  <si>
    <t>01/23/2020 06:46:47</t>
  </si>
  <si>
    <t>\\acsfs\profiles$\brunaar\My Documents\My Pictures\</t>
  </si>
  <si>
    <t>\\acsfs\profiles$\BRUNAAR\My Documents\My Videos\desktop.ini</t>
  </si>
  <si>
    <t>01/23/2020 06:42:55</t>
  </si>
  <si>
    <t>\\acsfs\profiles$\BRUNAAR\My Documents\My Videos\</t>
  </si>
  <si>
    <t>01/23/2020 06:42:56</t>
  </si>
  <si>
    <t>01/23/2020 06:42:57</t>
  </si>
  <si>
    <t>01/23/2020 06:42:58</t>
  </si>
  <si>
    <t>01/23/2020 06:42:59</t>
  </si>
  <si>
    <t>\\acsfs\profiles$\brunaar\My Documents\My Music\</t>
  </si>
  <si>
    <t>\\acsfs\profiles$\BRUNAAR\My Documents\My Pictures\desktop.ini</t>
  </si>
  <si>
    <t>01/23/2020 06:43:00</t>
  </si>
  <si>
    <t>\\acsfs\profiles$\brunaar\My Documents\My Videos\</t>
  </si>
  <si>
    <t>01/23/2020 06:43:01</t>
  </si>
  <si>
    <t>01/23/2020 06:43:04</t>
  </si>
  <si>
    <t>01/23/2020 06:43:05</t>
  </si>
  <si>
    <t>\\acsfs\profiles$\BRUNAAR\Contacts\</t>
  </si>
  <si>
    <t>\\acsfs\profiles$\BRUNAAR\Contacts\desktop.ini</t>
  </si>
  <si>
    <t>01/23/2020 06:43:06</t>
  </si>
  <si>
    <t>01/23/2020 06:43:08</t>
  </si>
  <si>
    <t>01/23/2020 06:43:10</t>
  </si>
  <si>
    <t>01/23/2020 06:43:12</t>
  </si>
  <si>
    <t>01/23/2020 06:43:14</t>
  </si>
  <si>
    <t>\\acsfs\profiles$\brunaar\My Documents\</t>
  </si>
  <si>
    <t>\\acsfs\profiles$\BRUNAAR\Favorites\desktop.ini</t>
  </si>
  <si>
    <t>01/23/2020 06:43:15</t>
  </si>
  <si>
    <t>01/23/2020 06:43:16</t>
  </si>
  <si>
    <t>01/23/2020 06:43:17</t>
  </si>
  <si>
    <t>01/23/2020 06:43:19</t>
  </si>
  <si>
    <t>01/23/2020 06:43:20</t>
  </si>
  <si>
    <t>01/23/2020 06:43:21</t>
  </si>
  <si>
    <t>01/23/2020 06:43:22</t>
  </si>
  <si>
    <t>\\acsfs\profiles$\BRUNAAR\My Documents\My Music\desktop.ini</t>
  </si>
  <si>
    <t>01/23/2020 06:43:24</t>
  </si>
  <si>
    <t>\\acsfs\profiles$\BRUNAAR\My Documents\My Music\</t>
  </si>
  <si>
    <t>01/23/2020 06:43:26</t>
  </si>
  <si>
    <t>01/23/2020 06:43:27</t>
  </si>
  <si>
    <t>01/23/2020 06:43:28</t>
  </si>
  <si>
    <t>01/23/2020 06:43:30</t>
  </si>
  <si>
    <t>\\acsfs\profiles$\BRUNAAR\Searches\</t>
  </si>
  <si>
    <t>\\acsfs\profiles$\BRUNAAR\Searches\desktop.ini</t>
  </si>
  <si>
    <t>01/23/2020 06:43:32</t>
  </si>
  <si>
    <t>01/23/2020 06:43:33</t>
  </si>
  <si>
    <t>01/23/2020 06:43:34</t>
  </si>
  <si>
    <t>01/23/2020 06:43:35</t>
  </si>
  <si>
    <t>01/23/2020 06:43:36</t>
  </si>
  <si>
    <t>\\acsfs\profiles$\BRUNAAR\Downloads\desktop.ini</t>
  </si>
  <si>
    <t>01/23/2020 06:43:37</t>
  </si>
  <si>
    <t>01/23/2020 06:43:39</t>
  </si>
  <si>
    <t>\\acsfs\profiles$\brunaar\Favorites\</t>
  </si>
  <si>
    <t>\\acsfs\profiles$\BRUNAAR\My Documents\desktop.ini</t>
  </si>
  <si>
    <t>01/23/2020 06:43:40</t>
  </si>
  <si>
    <t>\\acsfs\profiles$\BRUNAAR\My Documents\</t>
  </si>
  <si>
    <t>01/23/2020 06:43:41</t>
  </si>
  <si>
    <t>01/23/2020 06:43:42</t>
  </si>
  <si>
    <t>01/23/2020 06:43:43</t>
  </si>
  <si>
    <t>01/23/2020 06:43:45</t>
  </si>
  <si>
    <t>\\acsfs\profiles$\brunaar\Downloads\</t>
  </si>
  <si>
    <t>\\acsfs\profiles$\BRUNAAR\Saved Games\desktop.ini</t>
  </si>
  <si>
    <t>01/23/2020 06:43:48</t>
  </si>
  <si>
    <t>01/23/2020 06:44:04</t>
  </si>
  <si>
    <t>winrt--{S-1-5-21-602162358-764733703-839522115-354155}-.searchconnector-ms</t>
  </si>
  <si>
    <t>\\acsfs\profiles$\BRUNAAR\Searches\winrt--{S-1-5-21-602162358-764733703-839522115-354155}-.searchconnector-ms</t>
  </si>
  <si>
    <t>01/23/2020 06:42:08</t>
  </si>
  <si>
    <t>01/23/2020 06:45:28</t>
  </si>
  <si>
    <t>01/23/2020 06:47:46</t>
  </si>
  <si>
    <t>01/23/2020 06:45:29</t>
  </si>
  <si>
    <t>01/23/2020 06:46:07</t>
  </si>
  <si>
    <t>01/23/2020 06:47:08</t>
  </si>
  <si>
    <t>01/23/2020 06:48:46</t>
  </si>
  <si>
    <t>\\acsfs\profiles$\monicargds\Contacts\</t>
  </si>
  <si>
    <t>MONICA RAQUEL GOMES DOS SANTOS (20).contact</t>
  </si>
  <si>
    <t>\\acsfs\profiles$\monicargds\Contacts\MONICA RAQUEL GOMES DOS SANTOS (20).contact</t>
  </si>
  <si>
    <t>01/23/2020 06:47:16</t>
  </si>
  <si>
    <t>\\acsfs\profiles$\monicargds\My Documents\My Videos\</t>
  </si>
  <si>
    <t>\\acsfs\profiles$\monicargds\My Documents\My Videos\desktop.ini</t>
  </si>
  <si>
    <t>\\acsfs\profiles$\monicargds\My Documents\My Pictures\</t>
  </si>
  <si>
    <t>\\acsfs\profiles$\monicargds\My Documents\My Pictures\desktop.ini</t>
  </si>
  <si>
    <t>01/23/2020 06:47:17</t>
  </si>
  <si>
    <t>\\acsfs\profiles$\monicargds\Contacts\desktop.ini</t>
  </si>
  <si>
    <t>01/23/2020 06:47:18</t>
  </si>
  <si>
    <t>\\acsfs\profiles$\monicargds\Favorites\</t>
  </si>
  <si>
    <t>\\acsfs\profiles$\monicargds\Favorites\desktop.ini</t>
  </si>
  <si>
    <t>\\acsfs\profiles$\monicargds\My Documents\My Music\</t>
  </si>
  <si>
    <t>\\acsfs\profiles$\monicargds\My Documents\My Music\desktop.ini</t>
  </si>
  <si>
    <t>01/23/2020 06:47:19</t>
  </si>
  <si>
    <t>\\acsfs\profiles$\monicargds\Searches\</t>
  </si>
  <si>
    <t>\\acsfs\profiles$\monicargds\Searches\desktop.ini</t>
  </si>
  <si>
    <t>01/23/2020 06:47:20</t>
  </si>
  <si>
    <t>\\acsfs\profiles$\monicargds\Downloads\desktop.ini</t>
  </si>
  <si>
    <t>\\acsfs\profiles$\monicargds\My Documents\</t>
  </si>
  <si>
    <t>\\acsfs\profiles$\monicargds\My Documents\desktop.ini</t>
  </si>
  <si>
    <t>01/23/2020 06:47:21</t>
  </si>
  <si>
    <t>01/23/2020 06:47:22</t>
  </si>
  <si>
    <t>\\acsfs\profiles$\monicargds\Saved Games\</t>
  </si>
  <si>
    <t>\\acsfs\profiles$\monicargds\Saved Games\desktop.ini</t>
  </si>
  <si>
    <t>01/23/2020 06:47:37</t>
  </si>
  <si>
    <t>\\acsfs\profiles$\monicargds\Favorites\Links for Brasil\</t>
  </si>
  <si>
    <t>\\acsfs\profiles$\monicargds\Favorites\Links for Brasil\desktop.ini</t>
  </si>
  <si>
    <t>\\acsfs\profiles$\monicargds\Favorites\Links for Brasil\Microsoft Brasil.url</t>
  </si>
  <si>
    <t>01/23/2020 06:47:38</t>
  </si>
  <si>
    <t>\\acsfs\profiles$\monicargds\Favorites\Links for Brasil\Windows Brasil.url</t>
  </si>
  <si>
    <t>\\acsfs\profiles$\monicargds\Favorites\Links for Brasil\MSN Brasil.url</t>
  </si>
  <si>
    <t>01/23/2020 06:49:46</t>
  </si>
  <si>
    <t>01/23/2020 06:49:05</t>
  </si>
  <si>
    <t>01/23/2020 06:53:46</t>
  </si>
  <si>
    <t>e754ee92-40d9-48bd-b5fb-9ec95ff9c331.tmp</t>
  </si>
  <si>
    <t>\\acsfs\profiles$\monicargds\Downloads\e754ee92-40d9-48bd-b5fb-9ec95ff9c331.tmp</t>
  </si>
  <si>
    <t>01/23/2020 06:49:18</t>
  </si>
  <si>
    <t>58a21b53-cc76-4486-baab-66f2eaa3c3a0.tmp</t>
  </si>
  <si>
    <t>\\acsfs\profiles$\monicargds\Downloads\58a21b53-cc76-4486-baab-66f2eaa3c3a0.tmp</t>
  </si>
  <si>
    <t>01/23/2020 06:50:59</t>
  </si>
  <si>
    <t>e824d784-9979-4149-a6aa-8414b46740df.tmp</t>
  </si>
  <si>
    <t>\\acsfs\profiles$\monicargds\Downloads\e824d784-9979-4149-a6aa-8414b46740df.tmp</t>
  </si>
  <si>
    <t>01/23/2020 06:54:47</t>
  </si>
  <si>
    <t>01/23/2020 06:59:46</t>
  </si>
  <si>
    <t>01/23/2020 06:57:46</t>
  </si>
  <si>
    <t>01/23/2020 07:02:47</t>
  </si>
  <si>
    <t>09cc6d85-604a-4d9a-b2cf-a118acf99f04.tmp</t>
  </si>
  <si>
    <t>\\acsfs\profiles$\anafsb\Downloads\09cc6d85-604a-4d9a-b2cf-a118acf99f04.tmp</t>
  </si>
  <si>
    <t>01/23/2020 06:57:51</t>
  </si>
  <si>
    <t>3f4a9c73-cc4b-4e81-a8fa-2014f9496239.tmp</t>
  </si>
  <si>
    <t>\\acsfs\profiles$\anafsb\Downloads\3f4a9c73-cc4b-4e81-a8fa-2014f9496239.tmp</t>
  </si>
  <si>
    <t>01/23/2020 06:58:42</t>
  </si>
  <si>
    <t>90acf9e6-8a9f-47f4-8e90-216b93f98b98.tmp</t>
  </si>
  <si>
    <t>\\acsfs\profiles$\anafsb\Downloads\90acf9e6-8a9f-47f4-8e90-216b93f98b98.tmp</t>
  </si>
  <si>
    <t>01/23/2020 06:58:44</t>
  </si>
  <si>
    <t>f0db98f7-a90c-41b0-ad7f-2bb695e191d2.tmp</t>
  </si>
  <si>
    <t>\\acsfs\profiles$\anafsb\Downloads\f0db98f7-a90c-41b0-ad7f-2bb695e191d2.tmp</t>
  </si>
  <si>
    <t>01/23/2020 06:59:54</t>
  </si>
  <si>
    <t>0139cba7-b874-4bbe-a335-dc59134b8e79.tmp</t>
  </si>
  <si>
    <t>\\acsfs\profiles$\anafsb\Downloads\0139cba7-b874-4bbe-a335-dc59134b8e79.tmp</t>
  </si>
  <si>
    <t>01/23/2020 07:02:06</t>
  </si>
  <si>
    <t>01/23/2020 07:03:46</t>
  </si>
  <si>
    <t>c8f880d5-f5d6-4308-94fd-39fd84748116.tmp</t>
  </si>
  <si>
    <t>\\acsfs\profiles$\eduardobb\Downloads\c8f880d5-f5d6-4308-94fd-39fd84748116.tmp</t>
  </si>
  <si>
    <t>01/23/2020 07:03:29</t>
  </si>
  <si>
    <t>e7b1acdf-38a3-44e9-8a52-f308dba86b40.tmp</t>
  </si>
  <si>
    <t>\\acsfs\profiles$\eduardobb\Downloads\e7b1acdf-38a3-44e9-8a52-f308dba86b40.tmp</t>
  </si>
  <si>
    <t>01/23/2020 07:04:47</t>
  </si>
  <si>
    <t>01/23/2020 07:01:13</t>
  </si>
  <si>
    <t>51012041-c424-4a25-b088-8d3e7c64d4f4.tmp</t>
  </si>
  <si>
    <t>\\acsfs\profiles$\monicargds\Downloads\51012041-c424-4a25-b088-8d3e7c64d4f4.tmp</t>
  </si>
  <si>
    <t>01/23/2020 07:01:14</t>
  </si>
  <si>
    <t>ebebcf55-002c-475d-8f0c-ac76fdfe6e53.tmp</t>
  </si>
  <si>
    <t>\\acsfs\profiles$\monicargds\Downloads\ebebcf55-002c-475d-8f0c-ac76fdfe6e53.tmp</t>
  </si>
  <si>
    <t>01/23/2020 07:02:29</t>
  </si>
  <si>
    <t>bb9902aa-2a5b-459b-9dc2-b7a89f826273.tmp</t>
  </si>
  <si>
    <t>\\acsfs\profiles$\monicargds\Downloads\bb9902aa-2a5b-459b-9dc2-b7a89f826273.tmp</t>
  </si>
  <si>
    <t>01/23/2020 07:03:47</t>
  </si>
  <si>
    <t>01/23/2020 07:07:46</t>
  </si>
  <si>
    <t>ec785e09-a9ba-4b6e-8185-2cdc974e7cfc.tmp</t>
  </si>
  <si>
    <t>\\acsfs\profiles$\anafsb\Downloads\ec785e09-a9ba-4b6e-8185-2cdc974e7cfc.tmp</t>
  </si>
  <si>
    <t>01/23/2020 07:05:24</t>
  </si>
  <si>
    <t>01/23/2020 07:08:46</t>
  </si>
  <si>
    <t>463ac7aa-ca07-4db8-b267-dad3bf232770.tmp</t>
  </si>
  <si>
    <t>\\acsfs\profiles$\lucasgpe\Downloads\463ac7aa-ca07-4db8-b267-dad3bf232770.tmp</t>
  </si>
  <si>
    <t>01/23/2020 07:03:50</t>
  </si>
  <si>
    <t>d0107df3-22f1-48f2-9ab5-12094be3eb03.tmp</t>
  </si>
  <si>
    <t>\\acsfs\profiles$\eduardobb\Downloads\d0107df3-22f1-48f2-9ab5-12094be3eb03.tmp</t>
  </si>
  <si>
    <t>01/23/2020 07:04:33</t>
  </si>
  <si>
    <t>871381d4-4bf7-47f6-9136-ab92519a3e03.tmp</t>
  </si>
  <si>
    <t>\\acsfs\profiles$\eduardobb\Downloads\871381d4-4bf7-47f6-9136-ab92519a3e03.tmp</t>
  </si>
  <si>
    <t>01/23/2020 07:05:34</t>
  </si>
  <si>
    <t>b5143d69-cc6b-47e8-9331-2c3a0c55bf4c.tmp</t>
  </si>
  <si>
    <t>\\acsfs\profiles$\eduardobb\Downloads\b5143d69-cc6b-47e8-9331-2c3a0c55bf4c.tmp</t>
  </si>
  <si>
    <t>01/23/2020 07:09:46</t>
  </si>
  <si>
    <t>01/23/2020 07:06:40</t>
  </si>
  <si>
    <t>1f8fae4c-6576-435a-a3c0-52c761304ab3.tmp</t>
  </si>
  <si>
    <t>\\acsfs\profiles$\monicargds\Downloads\1f8fae4c-6576-435a-a3c0-52c761304ab3.tmp</t>
  </si>
  <si>
    <t>01/23/2020 07:11:46</t>
  </si>
  <si>
    <t>01/23/2020 07:08:12</t>
  </si>
  <si>
    <t>df44ab23-3081-4740-aed0-9a8e404a490f.tmp</t>
  </si>
  <si>
    <t>\\acsfs\profiles$\lorraynevam\Downloads\df44ab23-3081-4740-aed0-9a8e404a490f.tmp</t>
  </si>
  <si>
    <t>01/23/2020 07:08:59</t>
  </si>
  <si>
    <t>5f428330-6d75-4a73-91d8-1a7a7b475dcb.tmp</t>
  </si>
  <si>
    <t>\\acsfs\profiles$\lorraynevam\Downloads\5f428330-6d75-4a73-91d8-1a7a7b475dcb.tmp</t>
  </si>
  <si>
    <t>01/23/2020 07:11:44</t>
  </si>
  <si>
    <t>01/23/2020 07:12:47</t>
  </si>
  <si>
    <t>93035779-75b5-4700-93ef-ae3aabf82afd.tmp</t>
  </si>
  <si>
    <t>\\acsfs\profiles$\anafsb\Downloads\93035779-75b5-4700-93ef-ae3aabf82afd.tmp</t>
  </si>
  <si>
    <t>01/23/2020 07:10:09</t>
  </si>
  <si>
    <t>01/23/2020 07:14:46</t>
  </si>
  <si>
    <t>01/23/2020 07:15:46</t>
  </si>
  <si>
    <t>01/23/2020 07:13:31</t>
  </si>
  <si>
    <t>e866849b-1a58-4201-8c2a-d26b5e2b3111.tmp</t>
  </si>
  <si>
    <t>\\acsfs\profiles$\nathaliarmr\Downloads\e866849b-1a58-4201-8c2a-d26b5e2b3111.tmp</t>
  </si>
  <si>
    <t>01/23/2020 07:15:21</t>
  </si>
  <si>
    <t>55b5bb65-8b3f-4496-b967-155ee1195050.tmp</t>
  </si>
  <si>
    <t>\\acsfs\profiles$\nathaliarmr\Downloads\55b5bb65-8b3f-4496-b967-155ee1195050.tmp</t>
  </si>
  <si>
    <t>01/23/2020 07:14:31</t>
  </si>
  <si>
    <t>01/23/2020 07:17:47</t>
  </si>
  <si>
    <t>\\acsfs\profiles$\brendavdoa\Contacts\</t>
  </si>
  <si>
    <t>BRENDA VITORIA DE OLIVEIRA ALMEIDA (17453).contact</t>
  </si>
  <si>
    <t>\\acsfs\profiles$\brendavdoa\Contacts\BRENDA VITORIA DE OLIVEIRA ALMEIDA (17453).contact</t>
  </si>
  <si>
    <t>01/23/2020 07:14:10</t>
  </si>
  <si>
    <t>01/23/2020 07:14:11</t>
  </si>
  <si>
    <t>01/23/2020 07:16:12</t>
  </si>
  <si>
    <t>01/23/2020 07:18:47</t>
  </si>
  <si>
    <t>503d9bcb-5182-425e-a062-524c98439eae.tmp</t>
  </si>
  <si>
    <t>\\acsfs\profiles$\lucasgpe\Downloads\503d9bcb-5182-425e-a062-524c98439eae.tmp</t>
  </si>
  <si>
    <t>01/23/2020 07:19:48</t>
  </si>
  <si>
    <t>01/23/2020 07:20:22</t>
  </si>
  <si>
    <t>01/23/2020 07:21:47</t>
  </si>
  <si>
    <t>6a8a27c8-c1ae-4b07-893d-a23c56a8b032.tmp</t>
  </si>
  <si>
    <t>\\acsfs\profiles$\inarajst\Downloads\6a8a27c8-c1ae-4b07-893d-a23c56a8b032.tmp</t>
  </si>
  <si>
    <t>01/23/2020 07:20:33</t>
  </si>
  <si>
    <t>0f0936e2-7c5b-4321-803c-8880123a38fd.tmp</t>
  </si>
  <si>
    <t>\\acsfs\profiles$\inarajst\Downloads\0f0936e2-7c5b-4321-803c-8880123a38fd.tmp</t>
  </si>
  <si>
    <t>01/23/2020 07:20:49</t>
  </si>
  <si>
    <t>04be06a3-a9d3-4ed6-a110-655a6ee67e99.tmp</t>
  </si>
  <si>
    <t>\\acsfs\profiles$\inarajst\Downloads\04be06a3-a9d3-4ed6-a110-655a6ee67e99.tmp</t>
  </si>
  <si>
    <t>01/23/2020 07:21:03</t>
  </si>
  <si>
    <t>cff7775a-482b-4e5e-99f1-a88e17004614.tmp</t>
  </si>
  <si>
    <t>\\acsfs\profiles$\inarajst\Downloads\cff7775a-482b-4e5e-99f1-a88e17004614.tmp</t>
  </si>
  <si>
    <t>01/23/2020 07:18:48</t>
  </si>
  <si>
    <t>01/23/2020 07:22:47</t>
  </si>
  <si>
    <t>879bf8c1-f84e-46fe-9dfe-c06162af8b18.tmp</t>
  </si>
  <si>
    <t>\\acsfs\profiles$\anafsb\Downloads\879bf8c1-f84e-46fe-9dfe-c06162af8b18.tmp</t>
  </si>
  <si>
    <t>01/23/2020 07:20:17</t>
  </si>
  <si>
    <t>01/23/2020 07:20:18</t>
  </si>
  <si>
    <t>01/23/2020 07:20:19</t>
  </si>
  <si>
    <t>01/23/2020 07:20:20</t>
  </si>
  <si>
    <t>01/23/2020 07:20:21</t>
  </si>
  <si>
    <t>01/23/2020 07:20:24</t>
  </si>
  <si>
    <t>01/23/2020 07:20:25</t>
  </si>
  <si>
    <t>01/23/2020 07:20:26</t>
  </si>
  <si>
    <t>01/23/2020 07:20:27</t>
  </si>
  <si>
    <t>01/23/2020 07:20:28</t>
  </si>
  <si>
    <t>01/23/2020 07:20:29</t>
  </si>
  <si>
    <t>01/23/2020 07:20:30</t>
  </si>
  <si>
    <t>01/23/2020 07:20:31</t>
  </si>
  <si>
    <t>01/23/2020 07:20:32</t>
  </si>
  <si>
    <t>01/23/2020 07:20:34</t>
  </si>
  <si>
    <t>01/23/2020 07:20:35</t>
  </si>
  <si>
    <t>01/23/2020 07:20:36</t>
  </si>
  <si>
    <t>01/23/2020 07:20:37</t>
  </si>
  <si>
    <t>01/23/2020 07:20:38</t>
  </si>
  <si>
    <t>01/23/2020 07:20:39</t>
  </si>
  <si>
    <t>01/23/2020 07:23:34</t>
  </si>
  <si>
    <t>01/23/2020 07:24:48</t>
  </si>
  <si>
    <t>834b22ec-bfd5-4fc5-8a4e-64d5853df030.tmp</t>
  </si>
  <si>
    <t>\\acsfs\profiles$\websondsa\Downloads\834b22ec-bfd5-4fc5-8a4e-64d5853df030.tmp</t>
  </si>
  <si>
    <t>01/23/2020 07:23:43</t>
  </si>
  <si>
    <t>df04bff2-113e-430a-8a5e-402dbdb40cf6.tmp</t>
  </si>
  <si>
    <t>\\acsfs\profiles$\websondsa\Downloads\df04bff2-113e-430a-8a5e-402dbdb40cf6.tmp</t>
  </si>
  <si>
    <t>01/23/2020 07:22:17</t>
  </si>
  <si>
    <t>01/23/2020 07:26:47</t>
  </si>
  <si>
    <t>587d0830-d8da-4aaf-8476-5abdebb57f4a.tmp</t>
  </si>
  <si>
    <t>\\acsfs\profiles$\inarajst\Downloads\587d0830-d8da-4aaf-8476-5abdebb57f4a.tmp</t>
  </si>
  <si>
    <t>01/23/2020 07:28:47</t>
  </si>
  <si>
    <t>01/23/2020 07:24:30</t>
  </si>
  <si>
    <t>01/23/2020 07:29:48</t>
  </si>
  <si>
    <t>ee593e21-d75c-4878-8170-71f03bb3e598.tmp</t>
  </si>
  <si>
    <t>\\acsfs\profiles$\websondsa\Downloads\ee593e21-d75c-4878-8170-71f03bb3e598.tmp</t>
  </si>
  <si>
    <t>01/23/2020 07:24:33</t>
  </si>
  <si>
    <t>ce218f03-de42-4c7a-b052-774f4661a26b.tmp</t>
  </si>
  <si>
    <t>\\acsfs\profiles$\websondsa\Downloads\ce218f03-de42-4c7a-b052-774f4661a26b.tmp</t>
  </si>
  <si>
    <t>01/23/2020 07:24:34</t>
  </si>
  <si>
    <t>72c830ad-d914-4089-8531-62fff877f8e7.tmp</t>
  </si>
  <si>
    <t>\\acsfs\profiles$\websondsa\Downloads\72c830ad-d914-4089-8531-62fff877f8e7.tmp</t>
  </si>
  <si>
    <t>01/23/2020 07:26:24</t>
  </si>
  <si>
    <t>39814c83-dc87-4208-a050-8e0b075d0bcb.tmp</t>
  </si>
  <si>
    <t>\\acsfs\profiles$\websondsa\Downloads\39814c83-dc87-4208-a050-8e0b075d0bcb.tmp</t>
  </si>
  <si>
    <t>01/23/2020 07:27:12</t>
  </si>
  <si>
    <t>cb156d90-c440-4e51-9a73-5522e7a31866.tmp</t>
  </si>
  <si>
    <t>\\acsfs\profiles$\websondsa\Downloads\cb156d90-c440-4e51-9a73-5522e7a31866.tmp</t>
  </si>
  <si>
    <t>01/23/2020 07:30:47</t>
  </si>
  <si>
    <t>552dc696-49cb-4d50-9c56-492aa2f58214.tmp</t>
  </si>
  <si>
    <t>\\acsfs\profiles$\marcosvnds\Downloads\552dc696-49cb-4d50-9c56-492aa2f58214.tmp</t>
  </si>
  <si>
    <t>01/23/2020 07:25:37</t>
  </si>
  <si>
    <t>e67ee470-44c2-4828-9143-73ab36fe055d.tmp</t>
  </si>
  <si>
    <t>\\acsfs\profiles$\sarahbal\Downloads\e67ee470-44c2-4828-9143-73ab36fe055d.tmp</t>
  </si>
  <si>
    <t>01/23/2020 07:26:09</t>
  </si>
  <si>
    <t>a7453cb6-f7a5-4a06-9e9e-dd133fa5dca5.tmp</t>
  </si>
  <si>
    <t>\\acsfs\profiles$\sarahbal\Downloads\a7453cb6-f7a5-4a06-9e9e-dd133fa5dca5.tmp</t>
  </si>
  <si>
    <t>01/23/2020 07:26:58</t>
  </si>
  <si>
    <t>d5f93735-5788-47c8-9b66-646970fa0a13.tmp</t>
  </si>
  <si>
    <t>\\acsfs\profiles$\sarahbal\Downloads\d5f93735-5788-47c8-9b66-646970fa0a13.tmp</t>
  </si>
  <si>
    <t>01/23/2020 07:27:13</t>
  </si>
  <si>
    <t>7dff76cc-48b2-408e-b15d-cc4673a61593.tmp</t>
  </si>
  <si>
    <t>\\acsfs\profiles$\sarahbal\Downloads\7dff76cc-48b2-408e-b15d-cc4673a61593.tmp</t>
  </si>
  <si>
    <t>01/23/2020 07:27:14</t>
  </si>
  <si>
    <t>01/23/2020 07:31:48</t>
  </si>
  <si>
    <t>a3df9d33-5853-4025-afbe-eee4241ba3ff.tmp</t>
  </si>
  <si>
    <t>\\acsfs\profiles$\inarajst\Downloads\a3df9d33-5853-4025-afbe-eee4241ba3ff.tmp</t>
  </si>
  <si>
    <t>01/23/2020 07:29:49</t>
  </si>
  <si>
    <t>9a6d2381-a470-4ac4-b866-d9e2a17cd991.tmp</t>
  </si>
  <si>
    <t>\\acsfs\profiles$\inarajst\Downloads\9a6d2381-a470-4ac4-b866-d9e2a17cd991.tmp</t>
  </si>
  <si>
    <t>01/23/2020 07:34:47</t>
  </si>
  <si>
    <t>01/23/2020 07:30:13</t>
  </si>
  <si>
    <t>b7038b78-5542-455a-bd16-bb4892e00217.tmp</t>
  </si>
  <si>
    <t>\\acsfs\profiles$\mariajra\Downloads\b7038b78-5542-455a-bd16-bb4892e00217.tmp</t>
  </si>
  <si>
    <t>01/23/2020 07:31:19</t>
  </si>
  <si>
    <t>2b2793fc-346c-42a3-9da2-c55662d8a467.tmp</t>
  </si>
  <si>
    <t>\\acsfs\profiles$\mariajra\Downloads\2b2793fc-346c-42a3-9da2-c55662d8a467.tmp</t>
  </si>
  <si>
    <t>01/23/2020 07:33:52</t>
  </si>
  <si>
    <t>63598802-861d-495a-857f-5e33e92d5b60.tmp</t>
  </si>
  <si>
    <t>\\acsfs\profiles$\mariajra\Downloads\63598802-861d-495a-857f-5e33e92d5b60.tmp</t>
  </si>
  <si>
    <t>01/23/2020 07:33:58</t>
  </si>
  <si>
    <t>715f8622-7040-41d0-89d9-a93ec9fb2cc2.tmp</t>
  </si>
  <si>
    <t>\\acsfs\profiles$\mariajra\Downloads\715f8622-7040-41d0-89d9-a93ec9fb2cc2.tmp</t>
  </si>
  <si>
    <t>01/23/2020 07:34:01</t>
  </si>
  <si>
    <t>f886a06a-b906-4c8e-b445-38a3389de646.tmp</t>
  </si>
  <si>
    <t>\\acsfs\profiles$\mariajra\Downloads\f886a06a-b906-4c8e-b445-38a3389de646.tmp</t>
  </si>
  <si>
    <t>01/23/2020 07:35:47</t>
  </si>
  <si>
    <t>01/23/2020 07:30:06</t>
  </si>
  <si>
    <t>439a538b-efc0-4bb6-af61-a816601a8da2.tmp</t>
  </si>
  <si>
    <t>\\acsfs\profiles$\marcosvnds\Downloads\439a538b-efc0-4bb6-af61-a816601a8da2.tmp</t>
  </si>
  <si>
    <t>01/23/2020 07:30:25</t>
  </si>
  <si>
    <t>4f1ea4e4-e9ed-42ce-9f46-45cca450fe44.tmp</t>
  </si>
  <si>
    <t>\\acsfs\profiles$\marcosvnds\Downloads\4f1ea4e4-e9ed-42ce-9f46-45cca450fe44.tmp</t>
  </si>
  <si>
    <t>01/23/2020 07:30:26</t>
  </si>
  <si>
    <t>82d0a070-0c0d-4349-af5c-d9c61ffd7a34.tmp</t>
  </si>
  <si>
    <t>\\acsfs\profiles$\marcosvnds\Downloads\82d0a070-0c0d-4349-af5c-d9c61ffd7a34.tmp</t>
  </si>
  <si>
    <t>01/23/2020 07:33:38</t>
  </si>
  <si>
    <t>81076db4-9b14-4bda-9075-82ef9bd4b121.tmp</t>
  </si>
  <si>
    <t>\\acsfs\profiles$\marcosvnds\Downloads\81076db4-9b14-4bda-9075-82ef9bd4b121.tmp</t>
  </si>
  <si>
    <t>01/23/2020 07:37:47</t>
  </si>
  <si>
    <t>01/23/2020 07:35:48</t>
  </si>
  <si>
    <t>https://udpmailboxap01.acs.com.br:8443/h/search?si=1&amp;so=0&amp;sc=82689&amp;st=conversation&amp;action=compose&amp;paction=paneview2</t>
  </si>
  <si>
    <t>01/23/2020 07:36:18</t>
  </si>
  <si>
    <t>01/23/2020 07:36:48</t>
  </si>
  <si>
    <t>01/23/2020 07:34:40</t>
  </si>
  <si>
    <t>01/23/2020 07:39:48</t>
  </si>
  <si>
    <t>967392ad-f912-460c-bf58-63de73c6c441.tmp</t>
  </si>
  <si>
    <t>\\acsfs\profiles$\mariajra\Downloads\967392ad-f912-460c-bf58-63de73c6c441.tmp</t>
  </si>
  <si>
    <t>01/23/2020 07:36:13</t>
  </si>
  <si>
    <t>01/23/2020 07:40:47</t>
  </si>
  <si>
    <t>5b7c057b-eba0-4980-bf99-bba92a4e4767.tmp</t>
  </si>
  <si>
    <t>\\acsfs\profiles$\vivianalds\Downloads\5b7c057b-eba0-4980-bf99-bba92a4e4767.tmp</t>
  </si>
  <si>
    <t>01/23/2020 07:36:50</t>
  </si>
  <si>
    <t>d6fb5553-40e5-43dc-9181-8b22987353a3.tmp</t>
  </si>
  <si>
    <t>\\acsfs\profiles$\vivianalds\Downloads\d6fb5553-40e5-43dc-9181-8b22987353a3.tmp</t>
  </si>
  <si>
    <t>01/23/2020 07:38:03</t>
  </si>
  <si>
    <t>e26547fa-5434-4bf6-9379-47a53af4fdfa.tmp</t>
  </si>
  <si>
    <t>\\acsfs\profiles$\vivianalds\Downloads\e26547fa-5434-4bf6-9379-47a53af4fdfa.tmp</t>
  </si>
  <si>
    <t>01/23/2020 07:38:42</t>
  </si>
  <si>
    <t>lu9872zhnat.tmp</t>
  </si>
  <si>
    <t>\\acsfs\profiles$\VIVIANALDS\My Documents\lu9872zhnat.tmp</t>
  </si>
  <si>
    <t>\\acsfs\profiles$\VIVIANALDS\My Documents\lu9872zhnat.tmp\</t>
  </si>
  <si>
    <t>\\acsfs\profiles$\VIVIANALDS\My Documents\lu9872zhnat.tmp\META-INF\</t>
  </si>
  <si>
    <t>\\acsfs\profiles$\VIVIANALDS\My Documents\lu9872zhnat.tmp\Thumbnails\</t>
  </si>
  <si>
    <t>01/23/2020 07:39:46</t>
  </si>
  <si>
    <t>73a1a6cc-dd42-4207-8d82-a0425a2f76a3.tmp</t>
  </si>
  <si>
    <t>\\acsfs\profiles$\danielpdl\Downloads\73a1a6cc-dd42-4207-8d82-a0425a2f76a3.tmp</t>
  </si>
  <si>
    <t>01/23/2020 07:41:08</t>
  </si>
  <si>
    <t>01/23/2020 07:42:47</t>
  </si>
  <si>
    <t>\\acsfs\profiles$\pamelamcmdsg\Downloads\</t>
  </si>
  <si>
    <t>d3c8c57a-e20a-4520-9348-3501e3b72405.tmp</t>
  </si>
  <si>
    <t>\\acsfs\profiles$\pamelamcmdsg\Downloads\d3c8c57a-e20a-4520-9348-3501e3b72405.tmp</t>
  </si>
  <si>
    <t>01/23/2020 07:41:17</t>
  </si>
  <si>
    <t>Não confirmado 103970.crdownload</t>
  </si>
  <si>
    <t>\\acsfs\profiles$\pamelamcmdsg\Downloads\Não confirmado 103970.crdownload</t>
  </si>
  <si>
    <t>01/23/2020 07:37:18</t>
  </si>
  <si>
    <t>01/23/2020 07:37:48</t>
  </si>
  <si>
    <t>01/23/2020 07:41:18</t>
  </si>
  <si>
    <t>01/23/2020 07:41:48</t>
  </si>
  <si>
    <t>01/23/2020 07:44:47</t>
  </si>
  <si>
    <t>01/23/2020 07:44:10</t>
  </si>
  <si>
    <t>4f4a3fbc-5ebe-4363-b346-94255ed784ef.tmp</t>
  </si>
  <si>
    <t>\\acsfs\profiles$\luanarda\Downloads\4f4a3fbc-5ebe-4363-b346-94255ed784ef.tmp</t>
  </si>
  <si>
    <t>01/23/2020 07:45:48</t>
  </si>
  <si>
    <t>01/23/2020 07:41:33</t>
  </si>
  <si>
    <t>01/23/2020 07:46:47</t>
  </si>
  <si>
    <t>01/23/2020 07:45:30</t>
  </si>
  <si>
    <t>01/23/2020 07:47:48</t>
  </si>
  <si>
    <t>ec4189a1-9092-4b29-a145-882c88f778ef.tmp</t>
  </si>
  <si>
    <t>\\acsfs\profiles$\pamelamcmdsg\Downloads\ec4189a1-9092-4b29-a145-882c88f778ef.tmp</t>
  </si>
  <si>
    <t>01/23/2020 07:45:40</t>
  </si>
  <si>
    <t>Não confirmado 255616.crdownload</t>
  </si>
  <si>
    <t>\\acsfs\profiles$\pamelamcmdsg\Downloads\Não confirmado 255616.crdownload</t>
  </si>
  <si>
    <t>01/23/2020 07:46:07</t>
  </si>
  <si>
    <t>dc33c113-592b-4a26-896c-53b81467b2d9.tmp</t>
  </si>
  <si>
    <t>\\acsfs\profiles$\pamelamcmdsg\Downloads\dc33c113-592b-4a26-896c-53b81467b2d9.tmp</t>
  </si>
  <si>
    <t>01/23/2020 07:46:13</t>
  </si>
  <si>
    <t>4195f3e2-2ad6-4534-9fb2-41a0a1a637d5.tmp</t>
  </si>
  <si>
    <t>\\acsfs\profiles$\pamelamcmdsg\Downloads\4195f3e2-2ad6-4534-9fb2-41a0a1a637d5.tmp</t>
  </si>
  <si>
    <t>01/23/2020 07:46:20</t>
  </si>
  <si>
    <t>002762a5-3a39-4634-aa61-8d135fbe8a1d.tmp</t>
  </si>
  <si>
    <t>\\acsfs\profiles$\pamelamcmdsg\Downloads\002762a5-3a39-4634-aa61-8d135fbe8a1d.tmp</t>
  </si>
  <si>
    <t>01/23/2020 07:46:42</t>
  </si>
  <si>
    <t>e0dd59c7-b56c-44aa-ae37-47e852546065.tmp</t>
  </si>
  <si>
    <t>\\acsfs\profiles$\pamelamcmdsg\Downloads\e0dd59c7-b56c-44aa-ae37-47e852546065.tmp</t>
  </si>
  <si>
    <t>01/23/2020 07:46:49</t>
  </si>
  <si>
    <t>7041cad2-b686-496d-93c0-7afc6cc40dd9.tmp</t>
  </si>
  <si>
    <t>\\acsfs\profiles$\pamelamcmdsg\Downloads\7041cad2-b686-496d-93c0-7afc6cc40dd9.tmp</t>
  </si>
  <si>
    <t>01/23/2020 07:42:18</t>
  </si>
  <si>
    <t>01/23/2020 07:42:48</t>
  </si>
  <si>
    <t>01/23/2020 07:43:18</t>
  </si>
  <si>
    <t>01/23/2020 07:43:48</t>
  </si>
  <si>
    <t>01/23/2020 07:48:18</t>
  </si>
  <si>
    <t>01/23/2020 07:49:47</t>
  </si>
  <si>
    <t>ea16e320-3fbd-426e-a029-40ba90301cfa.tmp</t>
  </si>
  <si>
    <t>\\acsfs\profiles$\luanarda\Downloads\ea16e320-3fbd-426e-a029-40ba90301cfa.tmp</t>
  </si>
  <si>
    <t>01/23/2020 07:46:28</t>
  </si>
  <si>
    <t>01/23/2020 07:50:47</t>
  </si>
  <si>
    <t>01/23/2020 07:46:29</t>
  </si>
  <si>
    <t>lu9872zhnax.tmp</t>
  </si>
  <si>
    <t>\\acsfs\profiles$\VIVIANALDS\My Documents\lu9872zhnax.tmp</t>
  </si>
  <si>
    <t>\\acsfs\profiles$\VIVIANALDS\My Documents\lu9872zhnax.tmp\</t>
  </si>
  <si>
    <t>\\acsfs\profiles$\VIVIANALDS\My Documents\lu9872zhnax.tmp\META-INF\</t>
  </si>
  <si>
    <t>\\acsfs\profiles$\VIVIANALDS\My Documents\lu9872zhnax.tmp\Thumbnails\</t>
  </si>
  <si>
    <t>01/23/2020 07:48:19</t>
  </si>
  <si>
    <t>01/23/2020 07:52:48</t>
  </si>
  <si>
    <t>47735377-0be9-451d-af05-94e39ebfc8b9.tmp</t>
  </si>
  <si>
    <t>\\acsfs\profiles$\pamelamcmdsg\Downloads\47735377-0be9-451d-af05-94e39ebfc8b9.tmp</t>
  </si>
  <si>
    <t>01/23/2020 07:48:22</t>
  </si>
  <si>
    <t>95ac7348-9ff9-4352-8b34-100d854726de.tmp</t>
  </si>
  <si>
    <t>\\acsfs\profiles$\pamelamcmdsg\Downloads\95ac7348-9ff9-4352-8b34-100d854726de.tmp</t>
  </si>
  <si>
    <t>01/23/2020 07:49:30</t>
  </si>
  <si>
    <t>66f62625-ad00-4319-a405-d136cad88b96.tmp</t>
  </si>
  <si>
    <t>\\acsfs\profiles$\pamelamcmdsg\Downloads\66f62625-ad00-4319-a405-d136cad88b96.tmp</t>
  </si>
  <si>
    <t>01/23/2020 07:50:37</t>
  </si>
  <si>
    <t>8b0b8a21-7814-4fa3-b1af-dc5fd369c477.tmp</t>
  </si>
  <si>
    <t>\\acsfs\profiles$\pamelamcmdsg\Downloads\8b0b8a21-7814-4fa3-b1af-dc5fd369c477.tmp</t>
  </si>
  <si>
    <t>01/23/2020 07:51:27</t>
  </si>
  <si>
    <t>3fa59124-ce50-4d9b-bde9-8fce0e9982ed.tmp</t>
  </si>
  <si>
    <t>\\acsfs\profiles$\pamelamcmdsg\Downloads\3fa59124-ce50-4d9b-bde9-8fce0e9982ed.tmp</t>
  </si>
  <si>
    <t>01/23/2020 07:51:36</t>
  </si>
  <si>
    <t>dc6cc4e0-3f00-4aa5-ba02-e43ef90eaf3f.tmp</t>
  </si>
  <si>
    <t>\\acsfs\profiles$\pamelamcmdsg\Downloads\dc6cc4e0-3f00-4aa5-ba02-e43ef90eaf3f.tmp</t>
  </si>
  <si>
    <t>01/23/2020 07:51:00</t>
  </si>
  <si>
    <t>ab74db71-11af-44a1-a1b2-fbe16f4c6b87.tmp</t>
  </si>
  <si>
    <t>\\acsfs\profiles$\nayarasds\Downloads\ab74db71-11af-44a1-a1b2-fbe16f4c6b87.tmp</t>
  </si>
  <si>
    <t>01/23/2020 07:51:48</t>
  </si>
  <si>
    <t>f7ec649a-8d68-419d-96ae-2a4b0f360e69.tmp</t>
  </si>
  <si>
    <t>\\acsfs\profiles$\nayarasds\Downloads\f7ec649a-8d68-419d-96ae-2a4b0f360e69.tmp</t>
  </si>
  <si>
    <t>01/23/2020 07:51:53</t>
  </si>
  <si>
    <t>d5abb26a-3ccf-43ed-af8f-3298a0ded58d.tmp</t>
  </si>
  <si>
    <t>\\acsfs\profiles$\nayarasds\Downloads\d5abb26a-3ccf-43ed-af8f-3298a0ded58d.tmp</t>
  </si>
  <si>
    <t>01/23/2020 07:52:29</t>
  </si>
  <si>
    <t>ae4e729f-1a86-4a18-aee0-00f956c03552.tmp</t>
  </si>
  <si>
    <t>\\acsfs\profiles$\nayarasds\Downloads\ae4e729f-1a86-4a18-aee0-00f956c03552.tmp</t>
  </si>
  <si>
    <t>01/23/2020 07:54:48</t>
  </si>
  <si>
    <t>91d64729-3d5b-4730-b1bd-c5b8e615da3d.tmp</t>
  </si>
  <si>
    <t>\\acsfs\profiles$\mariajra\Downloads\91d64729-3d5b-4730-b1bd-c5b8e615da3d.tmp</t>
  </si>
  <si>
    <t>01/23/2020 07:55:47</t>
  </si>
  <si>
    <t>01/23/2020 07:51:10</t>
  </si>
  <si>
    <t>5f10077b-7ce2-447f-9611-bf6e2bcfe2dd.tmp</t>
  </si>
  <si>
    <t>\\acsfs\profiles$\nathaliarmr\Downloads\5f10077b-7ce2-447f-9611-bf6e2bcfe2dd.tmp</t>
  </si>
  <si>
    <t>01/23/2020 07:56:47</t>
  </si>
  <si>
    <t>c888af4f-420f-4ee0-a76a-6ac75a0d4d55.tmp</t>
  </si>
  <si>
    <t>\\acsfs\profiles$\inarajst\Downloads\c888af4f-420f-4ee0-a76a-6ac75a0d4d55.tmp</t>
  </si>
  <si>
    <t>01/23/2020 07:51:41</t>
  </si>
  <si>
    <t>c4d4075d-d28d-436b-9ed4-96da087aa5d6.tmp</t>
  </si>
  <si>
    <t>\\acsfs\profiles$\inarajst\Downloads\c4d4075d-d28d-436b-9ed4-96da087aa5d6.tmp</t>
  </si>
  <si>
    <t>01/23/2020 07:54:34</t>
  </si>
  <si>
    <t>ee8f1bc7-11a5-486d-bb9c-c32d4c3eb8ec.tmp</t>
  </si>
  <si>
    <t>\\acsfs\profiles$\ALYNYA\Downloads\ee8f1bc7-11a5-486d-bb9c-c32d4c3eb8ec.tmp</t>
  </si>
  <si>
    <t>01/23/2020 07:53:26</t>
  </si>
  <si>
    <t>01/23/2020 07:57:47</t>
  </si>
  <si>
    <t>661fc0de-e694-4ddb-8764-c0c375542bea.tmp</t>
  </si>
  <si>
    <t>\\acsfs\profiles$\nayarasds\Downloads\661fc0de-e694-4ddb-8764-c0c375542bea.tmp</t>
  </si>
  <si>
    <t>01/23/2020 07:57:15</t>
  </si>
  <si>
    <t>c561003c-c1d0-40f3-b747-ab190bfee910.tmp</t>
  </si>
  <si>
    <t>\\acsfs\profiles$\nayarasds\Downloads\c561003c-c1d0-40f3-b747-ab190bfee910.tmp</t>
  </si>
  <si>
    <t>01/23/2020 07:52:50</t>
  </si>
  <si>
    <t>01/23/2020 07:58:48</t>
  </si>
  <si>
    <t>01/23/2020 07:52:51</t>
  </si>
  <si>
    <t>01/23/2020 07:57:46</t>
  </si>
  <si>
    <t>42b47563-922c-469e-8149-992973458fc5.tmp</t>
  </si>
  <si>
    <t>\\acsfs\profiles$\felipetds\Downloads\42b47563-922c-469e-8149-992973458fc5.tmp</t>
  </si>
  <si>
    <t>01/23/2020 07:56:08</t>
  </si>
  <si>
    <t>01/23/2020 07:59:47</t>
  </si>
  <si>
    <t>36c0fc0e-e38b-4715-930a-2f90718756df.tmp</t>
  </si>
  <si>
    <t>\\acsfs\profiles$\pamelamcmdsg\Downloads\36c0fc0e-e38b-4715-930a-2f90718756df.tmp</t>
  </si>
  <si>
    <t>01/23/2020 07:57:03</t>
  </si>
  <si>
    <t>a8d46f19-e553-4656-bc28-90c46349d94f.tmp</t>
  </si>
  <si>
    <t>\\acsfs\profiles$\pamelamcmdsg\Downloads\a8d46f19-e553-4656-bc28-90c46349d94f.tmp</t>
  </si>
  <si>
    <t>01/23/2020 08:00:47</t>
  </si>
  <si>
    <t>01/23/2020 08:00:48</t>
  </si>
  <si>
    <t>01/23/2020 07:59:46</t>
  </si>
  <si>
    <t>01/23/2020 07:59:48</t>
  </si>
  <si>
    <t>01/23/2020 07:59:49</t>
  </si>
  <si>
    <t>01/23/2020 07:59:50</t>
  </si>
  <si>
    <t>01/23/2020 07:59:51</t>
  </si>
  <si>
    <t>01/23/2020 07:59:52</t>
  </si>
  <si>
    <t>01/23/2020 07:59:53</t>
  </si>
  <si>
    <t>01/23/2020 07:59:54</t>
  </si>
  <si>
    <t>01/23/2020 07:59:55</t>
  </si>
  <si>
    <t>01/23/2020 07:59:56</t>
  </si>
  <si>
    <t>01/23/2020 07:59:57</t>
  </si>
  <si>
    <t>01/23/2020 07:59:58</t>
  </si>
  <si>
    <t>01/23/2020 07:59:59</t>
  </si>
  <si>
    <t>01/23/2020 08:00:00</t>
  </si>
  <si>
    <t>01/23/2020 08:00:01</t>
  </si>
  <si>
    <t>01/23/2020 08:00:02</t>
  </si>
  <si>
    <t>01/23/2020 08:00:03</t>
  </si>
  <si>
    <t>01/23/2020 08:00:04</t>
  </si>
  <si>
    <t>01/23/2020 08:00:05</t>
  </si>
  <si>
    <t>01/23/2020 08:00:06</t>
  </si>
  <si>
    <t>01/23/2020 08:00:07</t>
  </si>
  <si>
    <t>01/23/2020 08:00:08</t>
  </si>
  <si>
    <t>01/23/2020 07:58:23</t>
  </si>
  <si>
    <t>01/23/2020 08:02:48</t>
  </si>
  <si>
    <t>d4c19747-e4bd-4fdd-9226-621be6b86c0a.tmp</t>
  </si>
  <si>
    <t>\\acsfs\profiles$\wenderbnm\Downloads\d4c19747-e4bd-4fdd-9226-621be6b86c0a.tmp</t>
  </si>
  <si>
    <t>01/23/2020 07:59:27</t>
  </si>
  <si>
    <t>f76c7ce9-ef1b-4aac-92b1-19ec359ac8d2.tmp</t>
  </si>
  <si>
    <t>\\acsfs\profiles$\wenderbnm\Downloads\f76c7ce9-ef1b-4aac-92b1-19ec359ac8d2.tmp</t>
  </si>
  <si>
    <t>01/23/2020 07:58:42</t>
  </si>
  <si>
    <t>8a520478-b530-4084-9c22-abf01e09a2d6.tmp</t>
  </si>
  <si>
    <t>\\acsfs\profiles$\laianear\Downloads\8a520478-b530-4084-9c22-abf01e09a2d6.tmp</t>
  </si>
  <si>
    <t>a5e0b448-98a9-4c62-b535-fca61ebd2d41.tmp</t>
  </si>
  <si>
    <t>\\acsfs\profiles$\laianear\Downloads\a5e0b448-98a9-4c62-b535-fca61ebd2d41.tmp</t>
  </si>
  <si>
    <t>01/23/2020 08:01:59</t>
  </si>
  <si>
    <t>01/23/2020 08:03:47</t>
  </si>
  <si>
    <t>291e80a3-5f90-47e0-82ab-3acff1837a10.tmp</t>
  </si>
  <si>
    <t>\\acsfs\profiles$\DALVADFB\Downloads\291e80a3-5f90-47e0-82ab-3acff1837a10.tmp</t>
  </si>
  <si>
    <t>01/23/2020 08:02:05</t>
  </si>
  <si>
    <t>4588440a-6380-4bb3-a55f-b38603f312ef.tmp</t>
  </si>
  <si>
    <t>\\acsfs\profiles$\DALVADFB\Downloads\4588440a-6380-4bb3-a55f-b38603f312ef.tmp</t>
  </si>
  <si>
    <t>BANCO DE DADOS - OPERAÇÃO.xlsx</t>
  </si>
  <si>
    <t>\\acsfs\Deptos\Operacao\Banco_Votorantim\Supervisao\SUPERS BV CARTÕES\BANCO DE DADOS - OPERAÇÃO.xlsx</t>
  </si>
  <si>
    <t>01/23/2020 08:00:13</t>
  </si>
  <si>
    <t>01/23/2020 08:00:39</t>
  </si>
  <si>
    <t>01/23/2020 07:58:49</t>
  </si>
  <si>
    <t>320492ae-0d6a-4f70-916e-e57043b5effc.tmp</t>
  </si>
  <si>
    <t>\\acsfs\profiles$\felipetds\Downloads\320492ae-0d6a-4f70-916e-e57043b5effc.tmp</t>
  </si>
  <si>
    <t>5d291c60-4644-4005-8276-ca12e1042047.tmp</t>
  </si>
  <si>
    <t>\\acsfs\profiles$\paulovadc\Downloads\5d291c60-4644-4005-8276-ca12e1042047.tmp</t>
  </si>
  <si>
    <t>01/23/2020 08:01:49</t>
  </si>
  <si>
    <t>01/23/2020 08:04:48</t>
  </si>
  <si>
    <t>ee5ee46c-9247-4e33-ba61-156fc66feb14.tmp</t>
  </si>
  <si>
    <t>\\acsfs\profiles$\ERICALSR\Downloads\ee5ee46c-9247-4e33-ba61-156fc66feb14.tmp</t>
  </si>
  <si>
    <t>01/23/2020 08:03:16</t>
  </si>
  <si>
    <t>e09c3cc4-9849-457a-af40-396890fe20fe.tmp</t>
  </si>
  <si>
    <t>\\acsfs\profiles$\ERICALSR\Downloads\e09c3cc4-9849-457a-af40-396890fe20fe.tmp</t>
  </si>
  <si>
    <t>01/23/2020 07:59:38</t>
  </si>
  <si>
    <t>a06b7932-0e6a-49da-906e-2e0318c2a3f8.tmp</t>
  </si>
  <si>
    <t>\\acsfs\profiles$\geovannasm\Downloads\a06b7932-0e6a-49da-906e-2e0318c2a3f8.tmp</t>
  </si>
  <si>
    <t>01/23/2020 08:00:14</t>
  </si>
  <si>
    <t>68e3eefc-a665-4ae4-b4a3-18ccc95e1042.tmp</t>
  </si>
  <si>
    <t>\\acsfs\profiles$\geovannasm\Downloads\68e3eefc-a665-4ae4-b4a3-18ccc95e1042.tmp</t>
  </si>
  <si>
    <t>878a91b3-33fa-4d0a-8186-8e4c571d1a0b.tmp</t>
  </si>
  <si>
    <t>\\acsfs\profiles$\geovannasm\Downloads\878a91b3-33fa-4d0a-8186-8e4c571d1a0b.tmp</t>
  </si>
  <si>
    <t>01/23/2020 08:00:30</t>
  </si>
  <si>
    <t>a0ea54ad-1d94-42b9-a10e-9ccc3765e673.tmp</t>
  </si>
  <si>
    <t>\\acsfs\profiles$\RAFAELRF\Downloads\a0ea54ad-1d94-42b9-a10e-9ccc3765e673.tmp</t>
  </si>
  <si>
    <t>01/23/2020 08:02:44</t>
  </si>
  <si>
    <t>6cbdbcc3-5a66-4621-a969-b19a0058068c.tmp</t>
  </si>
  <si>
    <t>\\acsfs\profiles$\geovannasm\Downloads\6cbdbcc3-5a66-4621-a969-b19a0058068c.tmp</t>
  </si>
  <si>
    <t>01/23/2020 08:02:33</t>
  </si>
  <si>
    <t>944d1229-fc68-4307-9257-d8264ec19587.tmp</t>
  </si>
  <si>
    <t>\\acsfs\profiles$\RAFAELRF\Downloads\944d1229-fc68-4307-9257-d8264ec19587.tmp</t>
  </si>
  <si>
    <t>c0e97fae-a10a-4e2d-9041-396f51f60830.tmp</t>
  </si>
  <si>
    <t>\\acsfs\profiles$\RAFAELRF\Downloads\c0e97fae-a10a-4e2d-9041-396f51f60830.tmp</t>
  </si>
  <si>
    <t>01/23/2020 08:05:47</t>
  </si>
  <si>
    <t>01/23/2020 08:04:44</t>
  </si>
  <si>
    <t>01/23/2020 08:04:57</t>
  </si>
  <si>
    <t>01/23/2020 08:06:48</t>
  </si>
  <si>
    <t>01/23/2020 08:05:18</t>
  </si>
  <si>
    <t>01/23/2020 08:07:47</t>
  </si>
  <si>
    <t>01/23/2020 08:05:48</t>
  </si>
  <si>
    <t>01/23/2020 08:06:22</t>
  </si>
  <si>
    <t>e213408c-d64b-4472-a63b-91d689a65c26.tmp</t>
  </si>
  <si>
    <t>\\acsfs\profiles$\laianear\Downloads\e213408c-d64b-4472-a63b-91d689a65c26.tmp</t>
  </si>
  <si>
    <t>01/23/2020 08:03:27</t>
  </si>
  <si>
    <t>01/23/2020 08:08:47</t>
  </si>
  <si>
    <t>2c531364-1adf-48ce-a22c-684320492900.tmp</t>
  </si>
  <si>
    <t>\\acsfs\profiles$\DALVADFB\Downloads\2c531364-1adf-48ce-a22c-684320492900.tmp</t>
  </si>
  <si>
    <t>01/23/2020 08:06:59</t>
  </si>
  <si>
    <t>5f7189fa-c021-4cb6-ac08-dadaa9ff69b2.tmp</t>
  </si>
  <si>
    <t>\\acsfs\profiles$\DALVADFB\Downloads\5f7189fa-c021-4cb6-ac08-dadaa9ff69b2.tmp</t>
  </si>
  <si>
    <t>01/23/2020 08:04:37</t>
  </si>
  <si>
    <t>bvcartes-supervisores@algarnet.onmicrosoft.com;raquelfsil@algartech.com;</t>
  </si>
  <si>
    <t>bvcartes-supervisores@algarnet.onmicrosoft.com,raquelfsil@algartech.com</t>
  </si>
  <si>
    <t>01/23/2020 08:04:47</t>
  </si>
  <si>
    <t>01/23/2020 08:04:49</t>
  </si>
  <si>
    <t>mail.google.com/sync/u/0/i/s?hl=pt-BR&amp;c=1475</t>
  </si>
  <si>
    <t>01/23/2020 08:04:59</t>
  </si>
  <si>
    <t>mail.google.com/sync/u/0/i/s?hl=pt-BR&amp;c=1480</t>
  </si>
  <si>
    <t>01/23/2020 08:05:00</t>
  </si>
  <si>
    <t>mail.google.com/sync/u/0/i/s?hl=pt-BR&amp;c=1482</t>
  </si>
  <si>
    <t>01/23/2020 08:05:46</t>
  </si>
  <si>
    <t>01/23/2020 08:10:48</t>
  </si>
  <si>
    <t>6f0216e3-1d58-48f4-9207-8c60b1978f06.tmp</t>
  </si>
  <si>
    <t>\\acsfs\profiles$\danielpdl\Downloads\6f0216e3-1d58-48f4-9207-8c60b1978f06.tmp</t>
  </si>
  <si>
    <t>01/23/2020 08:10:20</t>
  </si>
  <si>
    <t>01/23/2020 08:10:21</t>
  </si>
  <si>
    <t>01/23/2020 08:10:23</t>
  </si>
  <si>
    <t>01/23/2020 08:06:10</t>
  </si>
  <si>
    <t>01/23/2020 08:11:47</t>
  </si>
  <si>
    <t>bfc2e2ab-a073-4c5d-bbb6-bf04073d1c21.tmp</t>
  </si>
  <si>
    <t>\\acsfs\profiles$\ANAPDSB\Downloads\bfc2e2ab-a073-4c5d-bbb6-bf04073d1c21.tmp</t>
  </si>
  <si>
    <t>01/23/2020 08:06:28</t>
  </si>
  <si>
    <t>Q29udHJvbGxlci5DYWxjdWxhZG9yYURlVmVuY2lt (26).ica</t>
  </si>
  <si>
    <t>\\acsfs\profiles$\ANAPDSB\Downloads\Q29udHJvbGxlci5DYWxjdWxhZG9yYURlVmVuY2lt (26).ica</t>
  </si>
  <si>
    <t>01/23/2020 08:08:43</t>
  </si>
  <si>
    <t>e8e70000-4de5-40b4-aed9-0b33a9fbdd55.tmp</t>
  </si>
  <si>
    <t>\\acsfs\profiles$\ANAPDSB\Downloads\e8e70000-4de5-40b4-aed9-0b33a9fbdd55.tmp</t>
  </si>
  <si>
    <t>01/23/2020 08:12:47</t>
  </si>
  <si>
    <t>01/23/2020 08:07:18</t>
  </si>
  <si>
    <t>01/23/2020 08:07:48</t>
  </si>
  <si>
    <t>01/23/2020 08:09:18</t>
  </si>
  <si>
    <t>01/23/2020 08:09:48</t>
  </si>
  <si>
    <t>01/23/2020 08:10:18</t>
  </si>
  <si>
    <t>01/23/2020 08:11:18</t>
  </si>
  <si>
    <t>01/23/2020 08:14:09</t>
  </si>
  <si>
    <t>01/23/2020 08:14:47</t>
  </si>
  <si>
    <t>3498dc49-a6ae-4eb5-8184-dbca555c258a.tmp</t>
  </si>
  <si>
    <t>\\acsfs\profiles$\geovannasm\Downloads\3498dc49-a6ae-4eb5-8184-dbca555c258a.tmp</t>
  </si>
  <si>
    <t>01/23/2020 08:12:24</t>
  </si>
  <si>
    <t>11b1076c-70b2-4ed6-bb5e-76de2bccd043.tmp</t>
  </si>
  <si>
    <t>\\acsfs\profiles$\milenaas\Downloads\11b1076c-70b2-4ed6-bb5e-76de2bccd043.tmp</t>
  </si>
  <si>
    <t>01/23/2020 08:15:47</t>
  </si>
  <si>
    <t>01/23/2020 08:15:22</t>
  </si>
  <si>
    <t>01/23/2020 08:16:47</t>
  </si>
  <si>
    <t>1f36fdb2-6084-47b5-8676-02083338a33a.tmp</t>
  </si>
  <si>
    <t>\\acsfs\profiles$\gabrielaff\Downloads\1f36fdb2-6084-47b5-8676-02083338a33a.tmp</t>
  </si>
  <si>
    <t>01/23/2020 08:13:18</t>
  </si>
  <si>
    <t>01/23/2020 08:17:47</t>
  </si>
  <si>
    <t>01/23/2020 08:14:48</t>
  </si>
  <si>
    <t>01/23/2020 08:15:18</t>
  </si>
  <si>
    <t>01/23/2020 08:15:48</t>
  </si>
  <si>
    <t>01/23/2020 08:16:31</t>
  </si>
  <si>
    <t>01/23/2020 08:18:48</t>
  </si>
  <si>
    <t>c99fb79c-4bb2-4e51-95ce-526d99a91096.tmp</t>
  </si>
  <si>
    <t>\\acsfs\profiles$\maxmillianosv\Downloads\c99fb79c-4bb2-4e51-95ce-526d99a91096.tmp</t>
  </si>
  <si>
    <t>01/23/2020 08:19:47</t>
  </si>
  <si>
    <t>34e1e719-6201-43fa-8324-fe013a8cecce.tmp</t>
  </si>
  <si>
    <t>\\acsfs\profiles$\milenaas\Downloads\34e1e719-6201-43fa-8324-fe013a8cecce.tmp</t>
  </si>
  <si>
    <t>01/23/2020 08:15:57</t>
  </si>
  <si>
    <t>e48ce11c-c673-4b51-be6f-47e7400e6188.tmp</t>
  </si>
  <si>
    <t>\\acsfs\profiles$\milenaas\Downloads\e48ce11c-c673-4b51-be6f-47e7400e6188.tmp</t>
  </si>
  <si>
    <t>01/23/2020 08:17:32</t>
  </si>
  <si>
    <t>facb8d02-f124-4559-bb91-fac7533e3553.tmp</t>
  </si>
  <si>
    <t>\\acsfs\profiles$\monicargds\Downloads\facb8d02-f124-4559-bb91-fac7533e3553.tmp</t>
  </si>
  <si>
    <t>01/23/2020 08:20:48</t>
  </si>
  <si>
    <t>01/23/2020 08:16:38</t>
  </si>
  <si>
    <t>4ecad7be-1ccb-4c18-8bbe-60f5edb3a032.tmp</t>
  </si>
  <si>
    <t>\\acsfs\profiles$\marcosvnds\Downloads\4ecad7be-1ccb-4c18-8bbe-60f5edb3a032.tmp</t>
  </si>
  <si>
    <t>01/23/2020 08:17:55</t>
  </si>
  <si>
    <t>DJ%20Guuga%20e%20MC%20Pierre%20-%20Elas%20Tão%20Pedindo%20Obrigado%20(.lbs50vo.partial</t>
  </si>
  <si>
    <t>\\acsfs\profiles$\nathalydds\Downloads\DJ%20Guuga%20e%20MC%20Pierre%20-%20Elas%20Tão%20Pedindo%20Obrigado%20(.lbs50vo.partial</t>
  </si>
  <si>
    <t>01/23/2020 08:21:47</t>
  </si>
  <si>
    <t>01/23/2020 08:16:30</t>
  </si>
  <si>
    <t>98a112f2-6b97-416f-9055-f6562a6a8e3d.tmp</t>
  </si>
  <si>
    <t>\\acsfs\profiles$\gabrielaff\Downloads\98a112f2-6b97-416f-9055-f6562a6a8e3d.tmp</t>
  </si>
  <si>
    <t>01/23/2020 08:20:18</t>
  </si>
  <si>
    <t>01/23/2020 08:22:47</t>
  </si>
  <si>
    <t>01/23/2020 08:21:18</t>
  </si>
  <si>
    <t>01/23/2020 08:25:48</t>
  </si>
  <si>
    <t>01/23/2020 08:24:46</t>
  </si>
  <si>
    <t>d4bed5f6-8c96-4db5-b860-75f3be64853d.tmp</t>
  </si>
  <si>
    <t>\\acsfs\profiles$\quindaizaagds\Downloads\d4bed5f6-8c96-4db5-b860-75f3be64853d.tmp</t>
  </si>
  <si>
    <t>01/23/2020 08:23:37</t>
  </si>
  <si>
    <t>b377bcf6-8ea6-4594-9ddf-0426da5c9958.tmp</t>
  </si>
  <si>
    <t>\\acsfs\profiles$\sarahbal\Downloads\b377bcf6-8ea6-4594-9ddf-0426da5c9958.tmp</t>
  </si>
  <si>
    <t>01/23/2020 08:20:44</t>
  </si>
  <si>
    <t>____ SHEVCHENKO E ELLOCO &amp; MANEIRINHO DO RECIFE - CH.59vbyqq.partial</t>
  </si>
  <si>
    <t>\\acsfs\profiles$\nathalydds\Downloads\____ SHEVCHENKO E ELLOCO &amp; MANEIRINHO DO RECIFE - CH.59vbyqq.partial</t>
  </si>
  <si>
    <t>01/23/2020 08:21:42</t>
  </si>
  <si>
    <t>PH%20e%20Michel,%20Belo%20-%20Eu%20Me%20Acostumei%20(Ao%20Vivo%20Em%20Goiânia%20_%202019).68y15a4.partial</t>
  </si>
  <si>
    <t>\\acsfs\profiles$\nathalydds\Downloads\PH%20e%20Michel,%20Belo%20-%20Eu%20Me%20Acostumei%20(Ao%20Vivo%20Em%20Goiânia%20_%202019).68y15a4.partial</t>
  </si>
  <si>
    <t>01/23/2020 08:22:12</t>
  </si>
  <si>
    <t>01/23/2020 08:26:47</t>
  </si>
  <si>
    <t>\\acsfs\DEPTOS\Operacao\PCP\5 - Comum\João Gabriel\</t>
  </si>
  <si>
    <t>Desconect.txt</t>
  </si>
  <si>
    <t>\\acsfs\DEPTOS\Operacao\PCP\5 - Comum\JUKA\Desconect.txt</t>
  </si>
  <si>
    <t>Desconect.sql</t>
  </si>
  <si>
    <t>\\acsfs\DEPTOS\Operacao\PCP\5 - Comum\JUKA\Desconect.sql</t>
  </si>
  <si>
    <t>01/23/2020 08:22:38</t>
  </si>
  <si>
    <t>01/23/2020 08:23:48</t>
  </si>
  <si>
    <t>01/23/2020 08:27:47</t>
  </si>
  <si>
    <t>01/23/2020 08:26:48</t>
  </si>
  <si>
    <t>01/23/2020 08:26:05</t>
  </si>
  <si>
    <t>01/23/2020 08:27:05</t>
  </si>
  <si>
    <t>lu206561jxyao.tmp</t>
  </si>
  <si>
    <t>\\acsfs\profiles$\BRUNAAR\Numero\lu206561jxyao.tmp</t>
  </si>
  <si>
    <t>01/23/2020 08:27:48</t>
  </si>
  <si>
    <t>01/23/2020 08:29:47</t>
  </si>
  <si>
    <t>49b8b8e4-326e-4530-a719-b37763576fbf.tmp</t>
  </si>
  <si>
    <t>\\acsfs\profiles$\KARENDSR\Downloads\49b8b8e4-326e-4530-a719-b37763576fbf.tmp</t>
  </si>
  <si>
    <t>01/23/2020 08:28:07</t>
  </si>
  <si>
    <t>84ac3bf8-8f18-4ef8-a8d0-9b8441158c80.tmp</t>
  </si>
  <si>
    <t>\\acsfs\profiles$\KARENDSR\Downloads\84ac3bf8-8f18-4ef8-a8d0-9b8441158c80.tmp</t>
  </si>
  <si>
    <t>01/23/2020 08:29:03</t>
  </si>
  <si>
    <t>0e5bc93a-bfc0-49dc-b5aa-c1efbb78c418.tmp</t>
  </si>
  <si>
    <t>\\acsfs\profiles$\KARENDSR\Downloads\0e5bc93a-bfc0-49dc-b5aa-c1efbb78c418.tmp</t>
  </si>
  <si>
    <t>01/23/2020 08:30:47</t>
  </si>
  <si>
    <t>01/23/2020 08:25:32</t>
  </si>
  <si>
    <t>0eb25677-6acc-4649-a7ad-8f2ba43797b5.tmp</t>
  </si>
  <si>
    <t>\\acsfs\profiles$\quindaizaagds\Downloads\0eb25677-6acc-4649-a7ad-8f2ba43797b5.tmp</t>
  </si>
  <si>
    <t>01/23/2020 08:26:38</t>
  </si>
  <si>
    <t>c62ce452-fb1c-4145-9219-3dda18cbdcb4.tmp</t>
  </si>
  <si>
    <t>\\acsfs\profiles$\quindaizaagds\Downloads\c62ce452-fb1c-4145-9219-3dda18cbdcb4.tmp</t>
  </si>
  <si>
    <t>01/23/2020 08:28:24</t>
  </si>
  <si>
    <t>99a2560d-e8ff-4094-a3c7-93bb00c401a9.tmp</t>
  </si>
  <si>
    <t>\\acsfs\profiles$\quindaizaagds\Downloads\99a2560d-e8ff-4094-a3c7-93bb00c401a9.tmp</t>
  </si>
  <si>
    <t>01/23/2020 08:25:46</t>
  </si>
  <si>
    <t>7fefefea-7f46-4de4-9474-a895ca9f96a6.tmp</t>
  </si>
  <si>
    <t>\\acsfs\profiles$\danielac\Downloads\7fefefea-7f46-4de4-9474-a895ca9f96a6.tmp</t>
  </si>
  <si>
    <t>01/23/2020 08:26:43</t>
  </si>
  <si>
    <t>3547a53c-c9ff-48dc-ae00-c36f407834ca.tmp</t>
  </si>
  <si>
    <t>\\acsfs\profiles$\danielac\Downloads\3547a53c-c9ff-48dc-ae00-c36f407834ca.tmp</t>
  </si>
  <si>
    <t>01/23/2020 08:27:07</t>
  </si>
  <si>
    <t>9334b2bd-ece6-48a1-81a0-edb5e01bc7e5.tmp</t>
  </si>
  <si>
    <t>\\acsfs\profiles$\danielac\Downloads\9334b2bd-ece6-48a1-81a0-edb5e01bc7e5.tmp</t>
  </si>
  <si>
    <t>01/23/2020 08:27:21</t>
  </si>
  <si>
    <t>466e1d88-5c47-4bb6-99fd-8bc65182a222.tmp</t>
  </si>
  <si>
    <t>\\acsfs\profiles$\sarahbal\Downloads\466e1d88-5c47-4bb6-99fd-8bc65182a222.tmp</t>
  </si>
  <si>
    <t>01/23/2020 08:29:17</t>
  </si>
  <si>
    <t>01/23/2020 08:31:47</t>
  </si>
  <si>
    <t>b4f51647-96aa-49c9-a9b6-f7a5991d0b93.tmp</t>
  </si>
  <si>
    <t>\\acsfs\profiles$\andrezacapf\Downloads\b4f51647-96aa-49c9-a9b6-f7a5991d0b93.tmp</t>
  </si>
  <si>
    <t>01/23/2020 08:29:44</t>
  </si>
  <si>
    <t>0bd6fe76-eb48-49de-97e1-ed82cb6c30ae.tmp</t>
  </si>
  <si>
    <t>\\acsfs\profiles$\ALYNYA\Downloads\0bd6fe76-eb48-49de-97e1-ed82cb6c30ae.tmp</t>
  </si>
  <si>
    <t>01/23/2020 08:32:48</t>
  </si>
  <si>
    <t>8cabaf1e-d379-45fe-b731-0e22e356bbc4.tmp</t>
  </si>
  <si>
    <t>\\acsfs\profiles$\lorrainerdl\Downloads\8cabaf1e-d379-45fe-b731-0e22e356bbc4.tmp</t>
  </si>
  <si>
    <t>01/23/2020 08:29:28</t>
  </si>
  <si>
    <t>bc2ffc7f-1c0c-486c-824b-c3c0d70666a0.tmp</t>
  </si>
  <si>
    <t>\\acsfs\profiles$\lorrainerdl\Downloads\bc2ffc7f-1c0c-486c-824b-c3c0d70666a0.tmp</t>
  </si>
  <si>
    <t>01/23/2020 08:29:31</t>
  </si>
  <si>
    <t>5c985f56-be79-4a05-8ec5-9ada1010f589.tmp</t>
  </si>
  <si>
    <t>\\acsfs\profiles$\lorrainerdl\Downloads\5c985f56-be79-4a05-8ec5-9ada1010f589.tmp</t>
  </si>
  <si>
    <t>01/23/2020 08:29:56</t>
  </si>
  <si>
    <t>0b28cc2c-fa1f-41d6-b9f4-260afd45f3f0.tmp</t>
  </si>
  <si>
    <t>\\acsfs\profiles$\lorrainerdl\Downloads\0b28cc2c-fa1f-41d6-b9f4-260afd45f3f0.tmp</t>
  </si>
  <si>
    <t>01/23/2020 08:30:25</t>
  </si>
  <si>
    <t>33f15574-4544-47d1-8d91-6b7d0672fde8.tmp</t>
  </si>
  <si>
    <t>\\acsfs\profiles$\lorrainerdl\Downloads\33f15574-4544-47d1-8d91-6b7d0672fde8.tmp</t>
  </si>
  <si>
    <t>01/23/2020 08:27:18</t>
  </si>
  <si>
    <t>01/23/2020 08:30:18</t>
  </si>
  <si>
    <t>01/23/2020 08:30:48</t>
  </si>
  <si>
    <t>01/23/2020 08:33:47</t>
  </si>
  <si>
    <t>01/23/2020 08:32:14</t>
  </si>
  <si>
    <t>\\acsfs\Deptos\EDUCACAO EMPRESARIAL\KÉSIA\Ligações - Reclamações\</t>
  </si>
  <si>
    <t>OPERADORA KELLZYLENNE APARECIDA SILVA RABELO_1_6764773310341383362_1_32.wav</t>
  </si>
  <si>
    <t>\\acsfs\Deptos\EDUCACAO EMPRESARIAL\KÉSIA\Ligações - Reclamações\OPERADORA KELLZYLENNE APARECIDA SILVA RABELO_1_6764773310341383362_1_32.wav</t>
  </si>
  <si>
    <t>01/23/2020 08:32:29</t>
  </si>
  <si>
    <t>10.200.67.23</t>
  </si>
  <si>
    <t>96d6422f-b17f-4887-848c-16487b3fd479.tmp</t>
  </si>
  <si>
    <t>\\acsfs\profiles$\larissaad\Downloads\96d6422f-b17f-4887-848c-16487b3fd479.tmp</t>
  </si>
  <si>
    <t>01/23/2020 08:32:43</t>
  </si>
  <si>
    <t>e40b7ef9-5eb5-49cb-9b09-67f440e0d981.tmp</t>
  </si>
  <si>
    <t>\\acsfs\profiles$\larissaad\Downloads\e40b7ef9-5eb5-49cb-9b09-67f440e0d981.tmp</t>
  </si>
  <si>
    <t>ad458c06-55d3-4d4a-bef3-6c27f55a2c61.tmp</t>
  </si>
  <si>
    <t>\\acsfs\profiles$\larissaad\Downloads\ad458c06-55d3-4d4a-bef3-6c27f55a2c61.tmp</t>
  </si>
  <si>
    <t>01/23/2020 08:34:48</t>
  </si>
  <si>
    <t>01/23/2020 08:29:40</t>
  </si>
  <si>
    <t>d1bf1970-7af0-4934-a21c-125288eaecb7.tmp</t>
  </si>
  <si>
    <t>\\acsfs\profiles$\KARENDSR\Downloads\d1bf1970-7af0-4934-a21c-125288eaecb7.tmp</t>
  </si>
  <si>
    <t>01/23/2020 08:32:10</t>
  </si>
  <si>
    <t>01/23/2020 08:35:47</t>
  </si>
  <si>
    <t>4fb1f112-988a-4acc-b3a1-a493a2dbde10.tmp</t>
  </si>
  <si>
    <t>\\acsfs\profiles$\nataliacsl\Downloads\4fb1f112-988a-4acc-b3a1-a493a2dbde10.tmp</t>
  </si>
  <si>
    <t>01/23/2020 08:33:09</t>
  </si>
  <si>
    <t>a547f497-4cf7-44b1-afd4-02356e3d5eb0.tmp</t>
  </si>
  <si>
    <t>\\acsfs\profiles$\nataliacsl\Downloads\a547f497-4cf7-44b1-afd4-02356e3d5eb0.tmp</t>
  </si>
  <si>
    <t>01/23/2020 08:31:30</t>
  </si>
  <si>
    <t>BARÕES%20DA%20PISADINHA%202019%20LAECIO%20GRAVAÇOES.xx6drxi.partial</t>
  </si>
  <si>
    <t>\\acsfs\profiles$\nathalydds\Downloads\BARÕES%20DA%20PISADINHA%202019%20LAECIO%20GRAVAÇOES.xx6drxi.partial</t>
  </si>
  <si>
    <t>01/23/2020 08:31:44</t>
  </si>
  <si>
    <t>Girassol ____ Priscila Alc__ntara e Whindersson Nunes.jc119gr.partial</t>
  </si>
  <si>
    <t>\\acsfs\profiles$\nathalydds\Downloads\Girassol ____ Priscila Alc__ntara e Whindersson Nunes.jc119gr.partial</t>
  </si>
  <si>
    <t>01/23/2020 08:34:44</t>
  </si>
  <si>
    <t>Para, Pensa e Volta ft.%20Marília%20Mendonça.2i0kt5n.partial</t>
  </si>
  <si>
    <t>\\acsfs\profiles$\nathalydds\Downloads\Para, Pensa e Volta ft.%20Marília%20Mendonça.2i0kt5n.partial</t>
  </si>
  <si>
    <t>01/23/2020 08:32:17</t>
  </si>
  <si>
    <t>01/23/2020 08:36:47</t>
  </si>
  <si>
    <t>01/23/2020 08:31:08</t>
  </si>
  <si>
    <t>5ca98a75-5145-413b-8de0-2857c366be32.tmp</t>
  </si>
  <si>
    <t>\\acsfs\profiles$\andrezacapf\Downloads\5ca98a75-5145-413b-8de0-2857c366be32.tmp</t>
  </si>
  <si>
    <t>01/23/2020 08:31:15</t>
  </si>
  <si>
    <t>1d83a27d-521e-43e1-b4cf-8bcdea047569.tmp</t>
  </si>
  <si>
    <t>\\acsfs\profiles$\andrezacapf\Downloads\1d83a27d-521e-43e1-b4cf-8bcdea047569.tmp</t>
  </si>
  <si>
    <t>01/23/2020 08:31:16</t>
  </si>
  <si>
    <t>f46944c5-5cee-4097-a4e8-a52f04ac47cc.tmp</t>
  </si>
  <si>
    <t>\\acsfs\profiles$\andrezacapf\Downloads\f46944c5-5cee-4097-a4e8-a52f04ac47cc.tmp</t>
  </si>
  <si>
    <t>01/23/2020 08:31:19</t>
  </si>
  <si>
    <t>3459e8ea-ab01-49fd-9f6e-847626aa81ac.tmp</t>
  </si>
  <si>
    <t>\\acsfs\profiles$\andrezacapf\Downloads\3459e8ea-ab01-49fd-9f6e-847626aa81ac.tmp</t>
  </si>
  <si>
    <t>01/23/2020 08:31:23</t>
  </si>
  <si>
    <t>71b12b91-f7d3-4a74-8b3c-75fb86aca23b.tmp</t>
  </si>
  <si>
    <t>\\acsfs\profiles$\andrezacapf\Downloads\71b12b91-f7d3-4a74-8b3c-75fb86aca23b.tmp</t>
  </si>
  <si>
    <t>01/23/2020 08:35:04</t>
  </si>
  <si>
    <t>946364f1-bb33-4b5e-aa9a-cb5cab3ca610.tmp</t>
  </si>
  <si>
    <t>\\acsfs\profiles$\andrezacapf\Downloads\946364f1-bb33-4b5e-aa9a-cb5cab3ca610.tmp</t>
  </si>
  <si>
    <t>01/23/2020 08:34:06</t>
  </si>
  <si>
    <t>01/23/2020 08:34:08</t>
  </si>
  <si>
    <t>01/23/2020 08:35:56</t>
  </si>
  <si>
    <t>01/23/2020 08:37:48</t>
  </si>
  <si>
    <t>15b7265c-06e5-48c3-8de8-521246028953.tmp</t>
  </si>
  <si>
    <t>\\acsfs\profiles$\victoriaksr\Downloads\15b7265c-06e5-48c3-8de8-521246028953.tmp</t>
  </si>
  <si>
    <t>01/23/2020 08:36:36</t>
  </si>
  <si>
    <t>bd6128f2-efc1-4cfe-90b1-5e439028ae36.tmp</t>
  </si>
  <si>
    <t>\\acsfs\profiles$\victoriaksr\Downloads\bd6128f2-efc1-4cfe-90b1-5e439028ae36.tmp</t>
  </si>
  <si>
    <t>01/23/2020 08:32:52</t>
  </si>
  <si>
    <t>5dcee26c-3851-4a6e-a203-18089ce59fd4.tmp</t>
  </si>
  <si>
    <t>\\acsfs\profiles$\criciavdo\Downloads\5dcee26c-3851-4a6e-a203-18089ce59fd4.tmp</t>
  </si>
  <si>
    <t>01/23/2020 08:33:41</t>
  </si>
  <si>
    <t>01/23/2020 08:38:47</t>
  </si>
  <si>
    <t>01/23/2020 08:33:45</t>
  </si>
  <si>
    <t>01/23/2020 08:33:24</t>
  </si>
  <si>
    <t>janeirooooo.txt</t>
  </si>
  <si>
    <t>\\acsfs\profiles$\milennyss\My Documents\janeirooooo.txt</t>
  </si>
  <si>
    <t>01/23/2020 08:35:10</t>
  </si>
  <si>
    <t>3899bd9f-d8f1-4f01-bec3-acca817b6a8e.tmp</t>
  </si>
  <si>
    <t>\\acsfs\profiles$\maxmillianosv\Downloads\3899bd9f-d8f1-4f01-bec3-acca817b6a8e.tmp</t>
  </si>
  <si>
    <t>01/23/2020 08:35:15</t>
  </si>
  <si>
    <t>068c2905-df6e-42a2-b9f3-943ae9526cbd.tmp</t>
  </si>
  <si>
    <t>\\acsfs\profiles$\maxmillianosv\Downloads\068c2905-df6e-42a2-b9f3-943ae9526cbd.tmp</t>
  </si>
  <si>
    <t>01/23/2020 08:35:21</t>
  </si>
  <si>
    <t>bfed9a72-7654-4f05-bea4-0fd535412947.tmp</t>
  </si>
  <si>
    <t>\\acsfs\profiles$\maxmillianosv\Downloads\bfed9a72-7654-4f05-bea4-0fd535412947.tmp</t>
  </si>
  <si>
    <t>01/23/2020 08:36:19</t>
  </si>
  <si>
    <t>37a2a1a0-37a7-4d9c-8f51-a7b9ac0a1550.tmp</t>
  </si>
  <si>
    <t>\\acsfs\profiles$\maxmillianosv\Downloads\37a2a1a0-37a7-4d9c-8f51-a7b9ac0a1550.tmp</t>
  </si>
  <si>
    <t>01/23/2020 08:37:17</t>
  </si>
  <si>
    <t>01/23/2020 08:37:18</t>
  </si>
  <si>
    <t>01/23/2020 08:37:19</t>
  </si>
  <si>
    <t>01/23/2020 08:37:20</t>
  </si>
  <si>
    <t>01/23/2020 08:39:48</t>
  </si>
  <si>
    <t>01/23/2020 08:37:21</t>
  </si>
  <si>
    <t>01/23/2020 08:37:22</t>
  </si>
  <si>
    <t>01/23/2020 08:37:23</t>
  </si>
  <si>
    <t>01/23/2020 08:37:30</t>
  </si>
  <si>
    <t>01/23/2020 08:37:24</t>
  </si>
  <si>
    <t>01/23/2020 08:37:25</t>
  </si>
  <si>
    <t>01/23/2020 08:37:26</t>
  </si>
  <si>
    <t>01/23/2020 08:37:27</t>
  </si>
  <si>
    <t>01/23/2020 08:37:28</t>
  </si>
  <si>
    <t>01/23/2020 08:37:29</t>
  </si>
  <si>
    <t>01/23/2020 08:37:31</t>
  </si>
  <si>
    <t>01/23/2020 08:37:32</t>
  </si>
  <si>
    <t>01/23/2020 08:37:33</t>
  </si>
  <si>
    <t>01/23/2020 08:37:34</t>
  </si>
  <si>
    <t>01/23/2020 08:37:35</t>
  </si>
  <si>
    <t>01/23/2020 08:37:36</t>
  </si>
  <si>
    <t>01/23/2020 08:37:37</t>
  </si>
  <si>
    <t>01/23/2020 08:38:30</t>
  </si>
  <si>
    <t>aca009a5-04ee-48b5-8786-9aa14b180afc.tmp</t>
  </si>
  <si>
    <t>\\acsfs\profiles$\maxmillianosv\Downloads\aca009a5-04ee-48b5-8786-9aa14b180afc.tmp</t>
  </si>
  <si>
    <t>01/23/2020 08:37:47</t>
  </si>
  <si>
    <t>01/23/2020 08:40:47</t>
  </si>
  <si>
    <t>01/23/2020 08:37:55</t>
  </si>
  <si>
    <t>Sofro.wa8v13h.partial</t>
  </si>
  <si>
    <t>\\acsfs\profiles$\nathalydds\Downloads\Sofro.wa8v13h.partial</t>
  </si>
  <si>
    <t>01/23/2020 07:02:16</t>
  </si>
  <si>
    <t>01/23/2020 08:41:47</t>
  </si>
  <si>
    <t>01/23/2020 08:38:03</t>
  </si>
  <si>
    <t>01/23/2020 08:42:47</t>
  </si>
  <si>
    <t>a2847ed6-5d0b-4ec6-acd1-5c9b70c58cdd.tmp</t>
  </si>
  <si>
    <t>\\acsfs\profiles$\victoriaksr\Downloads\a2847ed6-5d0b-4ec6-acd1-5c9b70c58cdd.tmp</t>
  </si>
  <si>
    <t>01/23/2020 08:40:29</t>
  </si>
  <si>
    <t>01/23/2020 08:38:04</t>
  </si>
  <si>
    <t>01/23/2020 08:43:47</t>
  </si>
  <si>
    <t>10.200.67.149</t>
  </si>
  <si>
    <t>fb48c384-c5d6-4b02-9dc1-e359d1aa3418.tmp</t>
  </si>
  <si>
    <t>\\acsfs\profiles$\adelvinsonle\Downloads\fb48c384-c5d6-4b02-9dc1-e359d1aa3418.tmp</t>
  </si>
  <si>
    <t>01/23/2020 08:38:06</t>
  </si>
  <si>
    <t>01/23/2020 08:39:16</t>
  </si>
  <si>
    <t>fc985637-326b-43d2-94c4-4481c49647b3.tmp</t>
  </si>
  <si>
    <t>\\acsfs\profiles$\adelvinsonle\Downloads\fc985637-326b-43d2-94c4-4481c49647b3.tmp</t>
  </si>
  <si>
    <t>01/23/2020 08:40:28</t>
  </si>
  <si>
    <t>c48aa852-fc11-4915-8d74-dca33618e25d.tmp</t>
  </si>
  <si>
    <t>\\acsfs\profiles$\lucasgpe\Downloads\c48aa852-fc11-4915-8d74-dca33618e25d.tmp</t>
  </si>
  <si>
    <t>01/23/2020 08:40:17</t>
  </si>
  <si>
    <t>01/23/2020 08:45:47</t>
  </si>
  <si>
    <t>01/23/2020 08:41:41</t>
  </si>
  <si>
    <t>LIBERDADE%20PROVISÓRIA%20-%20DVD%20Ao%20Vivo%20No%20Ibirapuera.xb464c5.partial</t>
  </si>
  <si>
    <t>\\acsfs\profiles$\nathalydds\Downloads\LIBERDADE%20PROVISÓRIA%20-%20DVD%20Ao%20Vivo%20No%20Ibirapuera.xb464c5.partial</t>
  </si>
  <si>
    <t>01/23/2020 08:44:42</t>
  </si>
  <si>
    <t>Mentira.8g9pdkk.partial</t>
  </si>
  <si>
    <t>\\acsfs\profiles$\nathalydds\Downloads\Mentira.8g9pdkk.partial</t>
  </si>
  <si>
    <t>01/23/2020 08:44:29</t>
  </si>
  <si>
    <t>01/23/2020 08:47:47</t>
  </si>
  <si>
    <t>93d1e619-1d80-4d48-add7-d308d1e306d2.tmp</t>
  </si>
  <si>
    <t>\\acsfs\profiles$\antoniosva\Downloads\93d1e619-1d80-4d48-add7-d308d1e306d2.tmp</t>
  </si>
  <si>
    <t>01/23/2020 08:44:31</t>
  </si>
  <si>
    <t>0d750221-b0f1-4ca1-b34b-d9a312c1a462.tmp</t>
  </si>
  <si>
    <t>\\acsfs\profiles$\antoniosva\Downloads\0d750221-b0f1-4ca1-b34b-d9a312c1a462.tmp</t>
  </si>
  <si>
    <t>01/23/2020 08:46:03</t>
  </si>
  <si>
    <t>8ac03cae-3b48-4807-9b68-730efc366ff2.tmp</t>
  </si>
  <si>
    <t>\\acsfs\profiles$\antoniosva\Downloads\8ac03cae-3b48-4807-9b68-730efc366ff2.tmp</t>
  </si>
  <si>
    <t>01/23/2020 08:45:23</t>
  </si>
  <si>
    <t>01/23/2020 08:48:47</t>
  </si>
  <si>
    <t>3becb32a-7f64-4ae9-bf01-fa60d08be253.tmp</t>
  </si>
  <si>
    <t>\\acsfs\profiles$\adelvinsonle\Downloads\3becb32a-7f64-4ae9-bf01-fa60d08be253.tmp</t>
  </si>
  <si>
    <t>8de3d0d1-9481-46ed-a07c-b85f4af5a013.tmp</t>
  </si>
  <si>
    <t>\\acsfs\profiles$\adelvinsonle\Downloads\8de3d0d1-9481-46ed-a07c-b85f4af5a013.tmp</t>
  </si>
  <si>
    <t>01/23/2020 08:45:25</t>
  </si>
  <si>
    <t>01/23/2020 08:49:47</t>
  </si>
  <si>
    <t>01/23/2020 08:48:21</t>
  </si>
  <si>
    <t>a661ec80-e1a4-4bc6-8539-396a0f016c06.tmp</t>
  </si>
  <si>
    <t>\\acsfs\profiles$\maxmillianosv\Downloads\a661ec80-e1a4-4bc6-8539-396a0f016c06.tmp</t>
  </si>
  <si>
    <t>01/23/2020 08:46:41</t>
  </si>
  <si>
    <t>6e1d6bbe-b0b6-4b6a-9c6b-e0e77c05efec.tmp</t>
  </si>
  <si>
    <t>\\acsfs\profiles$\yurics\Downloads\6e1d6bbe-b0b6-4b6a-9c6b-e0e77c05efec.tmp</t>
  </si>
  <si>
    <t>01/23/2020 08:50:47</t>
  </si>
  <si>
    <t>01/23/2020 08:47:59</t>
  </si>
  <si>
    <t>Briga.78wjsqi.partial</t>
  </si>
  <si>
    <t>\\acsfs\profiles$\nathalydds\Downloads\Briga.78wjsqi.partial</t>
  </si>
  <si>
    <t>01/23/2020 08:47:35</t>
  </si>
  <si>
    <t>01/23/2020 08:52:47</t>
  </si>
  <si>
    <t>e4ec67b0-5894-4dd0-9467-3c6546e3fb3d.tmp</t>
  </si>
  <si>
    <t>\\acsfs\profiles$\antoniosva\Downloads\e4ec67b0-5894-4dd0-9467-3c6546e3fb3d.tmp</t>
  </si>
  <si>
    <t>01/23/2020 08:48:59</t>
  </si>
  <si>
    <t>b4c434f9-2fdf-4b8b-a028-34bc1b9bfe55.tmp</t>
  </si>
  <si>
    <t>\\acsfs\profiles$\antoniosva\Downloads\b4c434f9-2fdf-4b8b-a028-34bc1b9bfe55.tmp</t>
  </si>
  <si>
    <t>01/23/2020 08:49:09</t>
  </si>
  <si>
    <t>51db8543-a17b-4506-975e-2c8b572046e2.tmp</t>
  </si>
  <si>
    <t>\\acsfs\profiles$\antoniosva\Downloads\51db8543-a17b-4506-975e-2c8b572046e2.tmp</t>
  </si>
  <si>
    <t>01/23/2020 08:50:40</t>
  </si>
  <si>
    <t>58ccc01b-25e4-4a3f-87de-a91c0ff692ac.tmp</t>
  </si>
  <si>
    <t>\\acsfs\profiles$\lorrainerdl\Downloads\58ccc01b-25e4-4a3f-87de-a91c0ff692ac.tmp</t>
  </si>
  <si>
    <t>01/23/2020 08:50:27</t>
  </si>
  <si>
    <t>17c404aa-7e23-40d0-a30a-66103544c3cf.tmp</t>
  </si>
  <si>
    <t>\\acsfs\profiles$\antoniosva\Downloads\17c404aa-7e23-40d0-a30a-66103544c3cf.tmp</t>
  </si>
  <si>
    <t>01/23/2020 08:50:59</t>
  </si>
  <si>
    <t>c0d83501-5136-4a96-b7bd-95f75a7a7f16.tmp</t>
  </si>
  <si>
    <t>\\acsfs\profiles$\lorrainerdl\Downloads\c0d83501-5136-4a96-b7bd-95f75a7a7f16.tmp</t>
  </si>
  <si>
    <t>01/23/2020 08:52:17</t>
  </si>
  <si>
    <t>01/23/2020 08:54:47</t>
  </si>
  <si>
    <t>b7bfb5a6-aa68-4512-bccf-b8f0a6ce25b7.tmp</t>
  </si>
  <si>
    <t>\\acsfs\profiles$\websondsa\Downloads\b7bfb5a6-aa68-4512-bccf-b8f0a6ce25b7.tmp</t>
  </si>
  <si>
    <t>01/23/2020 08:52:32</t>
  </si>
  <si>
    <t>c0cecd66-f37b-4e9d-9c9b-5778dbf21c34.tmp</t>
  </si>
  <si>
    <t>\\acsfs\profiles$\websondsa\Downloads\c0cecd66-f37b-4e9d-9c9b-5778dbf21c34.tmp</t>
  </si>
  <si>
    <t>01/23/2020 08:55:48</t>
  </si>
  <si>
    <t>01/23/2020 08:56:47</t>
  </si>
  <si>
    <t>01/23/2020 08:55:49</t>
  </si>
  <si>
    <t>f8b220fc-e907-477a-a501-2406fcfb8933.tmp</t>
  </si>
  <si>
    <t>\\acsfs\profiles$\talitafdc\Downloads\f8b220fc-e907-477a-a501-2406fcfb8933.tmp</t>
  </si>
  <si>
    <t>01/23/2020 08:54:33</t>
  </si>
  <si>
    <t>b1bbd859-08a1-4486-8668-2ac214a31de3.tmp</t>
  </si>
  <si>
    <t>\\acsfs\profiles$\gabriellalpr\Downloads\b1bbd859-08a1-4486-8668-2ac214a31de3.tmp</t>
  </si>
  <si>
    <t>01/23/2020 08:55:51</t>
  </si>
  <si>
    <t>0218d1b0-4f39-4410-ba9b-0ccc79878b4a.tmp</t>
  </si>
  <si>
    <t>\\acsfs\profiles$\gabriellalpr\Downloads\0218d1b0-4f39-4410-ba9b-0ccc79878b4a.tmp</t>
  </si>
  <si>
    <t>01/23/2020 08:56:14</t>
  </si>
  <si>
    <t>01/23/2020 08:57:47</t>
  </si>
  <si>
    <t>01/23/2020 08:55:11</t>
  </si>
  <si>
    <t>a3c0abee-7d89-401f-bf3e-90810770b917.tmp</t>
  </si>
  <si>
    <t>\\acsfs\profiles$\esterasg\Downloads\a3c0abee-7d89-401f-bf3e-90810770b917.tmp</t>
  </si>
  <si>
    <t>01/23/2020 08:55:17</t>
  </si>
  <si>
    <t>b73ff224-568b-4b54-9262-0ae870e4b4bb.tmp</t>
  </si>
  <si>
    <t>\\acsfs\profiles$\esterasg\Downloads\b73ff224-568b-4b54-9262-0ae870e4b4bb.tmp</t>
  </si>
  <si>
    <t>1175a640-846e-4539-80e1-9b484c5d5e3d.tmp</t>
  </si>
  <si>
    <t>\\acsfs\profiles$\esterasg\Downloads\1175a640-846e-4539-80e1-9b484c5d5e3d.tmp</t>
  </si>
  <si>
    <t>01/23/2020 08:56:20</t>
  </si>
  <si>
    <t>5214be96-1355-4acb-a4be-9f34f599a780.tmp</t>
  </si>
  <si>
    <t>\\acsfs\profiles$\esterasg\Downloads\5214be96-1355-4acb-a4be-9f34f599a780.tmp</t>
  </si>
  <si>
    <t>01/23/2020 08:57:12</t>
  </si>
  <si>
    <t>02b662db-1265-460e-9cc1-fff7a13d9d00.tmp</t>
  </si>
  <si>
    <t>\\acsfs\profiles$\esterasg\Downloads\02b662db-1265-460e-9cc1-fff7a13d9d00.tmp</t>
  </si>
  <si>
    <t>01/23/2020 08:57:16</t>
  </si>
  <si>
    <t>da86f136-7439-4da6-9881-010b2c49916b.tmp</t>
  </si>
  <si>
    <t>\\acsfs\profiles$\esterasg\Downloads\da86f136-7439-4da6-9881-010b2c49916b.tmp</t>
  </si>
  <si>
    <t>01/23/2020 08:58:47</t>
  </si>
  <si>
    <t>01/23/2020 08:54:55</t>
  </si>
  <si>
    <t>32b8fe8b-feda-4f50-8e43-aa76af5b586c.tmp</t>
  </si>
  <si>
    <t>\\acsfs\profiles$\larissaad\Downloads\32b8fe8b-feda-4f50-8e43-aa76af5b586c.tmp</t>
  </si>
  <si>
    <t>01/23/2020 08:57:59</t>
  </si>
  <si>
    <t>01/23/2020 08:59:48</t>
  </si>
  <si>
    <t>01/23/2020 08:59:26</t>
  </si>
  <si>
    <t>outlook.office.com/owa/service.svc?action=CreateItem&amp;app=Mail&amp;n=83</t>
  </si>
  <si>
    <t>laylladdps@bv.algartech.com;</t>
  </si>
  <si>
    <t>laylladdps@bv.algartech.com</t>
  </si>
  <si>
    <t>01/23/2020 08:59:03</t>
  </si>
  <si>
    <t>01/23/2020 09:00:47</t>
  </si>
  <si>
    <t>fe88ef5b-5cb6-41f0-8aa9-db2775c3224f.tmp</t>
  </si>
  <si>
    <t>\\acsfs\profiles$\quindaizaagds\Downloads\fe88ef5b-5cb6-41f0-8aa9-db2775c3224f.tmp</t>
  </si>
  <si>
    <t>01/23/2020 08:57:00</t>
  </si>
  <si>
    <t>01/23/2020 08:57:03</t>
  </si>
  <si>
    <t>01/23/2020 08:58:50</t>
  </si>
  <si>
    <t>0e8d6523-b494-42fe-a6c1-3d305474a717.tmp</t>
  </si>
  <si>
    <t>\\acsfs\profiles$\paulovadc\Downloads\0e8d6523-b494-42fe-a6c1-3d305474a717.tmp</t>
  </si>
  <si>
    <t>01/23/2020 08:58:57</t>
  </si>
  <si>
    <t>Unconfirmed 414.crdownload</t>
  </si>
  <si>
    <t>\\acsfs\profiles$\paulovadc\Downloads\Unconfirmed 414.crdownload</t>
  </si>
  <si>
    <t>01/23/2020 08:59:17</t>
  </si>
  <si>
    <t>5b35fd19-b536-4c57-aeac-8e41ad9c6460.tmp</t>
  </si>
  <si>
    <t>\\acsfs\profiles$\paulovadc\Downloads\5b35fd19-b536-4c57-aeac-8e41ad9c6460.tmp</t>
  </si>
  <si>
    <t>01/23/2020 08:59:29</t>
  </si>
  <si>
    <t>Unconfirmed 436433.crdownload</t>
  </si>
  <si>
    <t>\\acsfs\profiles$\paulovadc\Downloads\Unconfirmed 436433.crdownload</t>
  </si>
  <si>
    <t>01/23/2020 09:00:12</t>
  </si>
  <si>
    <t>9e24a5db-1382-4085-ab34-fedc1fb4f6ee.tmp</t>
  </si>
  <si>
    <t>\\acsfs\profiles$\paulovadc\Downloads\9e24a5db-1382-4085-ab34-fedc1fb4f6ee.tmp</t>
  </si>
  <si>
    <t>01/23/2020 08:59:56</t>
  </si>
  <si>
    <t>Vídeo.mov.khkwpin.partial</t>
  </si>
  <si>
    <t>\\acsfs\profiles$\nathalydds\Downloads\Vídeo.mov.khkwpin.partial</t>
  </si>
  <si>
    <t>01/23/2020 09:00:24</t>
  </si>
  <si>
    <t>Surtada (Remix Brega Funk).rew0aji.partial</t>
  </si>
  <si>
    <t>\\acsfs\profiles$\nathalydds\Downloads\Surtada (Remix Brega Funk).rew0aji.partial</t>
  </si>
  <si>
    <t>01/23/2020 09:01:48</t>
  </si>
  <si>
    <t>2ab29cfc-b4ce-4f30-9301-dee3827becfe.tmp</t>
  </si>
  <si>
    <t>\\acsfs\profiles$\talitafdc\Downloads\2ab29cfc-b4ce-4f30-9301-dee3827becfe.tmp</t>
  </si>
  <si>
    <t>01/23/2020 08:58:25</t>
  </si>
  <si>
    <t>1939391d-2b35-4555-be99-c0a8364fcbe7.tmp</t>
  </si>
  <si>
    <t>\\acsfs\profiles$\talitafdc\Downloads\1939391d-2b35-4555-be99-c0a8364fcbe7.tmp</t>
  </si>
  <si>
    <t>01/23/2020 08:59:08</t>
  </si>
  <si>
    <t>b45d0028-351a-4e79-9ed6-7ca35aec50b4.tmp</t>
  </si>
  <si>
    <t>\\acsfs\profiles$\talitafdc\Downloads\b45d0028-351a-4e79-9ed6-7ca35aec50b4.tmp</t>
  </si>
  <si>
    <t>5346575e-f507-48a9-936b-22b41b871a29.tmp</t>
  </si>
  <si>
    <t>\\acsfs\profiles$\gabriellalpr\Downloads\5346575e-f507-48a9-936b-22b41b871a29.tmp</t>
  </si>
  <si>
    <t>01/23/2020 08:57:51</t>
  </si>
  <si>
    <t>8aca8180-f9b7-4e94-9d41-9b5499b518ee.tmp</t>
  </si>
  <si>
    <t>\\acsfs\profiles$\gabriellalpr\Downloads\8aca8180-f9b7-4e94-9d41-9b5499b518ee.tmp</t>
  </si>
  <si>
    <t>01/23/2020 08:59:19</t>
  </si>
  <si>
    <t>01/23/2020 09:02:47</t>
  </si>
  <si>
    <t>01/23/2020 09:01:19</t>
  </si>
  <si>
    <t>01/23/2020 08:59:43</t>
  </si>
  <si>
    <t>flat-infographic-template-with-steps_23-2148260367.jpg.crdownload</t>
  </si>
  <si>
    <t>\\acsfs\DEPTOS\EDUCACAO EMPRESARIAL\2 - Operações\0 - BV\1 - TREINADORES\Haruna\INFOGRAFICOS\flat-infographic-template-with-steps_23-2148260367.jpg.crdownload</t>
  </si>
  <si>
    <t>flat-infographic-template-with-steps_23-2148260367.jpg:Zone.Identifier</t>
  </si>
  <si>
    <t>\\acsfs\DEPTOS\EDUCACAO EMPRESARIAL\2 - Operações\0 - BV\1 - TREINADORES\Haruna\INFOGRAFICOS\flat-infographic-template-with-steps_23-2148260367.jpg:Zone.Identifier</t>
  </si>
  <si>
    <t>01/23/2020 09:00:04</t>
  </si>
  <si>
    <t>colecao-de-elementos-infografico-gradiente_52683-22313.jpg.crdownload</t>
  </si>
  <si>
    <t>\\acsfs\DEPTOS\EDUCACAO EMPRESARIAL\2 - Operações\0 - BV\1 - TREINADORES\Haruna\INFOGRAFICOS\colecao-de-elementos-infografico-gradiente_52683-22313.jpg.crdownload</t>
  </si>
  <si>
    <t>colecao-de-elementos-infografico-gradiente_52683-22313.jpg:Zone.Identifier</t>
  </si>
  <si>
    <t>\\acsfs\DEPTOS\EDUCACAO EMPRESARIAL\2 - Operações\0 - BV\1 - TREINADORES\Haruna\INFOGRAFICOS\colecao-de-elementos-infografico-gradiente_52683-22313.jpg:Zone.Identifier</t>
  </si>
  <si>
    <t>01/23/2020 08:58:01</t>
  </si>
  <si>
    <t>fcf78725-38f3-4b79-88f4-6f9a58e34c2f.tmp</t>
  </si>
  <si>
    <t>\\acsfs\profiles$\danielmlds\Downloads\fcf78725-38f3-4b79-88f4-6f9a58e34c2f.tmp</t>
  </si>
  <si>
    <t>01/23/2020 08:59:33</t>
  </si>
  <si>
    <t>03177bdd-cbb7-4362-881e-bd4be1b90bcf.tmp</t>
  </si>
  <si>
    <t>\\acsfs\profiles$\danielmlds\Downloads\03177bdd-cbb7-4362-881e-bd4be1b90bcf.tmp</t>
  </si>
  <si>
    <t>01/23/2020 08:57:48</t>
  </si>
  <si>
    <t>60dbb40c-df70-46bc-aa95-69e9af6d116b.tmp</t>
  </si>
  <si>
    <t>\\acsfs\profiles$\esterasg\Downloads\60dbb40c-df70-46bc-aa95-69e9af6d116b.tmp</t>
  </si>
  <si>
    <t>01/23/2020 08:58:17</t>
  </si>
  <si>
    <t>01/23/2020 09:03:48</t>
  </si>
  <si>
    <t>aaa79096-e28b-4f46-b2ff-6cddab3b22ed.tmp</t>
  </si>
  <si>
    <t>\\acsfs\profiles$\esterasg\Downloads\aaa79096-e28b-4f46-b2ff-6cddab3b22ed.tmp</t>
  </si>
  <si>
    <t>01/23/2020 09:00:11</t>
  </si>
  <si>
    <t>01/23/2020 09:00:31</t>
  </si>
  <si>
    <t>01/23/2020 09:04:47</t>
  </si>
  <si>
    <t>d2921cd2-4a8c-4566-bb41-91915d3c9df9.tmp</t>
  </si>
  <si>
    <t>\\acsfs\profiles$\isabellegtds\Downloads\d2921cd2-4a8c-4566-bb41-91915d3c9df9.tmp</t>
  </si>
  <si>
    <t>01/23/2020 09:02:46</t>
  </si>
  <si>
    <t>d458feab-27e3-45b8-a7d5-7b82628f8b16.tmp</t>
  </si>
  <si>
    <t>\\acsfs\profiles$\isabellegtds\Downloads\d458feab-27e3-45b8-a7d5-7b82628f8b16.tmp</t>
  </si>
  <si>
    <t>01/23/2020 09:03:09</t>
  </si>
  <si>
    <t>60772f33-6931-49d9-a9b5-4850e5b8c01c.tmp</t>
  </si>
  <si>
    <t>\\acsfs\profiles$\isabellegtds\Downloads\60772f33-6931-49d9-a9b5-4850e5b8c01c.tmp</t>
  </si>
  <si>
    <t>01/23/2020 09:00:08</t>
  </si>
  <si>
    <t>01/23/2020 08:59:54</t>
  </si>
  <si>
    <t>outlook.office.com/owa/service.svc?action=CreateItem&amp;app=Mail&amp;n=111</t>
  </si>
  <si>
    <t>01/23/2020 09:00:09</t>
  </si>
  <si>
    <t>c9046d42-af69-4477-a82a-00ef166eedbb.tmp</t>
  </si>
  <si>
    <t>\\acsfs\profiles$\gabrielsma\Downloads\c9046d42-af69-4477-a82a-00ef166eedbb.tmp</t>
  </si>
  <si>
    <t>01/23/2020 09:00:54</t>
  </si>
  <si>
    <t>01/23/2020 09:01:27</t>
  </si>
  <si>
    <t>.~lock.NPS CRBV.xlsx#</t>
  </si>
  <si>
    <t>\\acsfs\ACS\Gabriel da Silva\Contemporânea\NPS\.~lock.NPS CRBV.xlsx#</t>
  </si>
  <si>
    <t>01/23/2020 09:03:56</t>
  </si>
  <si>
    <t>7dc40759-c93a-4045-bc16-e79f846839b1.tmp</t>
  </si>
  <si>
    <t>\\acsfs\profiles$\yurics\Downloads\7dc40759-c93a-4045-bc16-e79f846839b1.tmp</t>
  </si>
  <si>
    <t>01/23/2020 09:04:07</t>
  </si>
  <si>
    <t>835bba3d-662a-499b-ba36-76eeb350cfa3.tmp</t>
  </si>
  <si>
    <t>\\acsfs\profiles$\yurics\Downloads\835bba3d-662a-499b-ba36-76eeb350cfa3.tmp</t>
  </si>
  <si>
    <t>01/23/2020 09:04:17</t>
  </si>
  <si>
    <t>f8003d97-2962-4f0a-9222-134585d22a09.tmp</t>
  </si>
  <si>
    <t>\\acsfs\profiles$\yurics\Downloads\f8003d97-2962-4f0a-9222-134585d22a09.tmp</t>
  </si>
  <si>
    <t>01/23/2020 09:05:47</t>
  </si>
  <si>
    <t>01/23/2020 09:02:06</t>
  </si>
  <si>
    <t>b405d25b-468e-46bb-af93-1f9d1b8568a7.tmp</t>
  </si>
  <si>
    <t>\\acsfs\profiles$\THYAGOSP\Downloads\b405d25b-468e-46bb-af93-1f9d1b8568a7.tmp</t>
  </si>
  <si>
    <t>01/23/2020 09:04:02</t>
  </si>
  <si>
    <t>79f977c8-d70a-4db5-8e40-01a21e3949ed.tmp</t>
  </si>
  <si>
    <t>\\acsfs\profiles$\THYAGOSP\Downloads\79f977c8-d70a-4db5-8e40-01a21e3949ed.tmp</t>
  </si>
  <si>
    <t>01/23/2020 09:02:19</t>
  </si>
  <si>
    <t>d61c3e8b-86d8-4bc7-851d-dad8e3f24452.tmp</t>
  </si>
  <si>
    <t>\\acsfs\profiles$\paulovadc\Downloads\d61c3e8b-86d8-4bc7-851d-dad8e3f24452.tmp</t>
  </si>
  <si>
    <t>01/23/2020 09:01:32</t>
  </si>
  <si>
    <t>01/23/2020 09:06:47</t>
  </si>
  <si>
    <t>54d58246-180d-43e8-8b08-3f57599c1ff8.tmp</t>
  </si>
  <si>
    <t>\\acsfs\profiles$\wedersonbadr\My Documents\My Music\54d58246-180d-43e8-8b08-3f57599c1ff8.tmp</t>
  </si>
  <si>
    <t>01/23/2020 09:01:52</t>
  </si>
  <si>
    <t>c3aa1443-c619-40c2-89a7-1c320ff942fb.tmp</t>
  </si>
  <si>
    <t>\\acsfs\profiles$\wedersonbadr\My Documents\My Music\c3aa1443-c619-40c2-89a7-1c320ff942fb.tmp</t>
  </si>
  <si>
    <t>01/23/2020 09:03:46</t>
  </si>
  <si>
    <t>01/23/2020 09:07:47</t>
  </si>
  <si>
    <t>download (1).jpg.crdownload</t>
  </si>
  <si>
    <t>\\acsfs\DEPTOS\EDUCACAO EMPRESARIAL\2 - Operações\0 - BV\1 - TREINADORES\Haruna\INFOGRAFICOS\download (1).jpg.crdownload</t>
  </si>
  <si>
    <t>download (1).jpg:Zone.Identifier</t>
  </si>
  <si>
    <t>\\acsfs\DEPTOS\EDUCACAO EMPRESARIAL\2 - Operações\0 - BV\1 - TREINADORES\Haruna\INFOGRAFICOS\download (1).jpg:Zone.Identifier</t>
  </si>
  <si>
    <t>01/23/2020 09:03:53</t>
  </si>
  <si>
    <t>infografico-da-linha-do-tempo-gradiente_52683-27856.jpg.crdownload</t>
  </si>
  <si>
    <t>\\acsfs\DEPTOS\EDUCACAO EMPRESARIAL\2 - Operações\0 - BV\1 - TREINADORES\Haruna\INFOGRAFICOS\infografico-da-linha-do-tempo-gradiente_52683-27856.jpg.crdownload</t>
  </si>
  <si>
    <t>01/23/2020 09:03:54</t>
  </si>
  <si>
    <t>infografico-da-linha-do-tempo-gradiente_52683-27856.jpg:Zone.Identifier</t>
  </si>
  <si>
    <t>\\acsfs\DEPTOS\EDUCACAO EMPRESARIAL\2 - Operações\0 - BV\1 - TREINADORES\Haruna\INFOGRAFICOS\infografico-da-linha-do-tempo-gradiente_52683-27856.jpg:Zone.Identifier</t>
  </si>
  <si>
    <t>01/23/2020 09:04:30</t>
  </si>
  <si>
    <t>01/23/2020 09:04:31</t>
  </si>
  <si>
    <t>01/23/2020 09:04:34</t>
  </si>
  <si>
    <t>01/23/2020 09:04:35</t>
  </si>
  <si>
    <t>01/23/2020 09:04:37</t>
  </si>
  <si>
    <t>01/23/2020 09:04:40</t>
  </si>
  <si>
    <t>01/23/2020 09:04:42</t>
  </si>
  <si>
    <t>01/23/2020 09:04:43</t>
  </si>
  <si>
    <t>01/23/2020 09:04:44</t>
  </si>
  <si>
    <t>01/23/2020 09:04:46</t>
  </si>
  <si>
    <t>01/23/2020 09:03:12</t>
  </si>
  <si>
    <t>01/23/2020 09:08:48</t>
  </si>
  <si>
    <t>cfcc50d2-3a1e-496c-83aa-23e71e464b32.tmp</t>
  </si>
  <si>
    <t>\\acsfs\profiles$\Flaviojmm\Downloads\cfcc50d2-3a1e-496c-83aa-23e71e464b32.tmp</t>
  </si>
  <si>
    <t>01/23/2020 09:05:01</t>
  </si>
  <si>
    <t>5f424862-f559-465d-8e0b-a8d279b1aaf0.tmp</t>
  </si>
  <si>
    <t>\\acsfs\profiles$\Flaviojmm\Downloads\5f424862-f559-465d-8e0b-a8d279b1aaf0.tmp</t>
  </si>
  <si>
    <t>01/23/2020 09:05:42</t>
  </si>
  <si>
    <t>7bbc7985-9944-4a14-9926-ad2971ad899a.tmp</t>
  </si>
  <si>
    <t>\\acsfs\profiles$\Flaviojmm\Downloads\7bbc7985-9944-4a14-9926-ad2971ad899a.tmp</t>
  </si>
  <si>
    <t>\\acsfs\profiles$\Flaviojmm\Downloads\7bbc7985-9944-4a14-9926-ad2971ad899a.tmp\</t>
  </si>
  <si>
    <t>\\acsfs\profiles$\Flaviojmm\Downloads\7bbc7985-9944-4a14-9926-ad2971ad899a.tmp\META-INF\</t>
  </si>
  <si>
    <t>\\acsfs\profiles$\Flaviojmm\Downloads\7bbc7985-9944-4a14-9926-ad2971ad899a.tmp\Thumbnails\</t>
  </si>
  <si>
    <t>01/23/2020 09:05:50</t>
  </si>
  <si>
    <t>\\acsfs\profiles$\Flaviojmm\Downloads\.~lock.PLANILHA RENEG 26-01.ods#</t>
  </si>
  <si>
    <t>01/23/2020 09:06:30</t>
  </si>
  <si>
    <t>a27a5a2b-172e-4977-88a4-b438073fe891.tmp</t>
  </si>
  <si>
    <t>\\acsfs\profiles$\Flaviojmm\Downloads\a27a5a2b-172e-4977-88a4-b438073fe891.tmp</t>
  </si>
  <si>
    <t>\\acsfs\profiles$\Flaviojmm\Downloads\a27a5a2b-172e-4977-88a4-b438073fe891.tmp\</t>
  </si>
  <si>
    <t>\\acsfs\profiles$\Flaviojmm\Downloads\a27a5a2b-172e-4977-88a4-b438073fe891.tmp\META-INF\</t>
  </si>
  <si>
    <t>\\acsfs\profiles$\Flaviojmm\Downloads\a27a5a2b-172e-4977-88a4-b438073fe891.tmp\Thumbnails\</t>
  </si>
  <si>
    <t>01/23/2020 09:06:38</t>
  </si>
  <si>
    <t>\\acsfs\profiles$\Flaviojmm\Downloads\.~lock.PLANILHA RENEG.ods#</t>
  </si>
  <si>
    <t>01/23/2020 09:07:49</t>
  </si>
  <si>
    <t>01/23/2020 09:06:05</t>
  </si>
  <si>
    <t>af0d340d-ed1d-4fd4-b79a-361bb448f823.tmp</t>
  </si>
  <si>
    <t>\\acsfs\profiles$\larissaad\Downloads\af0d340d-ed1d-4fd4-b79a-361bb448f823.tmp</t>
  </si>
  <si>
    <t>01/23/2020 09:04:56</t>
  </si>
  <si>
    <t>01/23/2020 09:09:47</t>
  </si>
  <si>
    <t>1e85915a-12ea-4d37-9abc-155023c544ed.tmp</t>
  </si>
  <si>
    <t>\\acsfs\profiles$\PEDROHAB\Downloads\1e85915a-12ea-4d37-9abc-155023c544ed.tmp</t>
  </si>
  <si>
    <t>01/23/2020 09:04:57</t>
  </si>
  <si>
    <t>505e5de5-38c4-472a-bd37-93e0e731f44c.tmp</t>
  </si>
  <si>
    <t>\\acsfs\profiles$\PEDROHAB\Downloads\505e5de5-38c4-472a-bd37-93e0e731f44c.tmp</t>
  </si>
  <si>
    <t>01/23/2020 09:06:50</t>
  </si>
  <si>
    <t>aa5d7c08-e3dd-42c8-8314-4bf392cdf980.tmp</t>
  </si>
  <si>
    <t>\\acsfs\profiles$\PEDROHAB\Downloads\aa5d7c08-e3dd-42c8-8314-4bf392cdf980.tmp</t>
  </si>
  <si>
    <t>01/23/2020 09:04:49</t>
  </si>
  <si>
    <t>01/23/2020 09:08:30</t>
  </si>
  <si>
    <t>01/23/2020 09:05:38</t>
  </si>
  <si>
    <t>\\acsfs\ACS\Gabriel da Silva\Contemporânea\NPS\Thumbs.db</t>
  </si>
  <si>
    <t>01/23/2020 09:10:47</t>
  </si>
  <si>
    <t>01/23/2020 09:10:57</t>
  </si>
  <si>
    <t>01/23/2020 09:12:47</t>
  </si>
  <si>
    <t>01/23/2020 09:08:10</t>
  </si>
  <si>
    <t>01/23/2020 09:13:47</t>
  </si>
  <si>
    <t>490a2372-4451-4dcc-b004-d975397be707.tmp</t>
  </si>
  <si>
    <t>\\acsfs\profiles$\Flaviojmm\Downloads\490a2372-4451-4dcc-b004-d975397be707.tmp</t>
  </si>
  <si>
    <t>01/23/2020 09:08:03</t>
  </si>
  <si>
    <t>809a8c35-9833-43ef-be6c-29581fb375df.tmp</t>
  </si>
  <si>
    <t>\\acsfs\profiles$\kellzylenneasr\Downloads\809a8c35-9833-43ef-be6c-29581fb375df.tmp</t>
  </si>
  <si>
    <t>01/23/2020 09:09:16</t>
  </si>
  <si>
    <t>c70a8d57-4af0-4d03-9d82-2cf32d421a8d.tmp</t>
  </si>
  <si>
    <t>\\acsfs\profiles$\kellzylenneasr\Downloads\c70a8d57-4af0-4d03-9d82-2cf32d421a8d.tmp</t>
  </si>
  <si>
    <t>01/23/2020 09:14:48</t>
  </si>
  <si>
    <t>01/23/2020 09:09:46</t>
  </si>
  <si>
    <t>01/23/2020 09:12:05</t>
  </si>
  <si>
    <t>2fc0c379-cd33-4441-93d0-bdc28c09703d.tmp</t>
  </si>
  <si>
    <t>\\acsfs\profiles$\mariajra\Downloads\2fc0c379-cd33-4441-93d0-bdc28c09703d.tmp</t>
  </si>
  <si>
    <t>01/23/2020 09:15:47</t>
  </si>
  <si>
    <t>01/23/2020 09:14:05</t>
  </si>
  <si>
    <t>10d4c46c-2b34-4d9b-bf32-afacb42ff352.tmp</t>
  </si>
  <si>
    <t>\\acsfs\profiles$\nataliacsl\Downloads\10d4c46c-2b34-4d9b-bf32-afacb42ff352.tmp</t>
  </si>
  <si>
    <t>01/23/2020 09:14:09</t>
  </si>
  <si>
    <t>10.200.66.69</t>
  </si>
  <si>
    <t>D0-67-E5-FF-14-72</t>
  </si>
  <si>
    <t>VOTORANT-AFB005</t>
  </si>
  <si>
    <t>larissaeds</t>
  </si>
  <si>
    <t>https://trc.taboola.com/msn-display-brazil/log/3/perf?route=us:us:v&amp;lti=deflated</t>
  </si>
  <si>
    <t>01/23/2020 09:14:34</t>
  </si>
  <si>
    <t>01/23/2020 09:14:46</t>
  </si>
  <si>
    <t>f7863ce5-9b39-41fd-80f3-89573ef5aff7.tmp</t>
  </si>
  <si>
    <t>\\acsfs\profiles$\LUCASNS\Downloads\f7863ce5-9b39-41fd-80f3-89573ef5aff7.tmp</t>
  </si>
  <si>
    <t>aa3f0c9d-0bed-4eb7-8a2f-330aad0eadc2.tmp</t>
  </si>
  <si>
    <t>\\acsfs\profiles$\LUCASNS\Downloads\aa3f0c9d-0bed-4eb7-8a2f-330aad0eadc2.tmp</t>
  </si>
  <si>
    <t>01/23/2020 09:15:42</t>
  </si>
  <si>
    <t>319ebfac-bf77-4fb9-ad2d-9d0ca3d27399.tmp</t>
  </si>
  <si>
    <t>\\acsfs\profiles$\LUCASNS\Downloads\319ebfac-bf77-4fb9-ad2d-9d0ca3d27399.tmp</t>
  </si>
  <si>
    <t>01/23/2020 09:16:57</t>
  </si>
  <si>
    <t>01/23/2020 09:17:48</t>
  </si>
  <si>
    <t>01/23/2020 09:12:19</t>
  </si>
  <si>
    <t>01/23/2020 09:12:49</t>
  </si>
  <si>
    <t>01/23/2020 09:13:19</t>
  </si>
  <si>
    <t>01/23/2020 09:20:47</t>
  </si>
  <si>
    <t>01/23/2020 09:18:52</t>
  </si>
  <si>
    <t>01/23/2020 09:21:47</t>
  </si>
  <si>
    <t>60664cd7-1fff-435d-94c4-4295eb55da62.tmp</t>
  </si>
  <si>
    <t>\\acsfs\profiles$\rafaelamsv\Downloads\60664cd7-1fff-435d-94c4-4295eb55da62.tmp</t>
  </si>
  <si>
    <t>01/23/2020 09:19:16</t>
  </si>
  <si>
    <t>c26ef28a-a069-4e65-a448-621f0afb84d7.tmp</t>
  </si>
  <si>
    <t>\\acsfs\profiles$\rafaelamsv\Downloads\c26ef28a-a069-4e65-a448-621f0afb84d7.tmp</t>
  </si>
  <si>
    <t>01/23/2020 09:20:17</t>
  </si>
  <si>
    <t>96227d05-5c88-4c4b-b679-40a18f5d2bf6.tmp</t>
  </si>
  <si>
    <t>\\acsfs\profiles$\gabrielhca\Downloads\96227d05-5c88-4c4b-b679-40a18f5d2bf6.tmp</t>
  </si>
  <si>
    <t>01/23/2020 09:21:29</t>
  </si>
  <si>
    <t>6ba9fcb6-e027-4ee4-92a5-a95e5e1fabc8.tmp</t>
  </si>
  <si>
    <t>\\acsfs\profiles$\ALYNYA\Downloads\6ba9fcb6-e027-4ee4-92a5-a95e5e1fabc8.tmp</t>
  </si>
  <si>
    <t>01/23/2020 09:18:49</t>
  </si>
  <si>
    <t>01/23/2020 09:22:47</t>
  </si>
  <si>
    <t>01/23/2020 09:19:19</t>
  </si>
  <si>
    <t>01/23/2020 09:21:49</t>
  </si>
  <si>
    <t>01/23/2020 09:18:45</t>
  </si>
  <si>
    <t>01/23/2020 09:23:47</t>
  </si>
  <si>
    <t>01/23/2020 09:18:54</t>
  </si>
  <si>
    <t>01/23/2020 09:24:48</t>
  </si>
  <si>
    <t>01/23/2020 09:24:21</t>
  </si>
  <si>
    <t>f0f4958f-4808-45e9-b918-174c0f5e829c.tmp</t>
  </si>
  <si>
    <t>\\acsfs\profiles$\milenaas\Downloads\f0f4958f-4808-45e9-b918-174c0f5e829c.tmp</t>
  </si>
  <si>
    <t>01/23/2020 09:25:47</t>
  </si>
  <si>
    <t>01/23/2020 09:26:48</t>
  </si>
  <si>
    <t>01/23/2020 09:21:23</t>
  </si>
  <si>
    <t>b15e2f7c-9bf2-4819-bd2c-263cc61591c0.tmp</t>
  </si>
  <si>
    <t>\\acsfs\profiles$\gabrielhca\Downloads\b15e2f7c-9bf2-4819-bd2c-263cc61591c0.tmp</t>
  </si>
  <si>
    <t>01/23/2020 09:22:20</t>
  </si>
  <si>
    <t>5a391d1c-ac61-4be9-9746-26d0fa1facab.tmp</t>
  </si>
  <si>
    <t>\\acsfs\profiles$\gabrielhca\Downloads\5a391d1c-ac61-4be9-9746-26d0fa1facab.tmp</t>
  </si>
  <si>
    <t>01/23/2020 09:22:38</t>
  </si>
  <si>
    <t>cf3073ec-2b48-4b4b-ae44-1d7e9d2cfe96.tmp</t>
  </si>
  <si>
    <t>\\acsfs\profiles$\gabrielhca\Downloads\cf3073ec-2b48-4b4b-ae44-1d7e9d2cfe96.tmp</t>
  </si>
  <si>
    <t>01/23/2020 09:26:21</t>
  </si>
  <si>
    <t>01/23/2020 09:27:47</t>
  </si>
  <si>
    <t>129fdd50-0164-474c-bf9f-5f1c5f329a1d.tmp</t>
  </si>
  <si>
    <t>\\acsfs\profiles$\lorrainerdl\Downloads\129fdd50-0164-474c-bf9f-5f1c5f329a1d.tmp</t>
  </si>
  <si>
    <t>01/23/2020 09:22:49</t>
  </si>
  <si>
    <t>01/23/2020 09:24:19</t>
  </si>
  <si>
    <t>01/23/2020 09:24:49</t>
  </si>
  <si>
    <t>01/23/2020 09:25:19</t>
  </si>
  <si>
    <t>01/23/2020 09:29:01</t>
  </si>
  <si>
    <t>01/23/2020 09:29:47</t>
  </si>
  <si>
    <t>01/23/2020 09:30:47</t>
  </si>
  <si>
    <t>01/23/2020 09:27:17</t>
  </si>
  <si>
    <t>a97be9af-96c6-43fa-b88c-d650f508ce12.tmp</t>
  </si>
  <si>
    <t>\\acsfs\profiles$\nathaliarmr\Downloads\a97be9af-96c6-43fa-b88c-d650f508ce12.tmp</t>
  </si>
  <si>
    <t>01/20/2020 15:51:29</t>
  </si>
  <si>
    <t>01/23/2020 09:31:48</t>
  </si>
  <si>
    <t>01/23/2020 09:28:09</t>
  </si>
  <si>
    <t>c3b56fae-7c41-47e3-9d01-2a529414a6fc.tmp</t>
  </si>
  <si>
    <t>\\acsfs\profiles$\lorraynevam\Downloads\c3b56fae-7c41-47e3-9d01-2a529414a6fc.tmp</t>
  </si>
  <si>
    <t>01/23/2020 09:27:50</t>
  </si>
  <si>
    <t>01/23/2020 09:32:47</t>
  </si>
  <si>
    <t>01/23/2020 09:28:50</t>
  </si>
  <si>
    <t>01/23/2020 09:29:20</t>
  </si>
  <si>
    <t>01/23/2020 09:29:50</t>
  </si>
  <si>
    <t>01/23/2020 09:30:20</t>
  </si>
  <si>
    <t>01/23/2020 09:30:50</t>
  </si>
  <si>
    <t>01/23/2020 09:31:20</t>
  </si>
  <si>
    <t>01/23/2020 09:33:48</t>
  </si>
  <si>
    <t>01/23/2020 09:31:23</t>
  </si>
  <si>
    <t>01/23/2020 09:32:28</t>
  </si>
  <si>
    <t>17d9b11d-2a02-4510-8600-6f2967bc2594.tmp</t>
  </si>
  <si>
    <t>\\acsfs\profiles$\henriquehmdo\Downloads\17d9b11d-2a02-4510-8600-6f2967bc2594.tmp</t>
  </si>
  <si>
    <t>01/23/2020 09:32:34</t>
  </si>
  <si>
    <t>01/23/2020 09:33:40</t>
  </si>
  <si>
    <t>01/23/2020 09:34:47</t>
  </si>
  <si>
    <t>01/23/2020 09:33:42</t>
  </si>
  <si>
    <t>\\acsfs\Deptos\Operacao\Banco_Votorantim\Comum\COMUNICADOS\Thumbs.db</t>
  </si>
  <si>
    <t>01/23/2020 09:34:19</t>
  </si>
  <si>
    <t>\\acsfs\Deptos\Operacao\Banco_Votorantim\Comum\COMUNICADOS\COMUNICADOS TV PPT\</t>
  </si>
  <si>
    <t>\\acsfs\Deptos\Operacao\Banco_Votorantim\Comum\COMUNICADOS\COMUNICADOS TV PPT\Thumbs.db</t>
  </si>
  <si>
    <t>01/23/2020 09:32:10</t>
  </si>
  <si>
    <t>01/23/2020 09:35:48</t>
  </si>
  <si>
    <t>01/23/2020 09:36:47</t>
  </si>
  <si>
    <t>01/23/2020 09:32:11</t>
  </si>
  <si>
    <t>a6891884-c4c7-49dc-99a4-b5e0ff8aa4bf.tmp</t>
  </si>
  <si>
    <t>\\acsfs\profiles$\gabrielhca\Downloads\a6891884-c4c7-49dc-99a4-b5e0ff8aa4bf.tmp</t>
  </si>
  <si>
    <t>01/23/2020 09:35:29</t>
  </si>
  <si>
    <t>4053e966-5c1c-49f7-bfca-a38234db7f2b.tmp</t>
  </si>
  <si>
    <t>\\acsfs\profiles$\jhonatadss\Downloads\4053e966-5c1c-49f7-bfca-a38234db7f2b.tmp</t>
  </si>
  <si>
    <t>01/23/2020 09:34:48</t>
  </si>
  <si>
    <t>kamillacr</t>
  </si>
  <si>
    <t>https://udpwfmniceap02/web/guest/home?p_auth=6nkbjtq7&amp;p_p_id=58&amp;p_p_lifecycle=1&amp;p_p_state=maximized&amp;p_p_mode=view&amp;savelastpath=0&amp;_58_struts_action=/login/forgot_password</t>
  </si>
  <si>
    <t>01/23/2020 09:32:18</t>
  </si>
  <si>
    <t>01/23/2020 09:37:48</t>
  </si>
  <si>
    <t>01/23/2020 09:36:44</t>
  </si>
  <si>
    <t>f7ce6200-fba7-438a-85e3-0687433b3ec3.tmp</t>
  </si>
  <si>
    <t>\\acsfs\profiles$\lorrainerdl\Downloads\f7ce6200-fba7-438a-85e3-0687433b3ec3.tmp</t>
  </si>
  <si>
    <t>01/23/2020 09:34:50</t>
  </si>
  <si>
    <t>01/23/2020 09:35:20</t>
  </si>
  <si>
    <t>01/23/2020 09:38:48</t>
  </si>
  <si>
    <t>f14c6c0b-30ba-4857-a54a-0954b98b7c38.tmp</t>
  </si>
  <si>
    <t>\\acsfs\profiles$\henriquehmdo\Downloads\f14c6c0b-30ba-4857-a54a-0954b98b7c38.tmp</t>
  </si>
  <si>
    <t>01/23/2020 09:34:43</t>
  </si>
  <si>
    <t>01/23/2020 09:35:27</t>
  </si>
  <si>
    <t>01/23/2020 09:36:01</t>
  </si>
  <si>
    <t>01/23/2020 09:39:49</t>
  </si>
  <si>
    <t>4fe88311-205b-4769-a1a2-771f4109e962.tmp</t>
  </si>
  <si>
    <t>\\acsfs\profiles$\PEDROHAB\Downloads\4fe88311-205b-4769-a1a2-771f4109e962.tmp</t>
  </si>
  <si>
    <t>01/23/2020 09:34:33</t>
  </si>
  <si>
    <t>\\acsfs\Deptos\Operacao\Banco_Votorantim\Comum\COMUNICADOS\Informativos\</t>
  </si>
  <si>
    <t>\\acsfs\Deptos\Operacao\Banco_Votorantim\Comum\COMUNICADOS\Informativos\Thumbs.db</t>
  </si>
  <si>
    <t>01/23/2020 09:35:59</t>
  </si>
  <si>
    <t>\\acsfs\Deptos\Operacao\Banco_Votorantim\Comum\COMUNICADOS\Vídeos\</t>
  </si>
  <si>
    <t>\\acsfs\Deptos\Operacao\Banco_Votorantim\Comum\COMUNICADOS\Vídeos\Thumbs.db</t>
  </si>
  <si>
    <t>01/23/2020 09:36:45</t>
  </si>
  <si>
    <t>01/23/2020 09:41:11</t>
  </si>
  <si>
    <t>01/23/2020 09:36:07</t>
  </si>
  <si>
    <t>d693d9a4-84f8-4e36-85f9-d3cdaa0025d0.tmp</t>
  </si>
  <si>
    <t>\\acsfs\profiles$\sarahbal\Downloads\d693d9a4-84f8-4e36-85f9-d3cdaa0025d0.tmp</t>
  </si>
  <si>
    <t>01/23/2020 09:39:25</t>
  </si>
  <si>
    <t>01/23/2020 09:41:49</t>
  </si>
  <si>
    <t>447e82b9-96c7-457a-af2d-a881f9ebcb90.tmp</t>
  </si>
  <si>
    <t>\\acsfs\profiles$\talitafdc\Downloads\447e82b9-96c7-457a-af2d-a881f9ebcb90.tmp</t>
  </si>
  <si>
    <t>01/23/2020 09:36:57</t>
  </si>
  <si>
    <t>97c0ea2e-ca91-4b08-81ca-dbed450c326b.tmp</t>
  </si>
  <si>
    <t>\\acsfs\profiles$\jhonatadss\Downloads\97c0ea2e-ca91-4b08-81ca-dbed450c326b.tmp</t>
  </si>
  <si>
    <t>01/23/2020 09:37:29</t>
  </si>
  <si>
    <t>cae6eb9b-ed9d-48a3-b301-08c53580cff7.tmp</t>
  </si>
  <si>
    <t>\\acsfs\profiles$\jhonatadss\Downloads\cae6eb9b-ed9d-48a3-b301-08c53580cff7.tmp</t>
  </si>
  <si>
    <t>01/23/2020 09:38:52</t>
  </si>
  <si>
    <t>604d5ca9-716e-4fac-a494-7f827c4e84cd.tmp</t>
  </si>
  <si>
    <t>\\acsfs\profiles$\jhonatadss\Downloads\604d5ca9-716e-4fac-a494-7f827c4e84cd.tmp</t>
  </si>
  <si>
    <t>01/23/2020 09:39:09</t>
  </si>
  <si>
    <t>2e8eb3e3-121c-4f2c-b098-01758dfc5940.tmp</t>
  </si>
  <si>
    <t>\\acsfs\profiles$\jhonatadss\Downloads\2e8eb3e3-121c-4f2c-b098-01758dfc5940.tmp</t>
  </si>
  <si>
    <t>01/23/2020 09:38:45</t>
  </si>
  <si>
    <t>https://udpwfmniceap02/pt_br/web/guest/home?p_auth=6nkbjtq7&amp;p_p_id=58&amp;p_p_lifecycle=1&amp;p_p_state=maximized&amp;p_p_mode=view&amp;savelastpath=0&amp;_58_struts_action=/login/forgot_password</t>
  </si>
  <si>
    <t>01/23/2020 09:37:20</t>
  </si>
  <si>
    <t>01/23/2020 09:42:49</t>
  </si>
  <si>
    <t>01/23/2020 09:37:50</t>
  </si>
  <si>
    <t>01/23/2020 09:38:20</t>
  </si>
  <si>
    <t>01/23/2020 09:38:50</t>
  </si>
  <si>
    <t>01/23/2020 09:39:20</t>
  </si>
  <si>
    <t>01/23/2020 09:40:20</t>
  </si>
  <si>
    <t>01/23/2020 09:40:50</t>
  </si>
  <si>
    <t>01/23/2020 09:39:22</t>
  </si>
  <si>
    <t>01/23/2020 09:42:02</t>
  </si>
  <si>
    <t>01/23/2020 09:43:49</t>
  </si>
  <si>
    <t>01/23/2020 09:42:44</t>
  </si>
  <si>
    <t>7a0d0487-c2bf-486f-bfda-b27e39957d50.tmp</t>
  </si>
  <si>
    <t>\\acsfs\profiles$\henriquehmdo\Downloads\7a0d0487-c2bf-486f-bfda-b27e39957d50.tmp</t>
  </si>
  <si>
    <t>01/23/2020 09:43:20</t>
  </si>
  <si>
    <t>382cdfcd-53bd-4a26-887c-90dd71d379d6.tmp</t>
  </si>
  <si>
    <t>\\acsfs\profiles$\larissaad\Downloads\382cdfcd-53bd-4a26-887c-90dd71d379d6.tmp</t>
  </si>
  <si>
    <t>01/23/2020 09:44:49</t>
  </si>
  <si>
    <t>01/23/2020 09:40:16</t>
  </si>
  <si>
    <t>APRESENTAÇÃO - QUALIDADE CRBV - Qualidade Abril.pptx</t>
  </si>
  <si>
    <t>\\acsfs\Deptos\Operacao\Banco_Votorantim\Comum\COMUNICADOS\Informativos\APRESENTAÇÃO - QUALIDADE CRBV - Qualidade Abril.pptx</t>
  </si>
  <si>
    <t>01/23/2020 09:41:21</t>
  </si>
  <si>
    <t>01/23/2020 09:44:23</t>
  </si>
  <si>
    <t>01/22/2020 17:50:31</t>
  </si>
  <si>
    <t>01/22/2020 17:50:33</t>
  </si>
  <si>
    <t>01/23/2020 09:45:49</t>
  </si>
  <si>
    <t>01/23/2020 09:43:30</t>
  </si>
  <si>
    <t>01/23/2020 09:43:31</t>
  </si>
  <si>
    <t>01/23/2020 09:43:32</t>
  </si>
  <si>
    <t>01/23/2020 09:43:56</t>
  </si>
  <si>
    <t>01/23/2020 09:46:49</t>
  </si>
  <si>
    <t>01/23/2020 09:43:57</t>
  </si>
  <si>
    <t>01/23/2020 09:42:31</t>
  </si>
  <si>
    <t>01/23/2020 09:46:11</t>
  </si>
  <si>
    <t>01/23/2020 09:47:49</t>
  </si>
  <si>
    <t>d96b9305-4cea-44b2-a339-4bbd2f169a5b.tmp</t>
  </si>
  <si>
    <t>\\acsfs\profiles$\anafsb\Downloads\d96b9305-4cea-44b2-a339-4bbd2f169a5b.tmp</t>
  </si>
  <si>
    <t>01/23/2020 09:42:50</t>
  </si>
  <si>
    <t>01/23/2020 09:43:27</t>
  </si>
  <si>
    <t>conf.pptx</t>
  </si>
  <si>
    <t>\\acsfs\DEPTOS\EDUCACAO EMPRESARIAL\2 - Operações\0 - BV\1 - TREINADORES\Haruna\Templates\conf.pptx</t>
  </si>
  <si>
    <t>01/23/2020 09:44:01</t>
  </si>
  <si>
    <t>\\acsfs\DEPTOS\EDUCACAO EMPRESARIAL\2 - Operações\0 - BV\1 - TREINADORES\Haruna\Treinamentos BV\</t>
  </si>
  <si>
    <t>\\acsfs\DEPTOS\EDUCACAO EMPRESARIAL\2 - Operações\0 - BV\1 - TREINADORES\Haruna\Treinamentos BV\Pasta1.xlsx</t>
  </si>
  <si>
    <t>01/23/2020 09:45:12</t>
  </si>
  <si>
    <t>\\acsfs\DEPTOS\EDUCACAO EMPRESARIAL\2 - Operações\0 - BV\1 - TREINADORES\Haruna\Dados\Nova pasta\Treinamento_Técnicas de Argumentação_Jan20v2.pptx\</t>
  </si>
  <si>
    <t>\\acsfs\DEPTOS\EDUCACAO EMPRESARIAL\2 - Operações\0 - BV\1 - TREINADORES\Haruna\Dados\Nova pasta\Treinamento_Técnicas de Argumentação_Jan20v2.pptx</t>
  </si>
  <si>
    <t>01/23/2020 09:45:13</t>
  </si>
  <si>
    <t>image44.svg</t>
  </si>
  <si>
    <t>image46.svg</t>
  </si>
  <si>
    <t>01/23/2020 09:45:14</t>
  </si>
  <si>
    <t>image50.svg</t>
  </si>
  <si>
    <t>01/23/2020 09:45:16</t>
  </si>
  <si>
    <t>image52.svg</t>
  </si>
  <si>
    <t>01/23/2020 09:45:17</t>
  </si>
  <si>
    <t>image56.svg</t>
  </si>
  <si>
    <t>01/23/2020 09:45:19</t>
  </si>
  <si>
    <t>image58.svg</t>
  </si>
  <si>
    <t>01/23/2020 09:45:20</t>
  </si>
  <si>
    <t>image60.svg</t>
  </si>
  <si>
    <t>01/23/2020 09:45:21</t>
  </si>
  <si>
    <t>image62.svg</t>
  </si>
  <si>
    <t>01/23/2020 09:45:22</t>
  </si>
  <si>
    <t>image64.svg</t>
  </si>
  <si>
    <t>01/23/2020 09:45:23</t>
  </si>
  <si>
    <t>image67.svg</t>
  </si>
  <si>
    <t>01/23/2020 09:45:24</t>
  </si>
  <si>
    <t>media1.mp4</t>
  </si>
  <si>
    <t>Algar_Midias play</t>
  </si>
  <si>
    <t>01/23/2020 09:45:26</t>
  </si>
  <si>
    <t>media2.wav</t>
  </si>
  <si>
    <t>01/23/2020 09:45:27</t>
  </si>
  <si>
    <t>media3.wav</t>
  </si>
  <si>
    <t>01/23/2020 09:45:28</t>
  </si>
  <si>
    <t>media4.wav</t>
  </si>
  <si>
    <t>01/23/2020 09:45:30</t>
  </si>
  <si>
    <t>Treinamento_Técnicas de Argumentação_Jan20v2.pptx</t>
  </si>
  <si>
    <t>01/23/2020 09:49:49</t>
  </si>
  <si>
    <t>01/23/2020 09:44:36</t>
  </si>
  <si>
    <t>APRESENTAÇÃO - QUALIDADE CRBV - Qualidade.pptx</t>
  </si>
  <si>
    <t>01/23/2020 09:45:33</t>
  </si>
  <si>
    <t>01/23/2020 09:45:41</t>
  </si>
  <si>
    <t>mail.google.com/sync/u/0/i/s?hl=pt-BR&amp;c=1566</t>
  </si>
  <si>
    <t>01/23/2020 09:45:44</t>
  </si>
  <si>
    <t>01/23/2020 09:46:29</t>
  </si>
  <si>
    <t>01/23/2020 09:47:33</t>
  </si>
  <si>
    <t>bef51ea6-3b7e-4ddb-8a74-f66cc95cac03.tmp</t>
  </si>
  <si>
    <t>\\acsfs\profiles$\luanaldsi\Downloads\bef51ea6-3b7e-4ddb-8a74-f66cc95cac03.tmp</t>
  </si>
  <si>
    <t>01/23/2020 09:47:45</t>
  </si>
  <si>
    <t>983b1411-01a8-4e2a-82e4-29862694fcaa.tmp</t>
  </si>
  <si>
    <t>\\acsfs\profiles$\luanaldsi\Downloads\983b1411-01a8-4e2a-82e4-29862694fcaa.tmp</t>
  </si>
  <si>
    <t>01/23/2020 09:47:53</t>
  </si>
  <si>
    <t>ee36f5db-522b-407a-aa7c-f9f8876ab7a0.tmp</t>
  </si>
  <si>
    <t>\\acsfs\profiles$\luanaldsi\Downloads\ee36f5db-522b-407a-aa7c-f9f8876ab7a0.tmp</t>
  </si>
  <si>
    <t>01/23/2020 09:49:35</t>
  </si>
  <si>
    <t>a29abae0-51b6-4bff-8f10-24acc0819ed7.tmp</t>
  </si>
  <si>
    <t>\\acsfs\profiles$\luanaldsi\Downloads\a29abae0-51b6-4bff-8f10-24acc0819ed7.tmp</t>
  </si>
  <si>
    <t>01/23/2020 09:46:28</t>
  </si>
  <si>
    <t>01/23/2020 09:50:49</t>
  </si>
  <si>
    <t>47ccfe26-203a-4e1f-8cb3-09badb56dd2d.tmp</t>
  </si>
  <si>
    <t>\\acsfs\profiles$\vivianalds\Downloads\47ccfe26-203a-4e1f-8cb3-09badb56dd2d.tmp</t>
  </si>
  <si>
    <t>01/23/2020 09:48:48</t>
  </si>
  <si>
    <t>01/23/2020 09:51:50</t>
  </si>
  <si>
    <t>1c6990c6-f6b0-4e22-abd9-9703377ee4ae.tmp</t>
  </si>
  <si>
    <t>\\acsfs\profiles$\rafaelacdoc\Downloads\1c6990c6-f6b0-4e22-abd9-9703377ee4ae.tmp</t>
  </si>
  <si>
    <t>01/23/2020 09:48:50</t>
  </si>
  <si>
    <t>0c2784f6-5d9e-4412-9e67-efc7977ed021.tmp</t>
  </si>
  <si>
    <t>\\acsfs\profiles$\rafaelacdoc\Downloads\0c2784f6-5d9e-4412-9e67-efc7977ed021.tmp</t>
  </si>
  <si>
    <t>01/23/2020 09:52:50</t>
  </si>
  <si>
    <t>01/23/2020 09:47:51</t>
  </si>
  <si>
    <t>01/23/2020 09:48:21</t>
  </si>
  <si>
    <t>\\acsfs\profiles$\harunams\Searches\$RECYCLE.BIN\desktop.ini</t>
  </si>
  <si>
    <t>\\acsfs\profiles$\harunams\Searches\$RECYCLE.BIN\</t>
  </si>
  <si>
    <t>01/23/2020 09:48:51</t>
  </si>
  <si>
    <t>\\acsfs\profiles$\harunams\My Documents\My Videos\$RECYCLE.BIN\desktop.ini</t>
  </si>
  <si>
    <t>\\acsfs\profiles$\harunams\My Documents\My Videos\$RECYCLE.BIN\</t>
  </si>
  <si>
    <t>01/23/2020 09:48:54</t>
  </si>
  <si>
    <t>\\acsfs\profiles$\harunams\Contacts\$RECYCLE.BIN\desktop.ini</t>
  </si>
  <si>
    <t>\\acsfs\profiles$\harunams\Contacts\$RECYCLE.BIN\</t>
  </si>
  <si>
    <t>01/23/2020 09:48:55</t>
  </si>
  <si>
    <t>\\acsfs\profiles$\harunams\Favorites\$RECYCLE.BIN\desktop.ini</t>
  </si>
  <si>
    <t>\\acsfs\profiles$\harunams\Favorites\$RECYCLE.BIN\</t>
  </si>
  <si>
    <t>01/23/2020 09:48:56</t>
  </si>
  <si>
    <t>\\acsfs\profiles$\harunams\My Documents\My Music\$RECYCLE.BIN\desktop.ini</t>
  </si>
  <si>
    <t>01/23/2020 09:48:57</t>
  </si>
  <si>
    <t>\\acsfs\profiles$\harunams\My Documents\My Music\$RECYCLE.BIN\</t>
  </si>
  <si>
    <t>01/23/2020 09:48:58</t>
  </si>
  <si>
    <t>\\acsfs\profiles$\harunams\Downloads\$RECYCLE.BIN\desktop.ini</t>
  </si>
  <si>
    <t>\\acsfs\profiles$\harunams\Downloads\$RECYCLE.BIN\</t>
  </si>
  <si>
    <t>01/23/2020 09:49:01</t>
  </si>
  <si>
    <t>\\acsfs\profiles$\harunams\Saved Games\$RECYCLE.BIN\desktop.ini</t>
  </si>
  <si>
    <t>\\acsfs\profiles$\harunams\Saved Games\$RECYCLE.BIN\</t>
  </si>
  <si>
    <t>01/23/2020 09:50:28</t>
  </si>
  <si>
    <t>b6b0dfa5-ebb1-4446-8ac1-d6d6018fa276.tmp</t>
  </si>
  <si>
    <t>\\acsfs\profiles$\kamilamrc\Downloads\b6b0dfa5-ebb1-4446-8ac1-d6d6018fa276.tmp</t>
  </si>
  <si>
    <t>01/23/2020 09:52:11</t>
  </si>
  <si>
    <t>d8a2fc22-3280-44c2-b0df-d8bf53e7cfe6.tmp</t>
  </si>
  <si>
    <t>\\acsfs\profiles$\kamilamrc\Downloads\d8a2fc22-3280-44c2-b0df-d8bf53e7cfe6.tmp</t>
  </si>
  <si>
    <t>01/23/2020 09:53:50</t>
  </si>
  <si>
    <t>01/23/2020 09:49:51</t>
  </si>
  <si>
    <t>f994b2c1-3431-48b3-b5ff-a73a89971946.tmp</t>
  </si>
  <si>
    <t>\\acsfs\profiles$\LAISLG\Downloads\f994b2c1-3431-48b3-b5ff-a73a89971946.tmp</t>
  </si>
  <si>
    <t>01/23/2020 09:51:04</t>
  </si>
  <si>
    <t>65f730b0-f89f-47a4-9a3e-4bf0fb96f56f.tmp</t>
  </si>
  <si>
    <t>\\acsfs\profiles$\LAISLG\Downloads\65f730b0-f89f-47a4-9a3e-4bf0fb96f56f.tmp</t>
  </si>
  <si>
    <t>01/23/2020 09:52:35</t>
  </si>
  <si>
    <t>01/23/2020 09:54:51</t>
  </si>
  <si>
    <t>\\acsfs\deptos\Operacao\PCP\5 - Comum\PLANEJAMENTO BV\22 - BANCO DE DADOS BV\FINANCEIRA\54D450E7.tmp\</t>
  </si>
  <si>
    <t>\\acsfs\deptos\Operacao\PCP\5 - Comum\PLANEJAMENTO BV\22 - BANCO DE DADOS BV\FINANCEIRA\54D450E7.tmp\:Zone.Identifier:$DATA</t>
  </si>
  <si>
    <t>01/23/2020 09:52:37</t>
  </si>
  <si>
    <t>\\acsfs\deptos\Operacao\PCP\5 - Comum\PLANEJAMENTO BV\22 - BANCO DE DADOS BV\FINANCEIRA\Banco de Dados BV 12-2019.xlsx\</t>
  </si>
  <si>
    <t>\\acsfs\deptos\Operacao\PCP\5 - Comum\PLANEJAMENTO BV\22 - BANCO DE DADOS BV\FINANCEIRA\Banco de Dados BV 12-2019.xlsx</t>
  </si>
  <si>
    <t>Banco de Dados BV 12-2019.xlsx</t>
  </si>
  <si>
    <t>01/23/2020 09:53:26</t>
  </si>
  <si>
    <t>01/23/2020 09:53:53</t>
  </si>
  <si>
    <t>01/23/2020 09:49:42</t>
  </si>
  <si>
    <t>outlook.office.com/owa/service.svc?action=UpdateItem&amp;app=Mail&amp;n=162</t>
  </si>
  <si>
    <t>gustavodsil@algartech.com;laylladdps@bv.algartech.com;</t>
  </si>
  <si>
    <t>gustavodsil@algartech.com,laylladdps@bv.algartech.com</t>
  </si>
  <si>
    <t>01/23/2020 09:50:50</t>
  </si>
  <si>
    <t>01/23/2020 09:53:12</t>
  </si>
  <si>
    <t>Não confirmado 76230.crdownload</t>
  </si>
  <si>
    <t>\\acsfs\ACS\Gabriel da Silva\Contemporânea\NPS\NPS_Voz\Janeiro.20\Não confirmado 76230.crdownload</t>
  </si>
  <si>
    <t>01/23/2020 09:51:44</t>
  </si>
  <si>
    <t>e07899d0-bfda-4dfd-a2ab-6f95d3ca4373.tmp</t>
  </si>
  <si>
    <t>\\acsfs\profiles$\luanaldsi\Downloads\e07899d0-bfda-4dfd-a2ab-6f95d3ca4373.tmp</t>
  </si>
  <si>
    <t>01/23/2020 09:55:50</t>
  </si>
  <si>
    <t>01/23/2020 09:54:58</t>
  </si>
  <si>
    <t>c4a725a7-fa90-4d64-b612-198cad53729f.tmp</t>
  </si>
  <si>
    <t>\\acsfs\profiles$\sarahbal\Downloads\c4a725a7-fa90-4d64-b612-198cad53729f.tmp</t>
  </si>
  <si>
    <t>01/23/2020 09:51:49</t>
  </si>
  <si>
    <t>01/23/2020 09:56:50</t>
  </si>
  <si>
    <t>01/23/2020 09:54:48</t>
  </si>
  <si>
    <t>01/23/2020 09:57:50</t>
  </si>
  <si>
    <t>01/23/2020 09:54:29</t>
  </si>
  <si>
    <t>11d6d83b-728e-4aa3-ae61-288fb8896072.tmp</t>
  </si>
  <si>
    <t>\\acsfs\profiles$\victoriaksr\Downloads\11d6d83b-728e-4aa3-ae61-288fb8896072.tmp</t>
  </si>
  <si>
    <t>01/23/2020 09:52:32</t>
  </si>
  <si>
    <t>b17d5234-5eef-46b5-a5b6-93ca20158e5e.tmp</t>
  </si>
  <si>
    <t>\\acsfs\profiles$\kamilamrc\Downloads\b17d5234-5eef-46b5-a5b6-93ca20158e5e.tmp</t>
  </si>
  <si>
    <t>4663a072-75f7-4f76-beb0-e9c464ee3205.tmp</t>
  </si>
  <si>
    <t>\\acsfs\profiles$\kamilamrc\Downloads\4663a072-75f7-4f76-beb0-e9c464ee3205.tmp</t>
  </si>
  <si>
    <t>01/23/2020 09:52:54</t>
  </si>
  <si>
    <t>52a10b24-9483-404e-a16a-606b10b4dffc.tmp</t>
  </si>
  <si>
    <t>\\acsfs\profiles$\kamilamrc\Downloads\52a10b24-9483-404e-a16a-606b10b4dffc.tmp</t>
  </si>
  <si>
    <t>01/23/2020 09:52:58</t>
  </si>
  <si>
    <t>b440c6bb-7b5b-4bc6-b53f-b63769876050.tmp</t>
  </si>
  <si>
    <t>\\acsfs\profiles$\kamilamrc\Downloads\b440c6bb-7b5b-4bc6-b53f-b63769876050.tmp</t>
  </si>
  <si>
    <t>01/23/2020 09:54:24</t>
  </si>
  <si>
    <t>01/23/2020 09:55:09</t>
  </si>
  <si>
    <t>01/23/2020 09:58:51</t>
  </si>
  <si>
    <t>01/23/2020 09:54:30</t>
  </si>
  <si>
    <t>01/23/2020 09:54:31</t>
  </si>
  <si>
    <t>lu14676si3mb.tmp</t>
  </si>
  <si>
    <t>\\acsfs\profiles$\Flaviojmm\My Documents\lu14676si3mb.tmp</t>
  </si>
  <si>
    <t>\\acsfs\profiles$\Flaviojmm\My Documents\lu14676si3mb.tmp\</t>
  </si>
  <si>
    <t>\\acsfs\profiles$\Flaviojmm\My Documents\lu14676si3mb.tmp\META-INF\</t>
  </si>
  <si>
    <t>\\acsfs\profiles$\Flaviojmm\My Documents\lu14676si3mb.tmp\Thumbnails\</t>
  </si>
  <si>
    <t>01/23/2020 09:54:47</t>
  </si>
  <si>
    <t>73757221-7454-484b-b98e-5e91289e6580.tmp</t>
  </si>
  <si>
    <t>\\acsfs\profiles$\larissaad\Downloads\73757221-7454-484b-b98e-5e91289e6580.tmp</t>
  </si>
  <si>
    <t>01/23/2020 09:54:46</t>
  </si>
  <si>
    <t>01/23/2020 09:59:50</t>
  </si>
  <si>
    <t>Não confirmado 859167.crdownload</t>
  </si>
  <si>
    <t>\\acsfs\ACS\Gabriel da Silva\Contemporânea\Gen\Não confirmado 859167.crdownload</t>
  </si>
  <si>
    <t>01/23/2020 09:57:03</t>
  </si>
  <si>
    <t>01/23/2020 09:59:22</t>
  </si>
  <si>
    <t>01/23/2020 10:00:51</t>
  </si>
  <si>
    <t>01/23/2020 09:59:23</t>
  </si>
  <si>
    <t>lu9872zhnb1.tmp</t>
  </si>
  <si>
    <t>\\acsfs\profiles$\VIVIANALDS\My Documents\lu9872zhnb1.tmp</t>
  </si>
  <si>
    <t>\\acsfs\profiles$\VIVIANALDS\My Documents\lu9872zhnb1.tmp\</t>
  </si>
  <si>
    <t>\\acsfs\profiles$\VIVIANALDS\My Documents\lu9872zhnb1.tmp\META-INF\</t>
  </si>
  <si>
    <t>\\acsfs\profiles$\VIVIANALDS\My Documents\lu9872zhnb1.tmp\Thumbnails\</t>
  </si>
  <si>
    <t>01/23/2020 09:59:25</t>
  </si>
  <si>
    <t>lu9872zhnb5.tmp</t>
  </si>
  <si>
    <t>\\acsfs\profiles$\VIVIANALDS\My Documents\lu9872zhnb5.tmp</t>
  </si>
  <si>
    <t>\\acsfs\profiles$\VIVIANALDS\My Documents\lu9872zhnb5.tmp\</t>
  </si>
  <si>
    <t>\\acsfs\profiles$\VIVIANALDS\My Documents\lu9872zhnb5.tmp\META-INF\</t>
  </si>
  <si>
    <t>\\acsfs\profiles$\VIVIANALDS\My Documents\lu9872zhnb5.tmp\Thumbnails\</t>
  </si>
  <si>
    <t>01/23/2020 09:58:47</t>
  </si>
  <si>
    <t>057320e0-5698-4142-a35f-c0eba443a589.tmp</t>
  </si>
  <si>
    <t>\\acsfs\profiles$\paulovadc\Downloads\057320e0-5698-4142-a35f-c0eba443a589.tmp</t>
  </si>
  <si>
    <t>01/23/2020 09:59:26</t>
  </si>
  <si>
    <t>01/23/2020 09:57:00</t>
  </si>
  <si>
    <t>94724951-05f2-4c1e-acf8-45e1a9b2ac47.tmp</t>
  </si>
  <si>
    <t>\\acsfs\profiles$\lorenabmc\Downloads\94724951-05f2-4c1e-acf8-45e1a9b2ac47.tmp</t>
  </si>
  <si>
    <t>01/23/2020 09:57:04</t>
  </si>
  <si>
    <t>ffd47b89-7fee-43d3-abd9-f808ff410817.tmp</t>
  </si>
  <si>
    <t>\\acsfs\profiles$\lorenabmc\Downloads\ffd47b89-7fee-43d3-abd9-f808ff410817.tmp</t>
  </si>
  <si>
    <t>01/23/2020 09:57:34</t>
  </si>
  <si>
    <t>83767f09-5db1-485b-898a-3ac53824c7d6.tmp</t>
  </si>
  <si>
    <t>\\acsfs\profiles$\lorenabmc\Downloads\83767f09-5db1-485b-898a-3ac53824c7d6.tmp</t>
  </si>
  <si>
    <t>01/23/2020 09:58:59</t>
  </si>
  <si>
    <t>469ace37-27ba-4c38-9f60-1aac236f7ede.tmp</t>
  </si>
  <si>
    <t>\\acsfs\profiles$\lorenabmc\Downloads\469ace37-27ba-4c38-9f60-1aac236f7ede.tmp</t>
  </si>
  <si>
    <t>01/23/2020 09:58:33</t>
  </si>
  <si>
    <t>01/23/2020 10:02:50</t>
  </si>
  <si>
    <t>01/23/2020 10:01:00</t>
  </si>
  <si>
    <t>c4f80746-3625-4231-be83-3a2f5a91f04e.tmp</t>
  </si>
  <si>
    <t>\\acsfs\profiles$\mariagsg\Downloads\c4f80746-3625-4231-be83-3a2f5a91f04e.tmp</t>
  </si>
  <si>
    <t>01/23/2020 10:01:01</t>
  </si>
  <si>
    <t>5477d3d7-7de5-4d57-a02f-e61d246a75d7.tmp</t>
  </si>
  <si>
    <t>\\acsfs\profiles$\mariagsg\Downloads\5477d3d7-7de5-4d57-a02f-e61d246a75d7.tmp</t>
  </si>
  <si>
    <t>01/23/2020 10:01:05</t>
  </si>
  <si>
    <t>01/23/2020 10:01:30</t>
  </si>
  <si>
    <t>01/23/2020 09:59:57</t>
  </si>
  <si>
    <t>01/23/2020 09:59:58</t>
  </si>
  <si>
    <t>01/23/2020 10:04:50</t>
  </si>
  <si>
    <t>01/23/2020 10:00:13</t>
  </si>
  <si>
    <t>cf9713c0-c88d-45f2-bfa1-7ad572c4d86c.tmp</t>
  </si>
  <si>
    <t>\\acsfs\profiles$\KARENDSR\Downloads\cf9713c0-c88d-45f2-bfa1-7ad572c4d86c.tmp</t>
  </si>
  <si>
    <t>01/23/2020 10:00:00</t>
  </si>
  <si>
    <t>01/23/2020 09:59:45</t>
  </si>
  <si>
    <t>6087127c-054d-4469-ae80-1b7794e601c0.tmp</t>
  </si>
  <si>
    <t>\\acsfs\profiles$\mariajra\Downloads\6087127c-054d-4469-ae80-1b7794e601c0.tmp</t>
  </si>
  <si>
    <t>01/23/2020 10:05:50</t>
  </si>
  <si>
    <t>01/23/2020 10:01:48</t>
  </si>
  <si>
    <t>\\acsfs\profiles$\cintiadjl\My Documents\My Pictures\</t>
  </si>
  <si>
    <t>\\acsfs\profiles$\cintiadjl\My Documents\My Videos\desktop.ini</t>
  </si>
  <si>
    <t>01/23/2020 10:01:56</t>
  </si>
  <si>
    <t>\\acsfs\profiles$\cintiadjl\My Documents\My Videos\</t>
  </si>
  <si>
    <t>01/23/2020 10:01:57</t>
  </si>
  <si>
    <t>01/23/2020 10:01:58</t>
  </si>
  <si>
    <t>01/23/2020 10:02:02</t>
  </si>
  <si>
    <t>01/23/2020 10:02:04</t>
  </si>
  <si>
    <t>\\acsfs\profiles$\cintiadjl\My Documents\My Music\</t>
  </si>
  <si>
    <t>\\acsfs\profiles$\cintiadjl\My Documents\My Pictures\desktop.ini</t>
  </si>
  <si>
    <t>01/23/2020 10:02:05</t>
  </si>
  <si>
    <t>01/23/2020 10:02:13</t>
  </si>
  <si>
    <t>01/23/2020 10:02:14</t>
  </si>
  <si>
    <t>01/23/2020 10:02:15</t>
  </si>
  <si>
    <t>01/23/2020 10:02:27</t>
  </si>
  <si>
    <t>\\acsfs\profiles$\cintiadjl\Contacts\</t>
  </si>
  <si>
    <t>\\acsfs\profiles$\cintiadjl\Contacts\desktop.ini</t>
  </si>
  <si>
    <t>01/23/2020 10:02:31</t>
  </si>
  <si>
    <t>01/23/2020 10:02:32</t>
  </si>
  <si>
    <t>01/23/2020 10:02:34</t>
  </si>
  <si>
    <t>01/23/2020 10:02:35</t>
  </si>
  <si>
    <t>01/23/2020 10:02:39</t>
  </si>
  <si>
    <t>01/23/2020 10:02:40</t>
  </si>
  <si>
    <t>\\acsfs\profiles$\cintiadjl\My Documents\</t>
  </si>
  <si>
    <t>\\acsfs\profiles$\cintiadjl\Favorites\desktop.ini</t>
  </si>
  <si>
    <t>01/23/2020 10:02:46</t>
  </si>
  <si>
    <t>01/23/2020 10:02:48</t>
  </si>
  <si>
    <t>01/23/2020 10:02:49</t>
  </si>
  <si>
    <t>01/23/2020 10:03:00</t>
  </si>
  <si>
    <t>01/23/2020 10:03:01</t>
  </si>
  <si>
    <t>01/23/2020 10:03:02</t>
  </si>
  <si>
    <t>01/23/2020 10:03:15</t>
  </si>
  <si>
    <t>\\acsfs\profiles$\cintiadjl\My Documents\My Music\desktop.ini</t>
  </si>
  <si>
    <t>01/23/2020 10:03:17</t>
  </si>
  <si>
    <t>01/23/2020 10:03:19</t>
  </si>
  <si>
    <t>01/23/2020 10:03:21</t>
  </si>
  <si>
    <t>01/23/2020 10:03:22</t>
  </si>
  <si>
    <t>01/23/2020 10:03:24</t>
  </si>
  <si>
    <t>\\acsfs\profiles$\cintiadjl\Searches\</t>
  </si>
  <si>
    <t>\\acsfs\profiles$\cintiadjl\Searches\desktop.ini</t>
  </si>
  <si>
    <t>01/23/2020 10:03:26</t>
  </si>
  <si>
    <t>01/23/2020 10:03:29</t>
  </si>
  <si>
    <t>01/23/2020 10:03:30</t>
  </si>
  <si>
    <t>01/23/2020 10:03:31</t>
  </si>
  <si>
    <t>01/23/2020 10:03:33</t>
  </si>
  <si>
    <t>\\acsfs\profiles$\cintiadjl\Downloads\desktop.ini</t>
  </si>
  <si>
    <t>01/23/2020 10:03:39</t>
  </si>
  <si>
    <t>01/23/2020 10:03:41</t>
  </si>
  <si>
    <t>\\acsfs\profiles$\cintiadjl\Favorites\</t>
  </si>
  <si>
    <t>\\acsfs\profiles$\cintiadjl\My Documents\desktop.ini</t>
  </si>
  <si>
    <t>01/23/2020 10:03:44</t>
  </si>
  <si>
    <t>01/23/2020 10:03:47</t>
  </si>
  <si>
    <t>01/23/2020 10:03:51</t>
  </si>
  <si>
    <t>01/23/2020 10:03:52</t>
  </si>
  <si>
    <t>01/23/2020 10:03:54</t>
  </si>
  <si>
    <t>01/23/2020 10:03:56</t>
  </si>
  <si>
    <t>\\acsfs\profiles$\cintiadjl\Saved Games\desktop.ini</t>
  </si>
  <si>
    <t>01/23/2020 10:03:58</t>
  </si>
  <si>
    <t>01/23/2020 10:04:23</t>
  </si>
  <si>
    <t>winrt--{S-1-5-21-602162358-764733703-839522115-352950}-.searchconnector-ms</t>
  </si>
  <si>
    <t>\\acsfs\profiles$\cintiadjl\Searches\winrt--{S-1-5-21-602162358-764733703-839522115-352950}-.searchconnector-ms</t>
  </si>
  <si>
    <t>01/23/2020 10:00:43</t>
  </si>
  <si>
    <t>27d367d7-9986-4cac-9f65-8c0b84fec86c.tmp</t>
  </si>
  <si>
    <t>\\acsfs\profiles$\sarahbal\Downloads\27d367d7-9986-4cac-9f65-8c0b84fec86c.tmp</t>
  </si>
  <si>
    <t>01/23/2020 10:03:43</t>
  </si>
  <si>
    <t>01/23/2020 10:07:50</t>
  </si>
  <si>
    <t>01/23/2020 10:04:05</t>
  </si>
  <si>
    <t>01/23/2020 10:08:50</t>
  </si>
  <si>
    <t>01/23/2020 10:06:05</t>
  </si>
  <si>
    <t>da0ba13c-8627-41aa-969f-b3d84d7cea6c.tmp</t>
  </si>
  <si>
    <t>\\acsfs\profiles$\DALVADFB\Downloads\da0ba13c-8627-41aa-969f-b3d84d7cea6c.tmp</t>
  </si>
  <si>
    <t>01/23/2020 10:07:44</t>
  </si>
  <si>
    <t>\\acsfs\profiles$\harunams\Downloads\</t>
  </si>
  <si>
    <t>01/23/2020 10:05:18</t>
  </si>
  <si>
    <t>01/23/2020 10:09:50</t>
  </si>
  <si>
    <t>01/23/2020 07:34:18</t>
  </si>
  <si>
    <t>10.200.57.79</t>
  </si>
  <si>
    <t>01/23/2020 07:36:19</t>
  </si>
  <si>
    <t>01/23/2020 10:05:30</t>
  </si>
  <si>
    <t>\\acsfs\Deptos\Operacao\Banco_Votorantim\Comum\APRESENTAÇÃO - QUALIDADE CRBV - Qualidade.pptx</t>
  </si>
  <si>
    <t>01/23/2020 10:06:51</t>
  </si>
  <si>
    <t>01/23/2020 10:05:27</t>
  </si>
  <si>
    <t>01/23/2020 10:10:50</t>
  </si>
  <si>
    <t>94dea1e5-9306-4304-8149-603bb5675dcd.tmp</t>
  </si>
  <si>
    <t>\\acsfs\profiles$\cintiadjl\Downloads\94dea1e5-9306-4304-8149-603bb5675dcd.tmp</t>
  </si>
  <si>
    <t>01/23/2020 10:05:45</t>
  </si>
  <si>
    <t>ca15fc73-62b7-4ee9-9e09-0bd0a3c5245b.tmp</t>
  </si>
  <si>
    <t>\\acsfs\profiles$\cintiadjl\Downloads\ca15fc73-62b7-4ee9-9e09-0bd0a3c5245b.tmp</t>
  </si>
  <si>
    <t>Unconfirmed 719498.crdownload</t>
  </si>
  <si>
    <t>\\acsfs\profiles$\cintiadjl\Downloads\Unconfirmed 719498.crdownload</t>
  </si>
  <si>
    <t>01/23/2020 10:06:07</t>
  </si>
  <si>
    <t>Unconfirmed 523320.crdownload</t>
  </si>
  <si>
    <t>\\acsfs\profiles$\cintiadjl\Downloads\Unconfirmed 523320.crdownload</t>
  </si>
  <si>
    <t>e91d54a7-97dc-4acc-b357-cd2fc1324850.tmp</t>
  </si>
  <si>
    <t>\\acsfs\profiles$\cintiadjl\Downloads\e91d54a7-97dc-4acc-b357-cd2fc1324850.tmp</t>
  </si>
  <si>
    <t>01/23/2020 10:06:17</t>
  </si>
  <si>
    <t>3f5d8baa-c5c0-4a62-89ee-8c3303ec0881.tmp</t>
  </si>
  <si>
    <t>\\acsfs\profiles$\cintiadjl\Downloads\3f5d8baa-c5c0-4a62-89ee-8c3303ec0881.tmp</t>
  </si>
  <si>
    <t>01/23/2020 10:06:20</t>
  </si>
  <si>
    <t>c4ed9407-9a7a-48f3-86dc-5f70343cc7bc.tmp</t>
  </si>
  <si>
    <t>\\acsfs\profiles$\cintiadjl\Downloads\c4ed9407-9a7a-48f3-86dc-5f70343cc7bc.tmp</t>
  </si>
  <si>
    <t>01/23/2020 10:06:21</t>
  </si>
  <si>
    <t>e50610fd-0894-45df-bde2-294a20014678.tmp</t>
  </si>
  <si>
    <t>\\acsfs\profiles$\sarahbal\Downloads\e50610fd-0894-45df-bde2-294a20014678.tmp</t>
  </si>
  <si>
    <t>01/23/2020 10:08:14</t>
  </si>
  <si>
    <t>01/23/2020 10:08:15</t>
  </si>
  <si>
    <t>01/23/2020 10:08:35</t>
  </si>
  <si>
    <t>01/23/2020 10:11:51</t>
  </si>
  <si>
    <t>01/23/2020 10:12:50</t>
  </si>
  <si>
    <t>01/23/2020 10:09:01</t>
  </si>
  <si>
    <t>1ba092fc-c7db-4df5-a808-e058014addf4.tmp</t>
  </si>
  <si>
    <t>\\acsfs\profiles$\victoriaksr\Downloads\1ba092fc-c7db-4df5-a808-e058014addf4.tmp</t>
  </si>
  <si>
    <t>01/23/2020 10:08:28</t>
  </si>
  <si>
    <t>01/23/2020 10:13:50</t>
  </si>
  <si>
    <t>CASO 03593546 - EDISOM JUVENAL TEIXEIRA ALMADA.pdf</t>
  </si>
  <si>
    <t>\\acsfs\Deptos\EDUCACAO EMPRESARIAL\KÉSIA\Ligações - Reclamações\CASO 03593546 - EDISOM JUVENAL TEIXEIRA ALMADA.pdf</t>
  </si>
  <si>
    <t>01/23/2020 10:09:27</t>
  </si>
  <si>
    <t>01/23/2020 10:13:12</t>
  </si>
  <si>
    <t>01/23/2020 10:14:50</t>
  </si>
  <si>
    <t>01/23/2020 10:09:39</t>
  </si>
  <si>
    <t>\\acsfs\Deptos\Operacao\Banco_Votorantim\Comum\TV Mariana e Danndhara\Thumbs.db</t>
  </si>
  <si>
    <t>01/23/2020 10:14:29</t>
  </si>
  <si>
    <t>01/23/2020 10:11:31</t>
  </si>
  <si>
    <t>f3d4d140-e478-4569-9216-a5414dfa1587.tmp</t>
  </si>
  <si>
    <t>\\acsfs\profiles$\luanaldsi\Downloads\f3d4d140-e478-4569-9216-a5414dfa1587.tmp</t>
  </si>
  <si>
    <t>01/23/2020 10:15:51</t>
  </si>
  <si>
    <t>01/23/2020 10:17:50</t>
  </si>
  <si>
    <t>01/23/2020 10:16:40</t>
  </si>
  <si>
    <t>lu206561jxyas.tmp</t>
  </si>
  <si>
    <t>\\acsfs\profiles$\BRUNAAR\Numero\lu206561jxyas.tmp</t>
  </si>
  <si>
    <t>01/23/2020 10:16:56</t>
  </si>
  <si>
    <t>lu206561jxyaw.tmp</t>
  </si>
  <si>
    <t>\\acsfs\profiles$\BRUNAAR\Numero\lu206561jxyaw.tmp</t>
  </si>
  <si>
    <t>01/23/2020 10:15:48</t>
  </si>
  <si>
    <t>01/23/2020 10:16:04</t>
  </si>
  <si>
    <t>01/23/2020 10:17:30</t>
  </si>
  <si>
    <t>01/23/2020 10:18:50</t>
  </si>
  <si>
    <t>01/23/2020 10:16:28</t>
  </si>
  <si>
    <t>bvs-centralcartoes@bv.com.br;fernandaab@algartech.com;fernandorsju@algartech.com;talmaiardo@algartech.com;</t>
  </si>
  <si>
    <t>bvs-centralcartoes@bv.com.br,fernandaab@algartech.com,fernandorsju@algartech.com,talmaiardo@algartech.com</t>
  </si>
  <si>
    <t>01/23/2020 10:17:51</t>
  </si>
  <si>
    <t>01/23/2020 10:13:53</t>
  </si>
  <si>
    <t>Reneg 26-01.xlsx</t>
  </si>
  <si>
    <t>\\acsfs\DEPTOS\Operacao\Banco_Votorantim\Comum\00 - COMUM - BV CARTÕES\EQUIPE ADILSON\Reneg\Reneg 26-01.xlsx</t>
  </si>
  <si>
    <t>01/23/2020 10:14:31</t>
  </si>
  <si>
    <t>01/23/2020 10:14:37</t>
  </si>
  <si>
    <t>e2ad3d25-8484-4fbd-879d-9ab44171bd52.tmp</t>
  </si>
  <si>
    <t>\\acsfs\profiles$\larissaad\Downloads\e2ad3d25-8484-4fbd-879d-9ab44171bd52.tmp</t>
  </si>
  <si>
    <t>01/23/2020 10:15:26</t>
  </si>
  <si>
    <t>01/23/2020 10:19:50</t>
  </si>
  <si>
    <t>.~lock.isabelle 23.01.20.ods#</t>
  </si>
  <si>
    <t>\\acsfs\profiles$\ISABELLEGTDS\Nova pasta\.~lock.isabelle 23.01.20.ods#</t>
  </si>
  <si>
    <t>01/23/2020 10:15:27</t>
  </si>
  <si>
    <t>lu568687wn2rk.tmp</t>
  </si>
  <si>
    <t>\\acsfs\profiles$\ISABELLEGTDS\Nova pasta\lu568687wn2rk.tmp</t>
  </si>
  <si>
    <t>\\acsfs\profiles$\ISABELLEGTDS\Nova pasta\lu568687wn2rk.tmp\</t>
  </si>
  <si>
    <t>\\acsfs\profiles$\ISABELLEGTDS\Nova pasta\lu568687wn2rk.tmp\META-INF\</t>
  </si>
  <si>
    <t>\\acsfs\profiles$\ISABELLEGTDS\Nova pasta\lu568687wn2rk.tmp\Thumbnails\</t>
  </si>
  <si>
    <t>01/23/2020 10:17:40</t>
  </si>
  <si>
    <t>740be1b5-d9c7-47ef-ad27-3b124927a189.tmp</t>
  </si>
  <si>
    <t>\\acsfs\profiles$\isabellegtds\Downloads\740be1b5-d9c7-47ef-ad27-3b124927a189.tmp</t>
  </si>
  <si>
    <t>01/23/2020 10:15:36</t>
  </si>
  <si>
    <t>01/23/2020 10:16:23</t>
  </si>
  <si>
    <t>01/23/2020 10:16:38</t>
  </si>
  <si>
    <t>outlook.office.com/owa/service.svc?action=CreateItem&amp;app=Mail&amp;n=200</t>
  </si>
  <si>
    <t>01/23/2020 10:16:52</t>
  </si>
  <si>
    <t>01/23/2020 10:20:51</t>
  </si>
  <si>
    <t>01/23/2020 10:17:39</t>
  </si>
  <si>
    <t>01/23/2020 10:20:19</t>
  </si>
  <si>
    <t>ee9cc790-1685-4b20-adb2-5dfe52cb7176.tmp</t>
  </si>
  <si>
    <t>\\acsfs\profiles$\gabrielafs\Downloads\ee9cc790-1685-4b20-adb2-5dfe52cb7176.tmp</t>
  </si>
  <si>
    <t>01/23/2020 10:20:21</t>
  </si>
  <si>
    <t>2cd5b44c-6b77-4ffc-8ee9-594ea6506be2.tmp</t>
  </si>
  <si>
    <t>\\acsfs\profiles$\gabrielafs\Downloads\2cd5b44c-6b77-4ffc-8ee9-594ea6506be2.tmp</t>
  </si>
  <si>
    <t>01/23/2020 10:20:22</t>
  </si>
  <si>
    <t>ee572838-5bdd-4632-9263-b9777dd6db1f.tmp</t>
  </si>
  <si>
    <t>\\acsfs\profiles$\gabrielafs\Downloads\ee572838-5bdd-4632-9263-b9777dd6db1f.tmp</t>
  </si>
  <si>
    <t>01/23/2020 10:21:51</t>
  </si>
  <si>
    <t>01/23/2020 10:18:06</t>
  </si>
  <si>
    <t>ce5c62de-eee2-42e9-89d5-ee45284a2171.tmp</t>
  </si>
  <si>
    <t>\\acsfs\profiles$\ALYNYA\Downloads\ce5c62de-eee2-42e9-89d5-ee45284a2171.tmp</t>
  </si>
  <si>
    <t>01/23/2020 10:19:04</t>
  </si>
  <si>
    <t>01/23/2020 10:22:50</t>
  </si>
  <si>
    <t>01/23/2020 10:19:14</t>
  </si>
  <si>
    <t>6aa0adf5-fd66-4d8a-9b3f-e77d7c2aa946.tmp</t>
  </si>
  <si>
    <t>\\acsfs\profiles$\esterasg\Downloads\6aa0adf5-fd66-4d8a-9b3f-e77d7c2aa946.tmp</t>
  </si>
  <si>
    <t>01/23/2020 10:20:30</t>
  </si>
  <si>
    <t>01/23/2020 10:23:50</t>
  </si>
  <si>
    <t>01/23/2020 10:20:31</t>
  </si>
  <si>
    <t>lu14676si3mo.tmp</t>
  </si>
  <si>
    <t>\\acsfs\profiles$\Flaviojmm\My Documents\lu14676si3mo.tmp</t>
  </si>
  <si>
    <t>\\acsfs\profiles$\Flaviojmm\My Documents\lu14676si3mo.tmp\</t>
  </si>
  <si>
    <t>\\acsfs\profiles$\Flaviojmm\My Documents\lu14676si3mo.tmp\META-INF\</t>
  </si>
  <si>
    <t>\\acsfs\profiles$\Flaviojmm\My Documents\lu14676si3mo.tmp\Thumbnails\</t>
  </si>
  <si>
    <t>01/23/2020 10:18:09</t>
  </si>
  <si>
    <t>01/23/2020 10:18:14</t>
  </si>
  <si>
    <t>01/23/2020 10:25:50</t>
  </si>
  <si>
    <t>01/23/2020 10:21:15</t>
  </si>
  <si>
    <t>9f720637-e4f3-49ce-bcb4-e445ba1c3740.tmp</t>
  </si>
  <si>
    <t>\\acsfs\profiles$\gabrielafs\Downloads\9f720637-e4f3-49ce-bcb4-e445ba1c3740.tmp</t>
  </si>
  <si>
    <t>01/23/2020 10:21:24</t>
  </si>
  <si>
    <t>04961737-758c-4955-87fb-2040d7dd3661.tmp</t>
  </si>
  <si>
    <t>\\acsfs\profiles$\gabrielafs\Downloads\04961737-758c-4955-87fb-2040d7dd3661.tmp</t>
  </si>
  <si>
    <t>01/23/2020 10:22:57</t>
  </si>
  <si>
    <t>01/23/2020 10:26:51</t>
  </si>
  <si>
    <t>eb7137a8-8fdc-4273-acc5-f9a812fe5d12.tmp</t>
  </si>
  <si>
    <t>\\acsfs\profiles$\rafaelamsv\Downloads\eb7137a8-8fdc-4273-acc5-f9a812fe5d12.tmp</t>
  </si>
  <si>
    <t>01/23/2020 10:23:23</t>
  </si>
  <si>
    <t>01/23/2020 10:27:50</t>
  </si>
  <si>
    <t>01/23/2020 10:23:53</t>
  </si>
  <si>
    <t>01/23/2020 10:24:23</t>
  </si>
  <si>
    <t>01/23/2020 10:24:53</t>
  </si>
  <si>
    <t>01/23/2020 10:23:34</t>
  </si>
  <si>
    <t>01/23/2020 10:23:35</t>
  </si>
  <si>
    <t>lu206561jxyb0.tmp</t>
  </si>
  <si>
    <t>\\acsfs\profiles$\BRUNAAR\Numero\lu206561jxyb0.tmp</t>
  </si>
  <si>
    <t>01/23/2020 10:26:40</t>
  </si>
  <si>
    <t>01/23/2020 10:29:50</t>
  </si>
  <si>
    <t>01/23/2020 10:26:42</t>
  </si>
  <si>
    <t>01/23/2020 10:26:49</t>
  </si>
  <si>
    <t>01/23/2020 10:26:58</t>
  </si>
  <si>
    <t>01/23/2020 10:27:03</t>
  </si>
  <si>
    <t>01/23/2020 10:27:22</t>
  </si>
  <si>
    <t>01/23/2020 10:27:32</t>
  </si>
  <si>
    <t>01/23/2020 10:27:46</t>
  </si>
  <si>
    <t>01/23/2020 10:28:14</t>
  </si>
  <si>
    <t>01/23/2020 10:28:28</t>
  </si>
  <si>
    <t>01/23/2020 10:28:35</t>
  </si>
  <si>
    <t>01/23/2020 10:28:40</t>
  </si>
  <si>
    <t>01/23/2020 10:28:45</t>
  </si>
  <si>
    <t>01/23/2020 10:27:06</t>
  </si>
  <si>
    <t>01/23/2020 10:30:50</t>
  </si>
  <si>
    <t>01/23/2020 10:27:47</t>
  </si>
  <si>
    <t>01/23/2020 10:27:48</t>
  </si>
  <si>
    <t>a2a07dff-db93-4563-a6c5-2aceca6e35fc.tmp</t>
  </si>
  <si>
    <t>\\acsfs\profiles$\gabrielafs\Downloads\a2a07dff-db93-4563-a6c5-2aceca6e35fc.tmp</t>
  </si>
  <si>
    <t>01/23/2020 10:29:10</t>
  </si>
  <si>
    <t>01/23/2020 10:31:50</t>
  </si>
  <si>
    <t>84841fb6-559b-4f36-ab2c-5b9bd937dbae.tmp</t>
  </si>
  <si>
    <t>\\acsfs\profiles$\lorenabmc\Downloads\84841fb6-559b-4f36-ab2c-5b9bd937dbae.tmp</t>
  </si>
  <si>
    <t>01/23/2020 10:27:23</t>
  </si>
  <si>
    <t>01/23/2020 10:32:51</t>
  </si>
  <si>
    <t>01/23/2020 10:29:24</t>
  </si>
  <si>
    <t>01/23/2020 10:30:54</t>
  </si>
  <si>
    <t>01/23/2020 10:31:54</t>
  </si>
  <si>
    <t>01/23/2020 10:33:51</t>
  </si>
  <si>
    <t>01/23/2020 10:32:56</t>
  </si>
  <si>
    <t>formulário - aviso de 1ª advertência disciplina kamilla celular.doc</t>
  </si>
  <si>
    <t>01/23/2020 10:28:52</t>
  </si>
  <si>
    <t>01/23/2020 10:34:50</t>
  </si>
  <si>
    <t>01/23/2020 10:29:04</t>
  </si>
  <si>
    <t>01/23/2020 10:31:15</t>
  </si>
  <si>
    <t>01/23/2020 10:30:47</t>
  </si>
  <si>
    <t>01/23/2020 10:35:51</t>
  </si>
  <si>
    <t>d9fba4c9-0cb6-42e3-bb6c-0ced4fe86484.tmp</t>
  </si>
  <si>
    <t>\\acsfs\profiles$\marcosvnds\Downloads\d9fba4c9-0cb6-42e3-bb6c-0ced4fe86484.tmp</t>
  </si>
  <si>
    <t>01/23/2020 10:30:51</t>
  </si>
  <si>
    <t>ec1a397d-6992-436b-acdf-50f31999ae2d.tmp</t>
  </si>
  <si>
    <t>\\acsfs\profiles$\marcosvnds\Downloads\ec1a397d-6992-436b-acdf-50f31999ae2d.tmp</t>
  </si>
  <si>
    <t>01/23/2020 10:32:21</t>
  </si>
  <si>
    <t>01/23/2020 10:36:50</t>
  </si>
  <si>
    <t>01/23/2020 10:32:22</t>
  </si>
  <si>
    <t>01/23/2020 10:34:41</t>
  </si>
  <si>
    <t>01/23/2020 10:34:54</t>
  </si>
  <si>
    <t>01/23/2020 10:35:24</t>
  </si>
  <si>
    <t>01/23/2020 10:36:47</t>
  </si>
  <si>
    <t>01/23/2020 10:37:51</t>
  </si>
  <si>
    <t>01/23/2020 10:33:24</t>
  </si>
  <si>
    <t>01/23/2020 10:33:54</t>
  </si>
  <si>
    <t>01/23/2020 10:38:50</t>
  </si>
  <si>
    <t>01/23/2020 10:35:23</t>
  </si>
  <si>
    <t>.~lock.Reneg Vcto 26-01-20 Flavio.ods#</t>
  </si>
  <si>
    <t>\\acsfs\profiles$\Flaviojmm\My Documents\.~lock.Reneg Vcto 26-01-20 Flavio.ods#</t>
  </si>
  <si>
    <t>lu17588ur57m.tmp</t>
  </si>
  <si>
    <t>\\acsfs\profiles$\Flaviojmm\My Documents\lu17588ur57m.tmp</t>
  </si>
  <si>
    <t>\\acsfs\profiles$\Flaviojmm\My Documents\lu17588ur57m.tmp\</t>
  </si>
  <si>
    <t>\\acsfs\profiles$\Flaviojmm\My Documents\lu17588ur57m.tmp\META-INF\</t>
  </si>
  <si>
    <t>\\acsfs\profiles$\Flaviojmm\My Documents\lu17588ur57m.tmp\Thumbnails\</t>
  </si>
  <si>
    <t>01/23/2020 10:35:40</t>
  </si>
  <si>
    <t>01/23/2020 10:35:58</t>
  </si>
  <si>
    <t>01/23/2020 10:37:59</t>
  </si>
  <si>
    <t>01/23/2020 10:39:51</t>
  </si>
  <si>
    <t>01/23/2020 10:38:10</t>
  </si>
  <si>
    <t>01/23/2020 10:40:51</t>
  </si>
  <si>
    <t>01/23/2020 10:37:38</t>
  </si>
  <si>
    <t>01/23/2020 10:42:50</t>
  </si>
  <si>
    <t>01/23/2020 10:37:54</t>
  </si>
  <si>
    <t>01/23/2020 10:37:55</t>
  </si>
  <si>
    <t>01/23/2020 10:38:04</t>
  </si>
  <si>
    <t>01/23/2020 10:38:05</t>
  </si>
  <si>
    <t>01/23/2020 10:38:25</t>
  </si>
  <si>
    <t>01/23/2020 10:38:55</t>
  </si>
  <si>
    <t>01/23/2020 10:39:55</t>
  </si>
  <si>
    <t>01/23/2020 10:40:25</t>
  </si>
  <si>
    <t>01/23/2020 10:41:25</t>
  </si>
  <si>
    <t>01/23/2020 10:41:55</t>
  </si>
  <si>
    <t>01/23/2020 10:42:08</t>
  </si>
  <si>
    <t>10c4c03c-5817-4ee4-9ede-187e29b5b4f8.tmp</t>
  </si>
  <si>
    <t>\\acsfs\profiles$\francislayneads\Downloads\10c4c03c-5817-4ee4-9ede-187e29b5b4f8.tmp</t>
  </si>
  <si>
    <t>5f0d3879-ff9f-4055-b193-936edcd9c2d6.tmp</t>
  </si>
  <si>
    <t>\\acsfs\profiles$\francislayneads\Downloads\5f0d3879-ff9f-4055-b193-936edcd9c2d6.tmp</t>
  </si>
  <si>
    <t>01/23/2020 10:39:22</t>
  </si>
  <si>
    <t>01/23/2020 10:43:51</t>
  </si>
  <si>
    <t>589a05bb-b287-44df-937a-2aa6a24c46c7.tmp</t>
  </si>
  <si>
    <t>\\acsfs\profiles$\inarajst\Downloads\589a05bb-b287-44df-937a-2aa6a24c46c7.tmp</t>
  </si>
  <si>
    <t>01/23/2020 10:39:17</t>
  </si>
  <si>
    <t>01/23/2020 10:44:50</t>
  </si>
  <si>
    <t>01/23/2020 10:42:56</t>
  </si>
  <si>
    <t>01/23/2020 10:43:29</t>
  </si>
  <si>
    <t>01/23/2020 10:45:50</t>
  </si>
  <si>
    <t>01/23/2020 10:46:50</t>
  </si>
  <si>
    <t>01/23/2020 10:43:22</t>
  </si>
  <si>
    <t>01/23/2020 10:42:25</t>
  </si>
  <si>
    <t>01/23/2020 10:47:50</t>
  </si>
  <si>
    <t>01/23/2020 10:45:25</t>
  </si>
  <si>
    <t>01/23/2020 10:45:55</t>
  </si>
  <si>
    <t>01/23/2020 10:46:25</t>
  </si>
  <si>
    <t>01/23/2020 10:46:55</t>
  </si>
  <si>
    <t>01/23/2020 10:43:16</t>
  </si>
  <si>
    <t>5ff28936-e1b6-4dc6-9def-45f8bd18700a.tmp</t>
  </si>
  <si>
    <t>\\acsfs\profiles$\kamilamrc\Downloads\5ff28936-e1b6-4dc6-9def-45f8bd18700a.tmp</t>
  </si>
  <si>
    <t>01/23/2020 10:42:52</t>
  </si>
  <si>
    <t>7a2e5eb8-7427-4af1-9a57-ef4ccba2300e.tmp</t>
  </si>
  <si>
    <t>\\acsfs\profiles$\BRUNAAR\Downloads\7a2e5eb8-7427-4af1-9a57-ef4ccba2300e.tmp</t>
  </si>
  <si>
    <t>01/23/2020 10:46:17</t>
  </si>
  <si>
    <t>01/23/2020 10:45:09</t>
  </si>
  <si>
    <t>01/23/2020 10:48:50</t>
  </si>
  <si>
    <t>76e2e4a4-839b-48b5-8084-b01c6749417f.tmp</t>
  </si>
  <si>
    <t>\\acsfs\profiles$\inarajst\Downloads\76e2e4a4-839b-48b5-8084-b01c6749417f.tmp</t>
  </si>
  <si>
    <t>01/23/2020 10:47:59</t>
  </si>
  <si>
    <t>RAFAELA CRISTINA DE OLIVEIRA CLEMENTINO_1_6780819406943489328_1_32.wav</t>
  </si>
  <si>
    <t>\\acsfs\Deptos\EDUCACAO EMPRESARIAL\KÉSIA\Ligações 3º ciclo - Janeiro 2020\RAFAELA CRISTINA DE OLIVEIRA CLEMENTINO_1_6780819406943489328_1_32.wav</t>
  </si>
  <si>
    <t>01/23/2020 10:50:50</t>
  </si>
  <si>
    <t>01/23/2020 10:52:51</t>
  </si>
  <si>
    <t>01/23/2020 10:51:17</t>
  </si>
  <si>
    <t>karoliny.silva@mutantbr.com;qualidadealgarbv@algartech.com;tatiane.biassi@mutantbr.com;</t>
  </si>
  <si>
    <t>karoliny.silva@mutantbr.com,qualidadealgarbv@algartech.com,tatiane.biassi@mutantbr.com</t>
  </si>
  <si>
    <t>01/23/2020 10:51:37</t>
  </si>
  <si>
    <t>01/23/2020 10:51:40</t>
  </si>
  <si>
    <t>00:03:18;karoliny.silva@mutantbr.com;qualidadealgarbv@algartech.com;tatiane.biassi@mutantbr.com;</t>
  </si>
  <si>
    <t>00:03:18,karoliny.silva@mutantbr.com,qualidadealgarbv@algartech.com,tatiane.biassi@mutantbr.com</t>
  </si>
  <si>
    <t>01/23/2020 10:48:45</t>
  </si>
  <si>
    <t>01/23/2020 10:49:02</t>
  </si>
  <si>
    <t>01/23/2020 10:49:04</t>
  </si>
  <si>
    <t>01/23/2020 10:49:39</t>
  </si>
  <si>
    <t>01/23/2020 10:54:50</t>
  </si>
  <si>
    <t>\\acsfs\Deptos\EDUCACAO EMPRESARIAL\10 - CQE M.I.S\</t>
  </si>
  <si>
    <t>\\acsfs\Deptos\EDUCACAO EMPRESARIAL\10 - CQE M.I.S\Thumbs.db</t>
  </si>
  <si>
    <t>01/23/2020 10:52:07</t>
  </si>
  <si>
    <t>01/23/2020 10:49:29</t>
  </si>
  <si>
    <t>6f474d72-ea29-4632-bbfe-bb136e73442b.tmp</t>
  </si>
  <si>
    <t>\\acsfs\profiles$\geovannasm\Downloads\6f474d72-ea29-4632-bbfe-bb136e73442b.tmp</t>
  </si>
  <si>
    <t>01/23/2020 10:55:50</t>
  </si>
  <si>
    <t>01/23/2020 10:53:34</t>
  </si>
  <si>
    <t>01/23/2020 10:53:35</t>
  </si>
  <si>
    <t>01/23/2020 10:53:46</t>
  </si>
  <si>
    <t>01/23/2020 10:53:47</t>
  </si>
  <si>
    <t>01/23/2020 10:53:41</t>
  </si>
  <si>
    <t>01/23/2020 10:52:50</t>
  </si>
  <si>
    <t>01/23/2020 10:57:50</t>
  </si>
  <si>
    <t>qualidadealgarbv@algartech.com;tatiane.biassi@mutantbr.com;</t>
  </si>
  <si>
    <t>qualidadealgarbv@algartech.com,tatiane.biassi@mutantbr.com</t>
  </si>
  <si>
    <t>01/23/2020 10:52:53</t>
  </si>
  <si>
    <t>01/23/2020 10:52:57</t>
  </si>
  <si>
    <t>lilianls@algartech.com;qualidadealgarbv@algartech.com;tatiane.biassi@mutantbr.com;</t>
  </si>
  <si>
    <t>lilianls@algartech.com,qualidadealgarbv@algartech.com,tatiane.biassi@mutantbr.com</t>
  </si>
  <si>
    <t>01/23/2020 10:55:15</t>
  </si>
  <si>
    <t>c9dad547-e591-479d-a2ad-271b58b61760.tmp</t>
  </si>
  <si>
    <t>\\acsfs\profiles$\kamilamrc\Downloads\c9dad547-e591-479d-a2ad-271b58b61760.tmp</t>
  </si>
  <si>
    <t>01/23/2020 10:56:04</t>
  </si>
  <si>
    <t>99697c28-9a19-4cc9-87de-3a413129cb92.tmp</t>
  </si>
  <si>
    <t>\\acsfs\profiles$\kamilamrc\Downloads\99697c28-9a19-4cc9-87de-3a413129cb92.tmp</t>
  </si>
  <si>
    <t>01/23/2020 10:56:20</t>
  </si>
  <si>
    <t>775348fd-5c9c-492d-baad-4211ed28c9c5.tmp</t>
  </si>
  <si>
    <t>\\acsfs\profiles$\kamilamrc\Downloads\775348fd-5c9c-492d-baad-4211ed28c9c5.tmp</t>
  </si>
  <si>
    <t>01/23/2020 10:56:49</t>
  </si>
  <si>
    <t>f4f6249a-5e8f-4d7d-b60c-8478d0115b9a.tmp</t>
  </si>
  <si>
    <t>\\acsfs\profiles$\kamilamrc\Downloads\f4f6249a-5e8f-4d7d-b60c-8478d0115b9a.tmp</t>
  </si>
  <si>
    <t>01/23/2020 10:57:14</t>
  </si>
  <si>
    <t>86d13d63-d38a-431f-93c3-336fe02f4141.tmp</t>
  </si>
  <si>
    <t>\\acsfs\profiles$\kamilamrc\Downloads\86d13d63-d38a-431f-93c3-336fe02f4141.tmp</t>
  </si>
  <si>
    <t>01/23/2020 10:58:38</t>
  </si>
  <si>
    <t>01/23/2020 10:59:50</t>
  </si>
  <si>
    <t>01/23/2020 10:57:48</t>
  </si>
  <si>
    <t>\\udpavonfs01\AVON\00 - ACOMPANHAMENTO AVON\04 - BACKOFFICE CORNERSTONE\2020\01.2020\RELATORIO\22.01.2020\Acompanhamento Backoffice Cornerstone JAN.20.xlsx</t>
  </si>
  <si>
    <t>01/23/2020 10:58:02</t>
  </si>
  <si>
    <t>XLOG_anacdos_23012020_075937.log</t>
  </si>
  <si>
    <t>\\acsfs\profiles$\anacdos\My Documents\xworkcenter\logs\XLOG_anacdos_23012020_075937.log</t>
  </si>
  <si>
    <t>01/23/2020 10:56:50</t>
  </si>
  <si>
    <t>desligamento patrick lourenco bernardes reis.pdf</t>
  </si>
  <si>
    <t>01/23/2020 11:00:51</t>
  </si>
  <si>
    <t>01/23/2020 10:55:54</t>
  </si>
  <si>
    <t>cf924897-58e9-4e7e-bd6f-18e8e3b047ff.tmp</t>
  </si>
  <si>
    <t>\\acsfs\profiles$\sarahbal\Downloads\cf924897-58e9-4e7e-bd6f-18e8e3b047ff.tmp</t>
  </si>
  <si>
    <t>01/23/2020 10:56:06</t>
  </si>
  <si>
    <t>01/23/2020 10:56:07</t>
  </si>
  <si>
    <t>01/23/2020 10:58:55</t>
  </si>
  <si>
    <t>01/23/2020 11:01:50</t>
  </si>
  <si>
    <t>422cf7f6-730c-430d-8aae-bde220e50071.tmp</t>
  </si>
  <si>
    <t>\\acsfs\profiles$\cassianogc\Downloads\422cf7f6-730c-430d-8aae-bde220e50071.tmp</t>
  </si>
  <si>
    <t>01/23/2020 10:59:19</t>
  </si>
  <si>
    <t>63a7cec9-f809-4dcb-be9e-e66100c5480d.tmp</t>
  </si>
  <si>
    <t>\\acsfs\profiles$\cassianogc\Downloads\63a7cec9-f809-4dcb-be9e-e66100c5480d.tmp</t>
  </si>
  <si>
    <t>01/23/2020 10:57:13</t>
  </si>
  <si>
    <t>88b2795a-7f9b-455a-b641-c269ca134b8a.tmp</t>
  </si>
  <si>
    <t>\\acsfs\profiles$\PEDROHAB\Downloads\88b2795a-7f9b-455a-b641-c269ca134b8a.tmp</t>
  </si>
  <si>
    <t>01/23/2020 10:57:15</t>
  </si>
  <si>
    <t>4f085235-321a-40e0-b2c2-0fdc465ef731.tmp</t>
  </si>
  <si>
    <t>\\acsfs\profiles$\PEDROHAB\Downloads\4f085235-321a-40e0-b2c2-0fdc465ef731.tmp</t>
  </si>
  <si>
    <t>01/23/2020 10:57:26</t>
  </si>
  <si>
    <t>01/23/2020 11:02:50</t>
  </si>
  <si>
    <t>5a287262-c198-456f-bac4-795b12c7fa64.tmp</t>
  </si>
  <si>
    <t>\\acsfs\profiles$\kamilamrc\Downloads\5a287262-c198-456f-bac4-795b12c7fa64.tmp</t>
  </si>
  <si>
    <t>01/23/2020 10:59:40</t>
  </si>
  <si>
    <t>493f521b-cc67-4e58-b619-b291c91342f3.tmp</t>
  </si>
  <si>
    <t>\\acsfs\profiles$\BRUNAAR\Downloads\493f521b-cc67-4e58-b619-b291c91342f3.tmp</t>
  </si>
  <si>
    <t>01/23/2020 11:04:50</t>
  </si>
  <si>
    <t>01/23/2020 11:01:53</t>
  </si>
  <si>
    <t>01/23/2020 11:05:50</t>
  </si>
  <si>
    <t>01/23/2020 11:02:13</t>
  </si>
  <si>
    <t>01/23/2020 11:06:50</t>
  </si>
  <si>
    <t>b145ae78-dcb8-4491-84cb-20607a9536ae.tmp</t>
  </si>
  <si>
    <t>\\acsfs\profiles$\cassianogc\Downloads\b145ae78-dcb8-4491-84cb-20607a9536ae.tmp</t>
  </si>
  <si>
    <t>01/23/2020 11:02:54</t>
  </si>
  <si>
    <t>64ed5834-76d7-4daf-9874-c0cbd872cbef.tmp</t>
  </si>
  <si>
    <t>\\acsfs\profiles$\cassianogc\Downloads\64ed5834-76d7-4daf-9874-c0cbd872cbef.tmp</t>
  </si>
  <si>
    <t>01/23/2020 11:03:18</t>
  </si>
  <si>
    <t>a384458c-0cbc-4490-8a89-ab98b509f16d.tmp</t>
  </si>
  <si>
    <t>\\acsfs\profiles$\PEDROHAB\Downloads\a384458c-0cbc-4490-8a89-ab98b509f16d.tmp</t>
  </si>
  <si>
    <t>01/23/2020 11:03:20</t>
  </si>
  <si>
    <t>addf3fa8-bb8c-4f08-b3df-8ed93e80aa63.tmp</t>
  </si>
  <si>
    <t>\\acsfs\profiles$\PEDROHAB\Downloads\addf3fa8-bb8c-4f08-b3df-8ed93e80aa63.tmp</t>
  </si>
  <si>
    <t>01/23/2020 11:05:20</t>
  </si>
  <si>
    <t>01/23/2020 11:07:50</t>
  </si>
  <si>
    <t>01/23/2020 11:05:37</t>
  </si>
  <si>
    <t>01/23/2020 11:05:46</t>
  </si>
  <si>
    <t>01/23/2020 11:06:24</t>
  </si>
  <si>
    <t>01/23/2020 11:06:42</t>
  </si>
  <si>
    <t>01/23/2020 11:06:47</t>
  </si>
  <si>
    <t>01/23/2020 11:08:51</t>
  </si>
  <si>
    <t>01/23/2020 11:05:34</t>
  </si>
  <si>
    <t>0bbe7322-63c5-4a6e-b451-7c945c3f87fb.tmp</t>
  </si>
  <si>
    <t>\\acsfs\profiles$\larissaad\Downloads\0bbe7322-63c5-4a6e-b451-7c945c3f87fb.tmp</t>
  </si>
  <si>
    <t>01/23/2020 11:09:50</t>
  </si>
  <si>
    <t>01/23/2020 11:07:54</t>
  </si>
  <si>
    <t>01/23/2020 11:06:36</t>
  </si>
  <si>
    <t>10.200.57.181</t>
  </si>
  <si>
    <t>74-86-7A-FB-16-E9</t>
  </si>
  <si>
    <t>VOTORANT-ABB023</t>
  </si>
  <si>
    <t>https://api12o.ilovepdf.com/v1/upload</t>
  </si>
  <si>
    <t>Herois em destaque divulgaÃ§Ã£o (002).pdf</t>
  </si>
  <si>
    <t>01/23/2020 11:08:36</t>
  </si>
  <si>
    <t>Herois em destaque divulgação (002).pptx</t>
  </si>
  <si>
    <t>\\acsfs\Deptos\Operacao\Banco_Votorantim\Comum\Herois em destaque divulgação (002).pptx</t>
  </si>
  <si>
    <t>01/23/2020 11:04:59</t>
  </si>
  <si>
    <t>01/23/2020 11:08:46</t>
  </si>
  <si>
    <t>\\acsfs\profiles$\geovannasm\My Documents\$RECYCLE.BIN\</t>
  </si>
  <si>
    <t>$IRWJOR3.txt</t>
  </si>
  <si>
    <t>\\acsfs\profiles$\geovannasm\My Documents\$RECYCLE.BIN\$IRWJOR3.txt</t>
  </si>
  <si>
    <t>01/23/2020 11:08:35</t>
  </si>
  <si>
    <t>01/23/2020 11:09:23</t>
  </si>
  <si>
    <t>01/23/2020 11:10:51</t>
  </si>
  <si>
    <t>01/23/2020 11:09:24</t>
  </si>
  <si>
    <t>01/23/2020 11:09:25</t>
  </si>
  <si>
    <t>01/23/2020 11:09:26</t>
  </si>
  <si>
    <t>01/23/2020 11:09:27</t>
  </si>
  <si>
    <t>01/23/2020 11:09:28</t>
  </si>
  <si>
    <t>01/23/2020 11:09:29</t>
  </si>
  <si>
    <t>01/23/2020 11:09:30</t>
  </si>
  <si>
    <t>01/23/2020 11:09:31</t>
  </si>
  <si>
    <t>01/23/2020 11:09:32</t>
  </si>
  <si>
    <t>01/23/2020 11:09:33</t>
  </si>
  <si>
    <t>01/23/2020 11:09:34</t>
  </si>
  <si>
    <t>01/23/2020 11:09:35</t>
  </si>
  <si>
    <t>01/23/2020 11:09:36</t>
  </si>
  <si>
    <t>01/23/2020 11:09:37</t>
  </si>
  <si>
    <t>01/23/2020 11:09:38</t>
  </si>
  <si>
    <t>01/23/2020 11:09:39</t>
  </si>
  <si>
    <t>01/23/2020 11:09:40</t>
  </si>
  <si>
    <t>01/23/2020 11:09:41</t>
  </si>
  <si>
    <t>01/23/2020 11:09:42</t>
  </si>
  <si>
    <t>01/23/2020 11:09:43</t>
  </si>
  <si>
    <t>01/23/2020 11:11:50</t>
  </si>
  <si>
    <t>62d48996-b211-4693-b55a-bea7551be15c.tmp</t>
  </si>
  <si>
    <t>\\acsfs\profiles$\ALYNYA\Downloads\62d48996-b211-4693-b55a-bea7551be15c.tmp</t>
  </si>
  <si>
    <t>01/23/2020 11:07:03</t>
  </si>
  <si>
    <t>01/23/2020 11:12:51</t>
  </si>
  <si>
    <t>01/23/2020 11:07:15</t>
  </si>
  <si>
    <t>01/23/2020 11:07:24</t>
  </si>
  <si>
    <t>01/23/2020 11:07:25</t>
  </si>
  <si>
    <t>01/23/2020 11:09:54</t>
  </si>
  <si>
    <t>01/23/2020 11:09:55</t>
  </si>
  <si>
    <t>01/23/2020 11:09:18</t>
  </si>
  <si>
    <t>01/23/2020 11:13:50</t>
  </si>
  <si>
    <t>01/23/2020 11:11:21</t>
  </si>
  <si>
    <t>01/23/2020 11:14:51</t>
  </si>
  <si>
    <t>\\acsfs\DEPTOS\Operacao\Banco_Votorantim\Qualidade\</t>
  </si>
  <si>
    <t>01/23/2020 11:13:33</t>
  </si>
  <si>
    <t>C:\Users\josiascdsj\Desktop\</t>
  </si>
  <si>
    <t>\\acsfs\DEPTOS\Operacao\Banco_Votorantim\Comum\Herois em destaque divulgação (002).pptx</t>
  </si>
  <si>
    <t>01/23/2020 11:10:12</t>
  </si>
  <si>
    <t>mail.google.com/sync/u/0/i/s?hl=pt-BR&amp;c=1649</t>
  </si>
  <si>
    <t>01/23/2020 11:11:43</t>
  </si>
  <si>
    <t>01/23/2020 11:11:58</t>
  </si>
  <si>
    <t>01/23/2020 11:12:05</t>
  </si>
  <si>
    <t>mail.google.com/sync/u/0/i/s?hl=pt-BR&amp;c=1658</t>
  </si>
  <si>
    <t>01/23/2020 11:13:29</t>
  </si>
  <si>
    <t>01/23/2020 11:13:38</t>
  </si>
  <si>
    <t>01/23/2020 11:13:44</t>
  </si>
  <si>
    <t>01/23/2020 11:13:55</t>
  </si>
  <si>
    <t>mail.google.com/sync/u/0/i/s?hl=pt-BR&amp;c=1668</t>
  </si>
  <si>
    <t>01/23/2020 11:14:01</t>
  </si>
  <si>
    <t>01/23/2020 11:15:50</t>
  </si>
  <si>
    <t>01/23/2020 11:09:44</t>
  </si>
  <si>
    <t>01/23/2020 11:09:45</t>
  </si>
  <si>
    <t>01/23/2020 11:09:46</t>
  </si>
  <si>
    <t>01/23/2020 11:09:47</t>
  </si>
  <si>
    <t>01/23/2020 11:09:48</t>
  </si>
  <si>
    <t>01/23/2020 11:09:49</t>
  </si>
  <si>
    <t>01/23/2020 11:09:51</t>
  </si>
  <si>
    <t>01/23/2020 11:09:52</t>
  </si>
  <si>
    <t>01/23/2020 11:10:24</t>
  </si>
  <si>
    <t>12db9424-eba7-4d4e-874f-3f23b21d8fbc.tmp</t>
  </si>
  <si>
    <t>\\acsfs\profiles$\marcosvnds\Downloads\12db9424-eba7-4d4e-874f-3f23b21d8fbc.tmp</t>
  </si>
  <si>
    <t>01/23/2020 11:13:00</t>
  </si>
  <si>
    <t>01/23/2020 11:13:01</t>
  </si>
  <si>
    <t>01/23/2020 11:11:26</t>
  </si>
  <si>
    <t>01/23/2020 11:16:50</t>
  </si>
  <si>
    <t>6ffd95e1-2bde-4128-965b-fb999813fbbb.tmp</t>
  </si>
  <si>
    <t>\\acsfs\profiles$\talitafdc\Downloads\6ffd95e1-2bde-4128-965b-fb999813fbbb.tmp</t>
  </si>
  <si>
    <t>01/23/2020 11:12:34</t>
  </si>
  <si>
    <t>f93406fd-b460-495e-88f4-6855babc86ce.tmp</t>
  </si>
  <si>
    <t>\\acsfs\profiles$\joselrb\Downloads\f93406fd-b460-495e-88f4-6855babc86ce.tmp</t>
  </si>
  <si>
    <t>01/23/2020 11:13:18</t>
  </si>
  <si>
    <t>4b05d2ff-8c2d-438b-b07b-1d29cea11dab.tmp</t>
  </si>
  <si>
    <t>\\acsfs\profiles$\joselrb\Downloads\4b05d2ff-8c2d-438b-b07b-1d29cea11dab.tmp</t>
  </si>
  <si>
    <t>01/23/2020 11:14:23</t>
  </si>
  <si>
    <t>de6c1478-3292-4f42-ae4c-4bdba0df3b7c.tmp</t>
  </si>
  <si>
    <t>\\acsfs\profiles$\joselrb\Downloads\de6c1478-3292-4f42-ae4c-4bdba0df3b7c.tmp</t>
  </si>
  <si>
    <t>01/23/2020 11:15:53</t>
  </si>
  <si>
    <t>01/23/2020 11:18:50</t>
  </si>
  <si>
    <t>5d1866b6-2d00-4431-b1cb-244d88f47510.tmp</t>
  </si>
  <si>
    <t>\\acsfs\profiles$\DALVADFB\Downloads\5d1866b6-2d00-4431-b1cb-244d88f47510.tmp</t>
  </si>
  <si>
    <t>01/23/2020 11:16:17</t>
  </si>
  <si>
    <t>Anuidade.PNG</t>
  </si>
  <si>
    <t>\\acsfs\Deptos\EDUCACAO EMPRESARIAL\KÉSIA\Anuidade.PNG</t>
  </si>
  <si>
    <t>01/23/2020 11:13:51</t>
  </si>
  <si>
    <t>82a15732-8d50-483a-8433-5a791d9d3690.tmp</t>
  </si>
  <si>
    <t>\\acsfs\profiles$\larissaad\Downloads\82a15732-8d50-483a-8433-5a791d9d3690.tmp</t>
  </si>
  <si>
    <t>01/23/2020 11:16:54</t>
  </si>
  <si>
    <t>66bbe1ba-21b0-48b9-9ef3-33699c9e7bdd.tmp</t>
  </si>
  <si>
    <t>\\acsfs\profiles$\larissaad\Downloads\66bbe1ba-21b0-48b9-9ef3-33699c9e7bdd.tmp</t>
  </si>
  <si>
    <t>01/23/2020 11:20:50</t>
  </si>
  <si>
    <t>01/23/2020 11:16:18</t>
  </si>
  <si>
    <t>01/23/2020 11:21:50</t>
  </si>
  <si>
    <t>b6ad97d1-c739-49f8-a8de-f39cf9b1b242.tmp</t>
  </si>
  <si>
    <t>\\acsfs\profiles$\cassianogc\Downloads\b6ad97d1-c739-49f8-a8de-f39cf9b1b242.tmp</t>
  </si>
  <si>
    <t>01/23/2020 11:16:27</t>
  </si>
  <si>
    <t>f9c68dd9-2aa0-40c4-b8a4-5a61aebafaff.tmp</t>
  </si>
  <si>
    <t>\\acsfs\profiles$\cassianogc\Downloads\f9c68dd9-2aa0-40c4-b8a4-5a61aebafaff.tmp</t>
  </si>
  <si>
    <t>01/23/2020 11:16:45</t>
  </si>
  <si>
    <t>3c05c244-3d4b-4722-b861-fb93695efc20.tmp</t>
  </si>
  <si>
    <t>\\acsfs\profiles$\cassianogc\Downloads\3c05c244-3d4b-4722-b861-fb93695efc20.tmp</t>
  </si>
  <si>
    <t>01/23/2020 11:22:51</t>
  </si>
  <si>
    <t>01/23/2020 11:18:37</t>
  </si>
  <si>
    <t>01/23/2020 11:18:39</t>
  </si>
  <si>
    <t>01/23/2020 11:19:27</t>
  </si>
  <si>
    <t>01/23/2020 11:19:31</t>
  </si>
  <si>
    <t>01/23/2020 11:19:36</t>
  </si>
  <si>
    <t>01/23/2020 11:19:51</t>
  </si>
  <si>
    <t>01/23/2020 11:20:01</t>
  </si>
  <si>
    <t>01/23/2020 11:20:18</t>
  </si>
  <si>
    <t>01/23/2020 11:20:28</t>
  </si>
  <si>
    <t>01/23/2020 11:20:40</t>
  </si>
  <si>
    <t>01/23/2020 11:20:45</t>
  </si>
  <si>
    <t>01/23/2020 11:20:48</t>
  </si>
  <si>
    <t>01/23/2020 11:21:12</t>
  </si>
  <si>
    <t>01/23/2020 11:21:16</t>
  </si>
  <si>
    <t>01/23/2020 11:21:21</t>
  </si>
  <si>
    <t>01/23/2020 11:18:10</t>
  </si>
  <si>
    <t>01/23/2020 11:23:51</t>
  </si>
  <si>
    <t>ROBERT MOREIRA_1_6780159734326563478_1_32.wav</t>
  </si>
  <si>
    <t>\\acsfs\Deptos\EDUCACAO EMPRESARIAL\KÉSIA\Ligações 3º ciclo - Janeiro 2020\ROBERT MOREIRA_1_6780159734326563478_1_32.wav</t>
  </si>
  <si>
    <t>01/23/2020 11:19:04</t>
  </si>
  <si>
    <t>01/23/2020 11:24:50</t>
  </si>
  <si>
    <t>01/23/2020 11:22:29</t>
  </si>
  <si>
    <t>01/23/2020 11:22:13</t>
  </si>
  <si>
    <t>\\acsfs\Deptos\Operacao\Banco_Votorantim\Supervisao\Maristela\CRBV vendas\Desligamento\Herois em destaque divulgação (002).pptx</t>
  </si>
  <si>
    <t>01/23/2020 11:25:50</t>
  </si>
  <si>
    <t>01/23/2020 11:23:27</t>
  </si>
  <si>
    <t>01/23/2020 11:27:50</t>
  </si>
  <si>
    <t>01/23/2020 11:23:30</t>
  </si>
  <si>
    <t>01/23/2020 11:23:53</t>
  </si>
  <si>
    <t>01/23/2020 11:23:55</t>
  </si>
  <si>
    <t>01/23/2020 11:24:21</t>
  </si>
  <si>
    <t>01/23/2020 11:24:26</t>
  </si>
  <si>
    <t>01/23/2020 11:24:46</t>
  </si>
  <si>
    <t>01/23/2020 11:25:03</t>
  </si>
  <si>
    <t>01/23/2020 11:25:11</t>
  </si>
  <si>
    <t>01/23/2020 11:25:20</t>
  </si>
  <si>
    <t>andrelps@algartech.com;mirianppb@algartech.com;</t>
  </si>
  <si>
    <t>andrelps@algartech.com,mirianppb@algartech.com</t>
  </si>
  <si>
    <t>01/23/2020 11:25:31</t>
  </si>
  <si>
    <t>01/23/2020 11:23:43</t>
  </si>
  <si>
    <t>01/23/2020 11:24:08</t>
  </si>
  <si>
    <t>01/23/2020 11:24:58</t>
  </si>
  <si>
    <t>01/23/2020 11:28:42</t>
  </si>
  <si>
    <t>01/23/2020 11:29:50</t>
  </si>
  <si>
    <t>ulog_AcroARM2_Reader_22bb18ef-a0cc-4985-b2f1-d8449a05e1d0_606c3a5b-3f57-46e2-a820-340222cc48cf_0.log</t>
  </si>
  <si>
    <t>C:\Users\Jordanarb\AppData\Roaming\Adobe\LogTransport2\Logs\ulog_AcroARM2_Reader_22bb18ef-a0cc-4985-b2f1-d8449a05e1d0_606c3a5b-3f57-46e2-a820-340222cc48cf_0.log\</t>
  </si>
  <si>
    <t>01/23/2020 11:30:51</t>
  </si>
  <si>
    <t>01/23/2020 11:30:21</t>
  </si>
  <si>
    <t>01/23/2020 11:31:50</t>
  </si>
  <si>
    <t>01/23/2020 11:30:22</t>
  </si>
  <si>
    <t>01/23/2020 11:28:27</t>
  </si>
  <si>
    <t>01/23/2020 11:32:51</t>
  </si>
  <si>
    <t>01/23/2020 11:32:34</t>
  </si>
  <si>
    <t>01/23/2020 11:33:50</t>
  </si>
  <si>
    <t>03/02/2020;bvcartes-supervisores@algarnet.onmicrosoft.com;</t>
  </si>
  <si>
    <t>03/02/2020,bvcartes-supervisores@algarnet.onmicrosoft.com</t>
  </si>
  <si>
    <t>01/23/2020 11:32:52</t>
  </si>
  <si>
    <t>01/23/2020 11:33:08</t>
  </si>
  <si>
    <t>01/23/2020 11:30:16</t>
  </si>
  <si>
    <t>01/23/2020 11:35:51</t>
  </si>
  <si>
    <t>01/23/2020 11:36:50</t>
  </si>
  <si>
    <t>01/23/2020 11:33:14</t>
  </si>
  <si>
    <t>10.200.67.168</t>
  </si>
  <si>
    <t>78-2B-CB-C1-07-47</t>
  </si>
  <si>
    <t>VOTORANT-JB007</t>
  </si>
  <si>
    <t>c6385917-c485-4f88-afd3-0ace07ac8220.tmp</t>
  </si>
  <si>
    <t>\\acsfs\profiles$\NatanaelLF\Downloads\c6385917-c485-4f88-afd3-0ace07ac8220.tmp</t>
  </si>
  <si>
    <t>01/23/2020 11:34:17</t>
  </si>
  <si>
    <t>00238ba5-78e6-442b-b77a-b393e8befe28.tmp</t>
  </si>
  <si>
    <t>\\acsfs\profiles$\NatanaelLF\Downloads\00238ba5-78e6-442b-b77a-b393e8befe28.tmp</t>
  </si>
  <si>
    <t>01/23/2020 11:35:10</t>
  </si>
  <si>
    <t>01/23/2020 11:37:51</t>
  </si>
  <si>
    <t>01/23/2020 11:38:50</t>
  </si>
  <si>
    <t>01/23/2020 11:34:38</t>
  </si>
  <si>
    <t>2dda1b95-47a4-418a-826a-c4ef93eb88b7.tmp</t>
  </si>
  <si>
    <t>\\acsfs\profiles$\kellzylenneasr\Downloads\2dda1b95-47a4-418a-826a-c4ef93eb88b7.tmp</t>
  </si>
  <si>
    <t>01/23/2020 11:33:22</t>
  </si>
  <si>
    <t>01/23/2020 11:33:34</t>
  </si>
  <si>
    <t>01/23/2020 11:33:51</t>
  </si>
  <si>
    <t>01/23/2020 11:34:06</t>
  </si>
  <si>
    <t>01/23/2020 11:34:10</t>
  </si>
  <si>
    <t>01/23/2020 11:34:23</t>
  </si>
  <si>
    <t>01/23/2020 11:34:27</t>
  </si>
  <si>
    <t>01/23/2020 11:34:35</t>
  </si>
  <si>
    <t>01/23/2020 11:40:50</t>
  </si>
  <si>
    <t>01/23/2020 11:39:14</t>
  </si>
  <si>
    <t>01/23/2020 11:37:12</t>
  </si>
  <si>
    <t>01/23/2020 11:41:50</t>
  </si>
  <si>
    <t>79d6e4fe-c29c-452a-bf72-0e40626d5944.tmp</t>
  </si>
  <si>
    <t>\\acsfs\profiles$\NatanaelLF\Downloads\79d6e4fe-c29c-452a-bf72-0e40626d5944.tmp</t>
  </si>
  <si>
    <t>01/23/2020 11:37:14</t>
  </si>
  <si>
    <t>91949578-de1c-4f83-84d3-3e50ff4253e3.tmp</t>
  </si>
  <si>
    <t>\\acsfs\profiles$\NatanaelLF\Downloads\91949578-de1c-4f83-84d3-3e50ff4253e3.tmp</t>
  </si>
  <si>
    <t>01/23/2020 11:39:21</t>
  </si>
  <si>
    <t>d0fe0beb-abf5-4a7e-867f-674f540d8533.tmp</t>
  </si>
  <si>
    <t>\\acsfs\profiles$\NatanaelLF\Downloads\d0fe0beb-abf5-4a7e-867f-674f540d8533.tmp</t>
  </si>
  <si>
    <t>01/23/2020 11:39:25</t>
  </si>
  <si>
    <t>3fc19338-6833-4a9c-a7e6-740d040de051.tmp</t>
  </si>
  <si>
    <t>\\acsfs\profiles$\NatanaelLF\Downloads\3fc19338-6833-4a9c-a7e6-740d040de051.tmp</t>
  </si>
  <si>
    <t>01/23/2020 11:39:19</t>
  </si>
  <si>
    <t>01/23/2020 11:42:50</t>
  </si>
  <si>
    <t>01/23/2020 11:41:35</t>
  </si>
  <si>
    <t>01/23/2020 11:44:50</t>
  </si>
  <si>
    <t>01/23/2020 11:40:52</t>
  </si>
  <si>
    <t>f6fa5413-ed80-497e-8ff3-67e85bc25b5f.tmp</t>
  </si>
  <si>
    <t>\\acsfs\profiles$\KARENDSR\Downloads\f6fa5413-ed80-497e-8ff3-67e85bc25b5f.tmp</t>
  </si>
  <si>
    <t>01/23/2020 11:44:13</t>
  </si>
  <si>
    <t>01/23/2020 11:45:50</t>
  </si>
  <si>
    <t>10.200.67.4</t>
  </si>
  <si>
    <t>64-1C-67-9D-1B-E2</t>
  </si>
  <si>
    <t>VOTORANT-FB007</t>
  </si>
  <si>
    <t>01/23/2020 11:44:14</t>
  </si>
  <si>
    <t>01/23/2020 11:44:15</t>
  </si>
  <si>
    <t>01/23/2020 11:44:16</t>
  </si>
  <si>
    <t>01/23/2020 11:44:17</t>
  </si>
  <si>
    <t>01/23/2020 11:44:18</t>
  </si>
  <si>
    <t>01/23/2020 11:44:19</t>
  </si>
  <si>
    <t>01/23/2020 11:44:20</t>
  </si>
  <si>
    <t>01/23/2020 11:44:21</t>
  </si>
  <si>
    <t>01/23/2020 11:44:22</t>
  </si>
  <si>
    <t>01/23/2020 11:44:23</t>
  </si>
  <si>
    <t>01/23/2020 11:44:24</t>
  </si>
  <si>
    <t>01/23/2020 11:44:25</t>
  </si>
  <si>
    <t>01/23/2020 11:44:26</t>
  </si>
  <si>
    <t>01/23/2020 11:44:27</t>
  </si>
  <si>
    <t>01/23/2020 11:44:28</t>
  </si>
  <si>
    <t>01/23/2020 11:44:29</t>
  </si>
  <si>
    <t>01/23/2020 11:44:30</t>
  </si>
  <si>
    <t>01/23/2020 11:44:31</t>
  </si>
  <si>
    <t>01/23/2020 11:44:32</t>
  </si>
  <si>
    <t>01/23/2020 11:44:33</t>
  </si>
  <si>
    <t>01/23/2020 11:44:34</t>
  </si>
  <si>
    <t>01/23/2020 11:44:35</t>
  </si>
  <si>
    <t>01/23/2020 11:44:36</t>
  </si>
  <si>
    <t>01/23/2020 11:44:52</t>
  </si>
  <si>
    <t>01/23/2020 11:47:50</t>
  </si>
  <si>
    <t>01/23/2020 11:45:31</t>
  </si>
  <si>
    <t>35aa78d9-aef9-4381-a714-352ff9017fbd.tmp</t>
  </si>
  <si>
    <t>\\acsfs\profiles$\laianear\Downloads\35aa78d9-aef9-4381-a714-352ff9017fbd.tmp</t>
  </si>
  <si>
    <t>01/23/2020 11:49:18</t>
  </si>
  <si>
    <t>01/23/2020 11:49:50</t>
  </si>
  <si>
    <t>cca53dfb-ab07-4502-9728-5f0757ccb7a6.tmp</t>
  </si>
  <si>
    <t>\\acsfs\profiles$\milenaas\Downloads\cca53dfb-ab07-4502-9728-5f0757ccb7a6.tmp</t>
  </si>
  <si>
    <t>01/23/2020 11:48:25</t>
  </si>
  <si>
    <t>01/23/2020 11:48:57</t>
  </si>
  <si>
    <t>\\acsfs\ACS\Gabriel da Silva\Contemporânea\NPS\NPS CRBV_Base2.xlsb\</t>
  </si>
  <si>
    <t>\\acsfs\ACS\Gabriel da Silva\Contemporânea\NPS\NPS CRBV_Base2.xlsb</t>
  </si>
  <si>
    <t>NPS CRBV_Base2.xlsb</t>
  </si>
  <si>
    <t>01/23/2020 11:48:49</t>
  </si>
  <si>
    <t>6ff749cf-1f8a-4435-bce0-00111e73fe3c.tmp</t>
  </si>
  <si>
    <t>\\acsfs\profiles$\luanaldsi\Downloads\6ff749cf-1f8a-4435-bce0-00111e73fe3c.tmp</t>
  </si>
  <si>
    <t>01/23/2020 11:50:50</t>
  </si>
  <si>
    <t>01/23/2020 11:47:59</t>
  </si>
  <si>
    <t>0ed12b59-6401-467f-b337-8a930103e76c.tmp</t>
  </si>
  <si>
    <t>\\acsfs\profiles$\sarahbal\Downloads\0ed12b59-6401-467f-b337-8a930103e76c.tmp</t>
  </si>
  <si>
    <t>01/23/2020 11:46:34</t>
  </si>
  <si>
    <t>01/23/2020 11:51:51</t>
  </si>
  <si>
    <t>25f45796-a19d-4488-a3d1-2d275657cc86.tmp</t>
  </si>
  <si>
    <t>\\acsfs\profiles$\lorraynevam\Downloads\25f45796-a19d-4488-a3d1-2d275657cc86.tmp</t>
  </si>
  <si>
    <t>01/23/2020 11:47:21</t>
  </si>
  <si>
    <t>a19504b4-ca46-4345-b2bb-9e6a2f347b88.tmp</t>
  </si>
  <si>
    <t>\\acsfs\profiles$\lorraynevam\Downloads\a19504b4-ca46-4345-b2bb-9e6a2f347b88.tmp</t>
  </si>
  <si>
    <t>01/23/2020 11:48:10</t>
  </si>
  <si>
    <t>7feacaf3-251b-425d-8048-5bc372861e18.tmp</t>
  </si>
  <si>
    <t>\\acsfs\profiles$\lorraynevam\Downloads\7feacaf3-251b-425d-8048-5bc372861e18.tmp</t>
  </si>
  <si>
    <t>01/23/2020 11:49:09</t>
  </si>
  <si>
    <t>7cb2aa6d-b041-48d6-b07e-662ad6e4d097.tmp</t>
  </si>
  <si>
    <t>\\acsfs\profiles$\lorraynevam\Downloads\7cb2aa6d-b041-48d6-b07e-662ad6e4d097.tmp</t>
  </si>
  <si>
    <t>01/23/2020 11:47:49</t>
  </si>
  <si>
    <t>157cf748-f1c0-4e17-92f2-279225aa7766.tmp</t>
  </si>
  <si>
    <t>\\acsfs\profiles$\joselrb\Downloads\157cf748-f1c0-4e17-92f2-279225aa7766.tmp</t>
  </si>
  <si>
    <t>01/23/2020 11:52:50</t>
  </si>
  <si>
    <t>01/23/2020 11:51:37</t>
  </si>
  <si>
    <t>01/23/2020 11:54:51</t>
  </si>
  <si>
    <t>01/23/2020 11:52:57</t>
  </si>
  <si>
    <t>\\udpavonfs01\AVON\00 - ACOMPANHAMENTO AVON\04 - BACKOFFICE CORNERSTONE\2020\01.2020\RELATORIO\22.01.2020\</t>
  </si>
  <si>
    <t>01/23/2020 11:50:09</t>
  </si>
  <si>
    <t>829e8c01-c091-429b-8750-79c5ce7470c9.tmp</t>
  </si>
  <si>
    <t>\\acsfs\profiles$\geovannasm\Downloads\829e8c01-c091-429b-8750-79c5ce7470c9.tmp</t>
  </si>
  <si>
    <t>01/23/2020 11:50:22</t>
  </si>
  <si>
    <t>73a8a3d2-316c-439f-99f9-1762d4607ff1.tmp</t>
  </si>
  <si>
    <t>\\acsfs\profiles$\luanaldsi\Downloads\73a8a3d2-316c-439f-99f9-1762d4607ff1.tmp</t>
  </si>
  <si>
    <t>01/23/2020 11:51:29</t>
  </si>
  <si>
    <t>01/23/2020 11:55:50</t>
  </si>
  <si>
    <t>e33757b8-a443-4583-9a37-d790bea1583a.tmp</t>
  </si>
  <si>
    <t>\\acsfs\profiles$\sarahbal\Downloads\e33757b8-a443-4583-9a37-d790bea1583a.tmp</t>
  </si>
  <si>
    <t>01/23/2020 11:56:50</t>
  </si>
  <si>
    <t>01/23/2020 11:54:49</t>
  </si>
  <si>
    <t>1c1db2c0-68e5-4278-ab99-b5dc71efe47a.tmp</t>
  </si>
  <si>
    <t>\\acsfs\profiles$\jhonatadss\Downloads\1c1db2c0-68e5-4278-ab99-b5dc71efe47a.tmp</t>
  </si>
  <si>
    <t>01/23/2020 11:57:50</t>
  </si>
  <si>
    <t>01/23/2020 11:52:36</t>
  </si>
  <si>
    <t>01/23/2020 11:53:06</t>
  </si>
  <si>
    <t>01/23/2020 11:56:07</t>
  </si>
  <si>
    <t>01/23/2020 11:57:07</t>
  </si>
  <si>
    <t>01/23/2020 11:59:51</t>
  </si>
  <si>
    <t>01/23/2020 11:58:29</t>
  </si>
  <si>
    <t>01/23/2020 11:58:49</t>
  </si>
  <si>
    <t>mail.google.com/sync/u/0/i/s?hl=pt-BR&amp;c=1723</t>
  </si>
  <si>
    <t>01/23/2020 11:59:10</t>
  </si>
  <si>
    <t>mail.google.com/sync/u/0/i/s?hl=pt-BR&amp;c=1725</t>
  </si>
  <si>
    <t>01/23/2020 11:59:14</t>
  </si>
  <si>
    <t>mail.google.com/sync/u/0/i/s?hl=pt-BR&amp;c=1727</t>
  </si>
  <si>
    <t>01/23/2020 11:59:20</t>
  </si>
  <si>
    <t>mail.google.com/sync/u/0/i/s?hl=pt-BR&amp;c=1730</t>
  </si>
  <si>
    <t>01/23/2020 11:57:03</t>
  </si>
  <si>
    <t>01/23/2020 11:59:19</t>
  </si>
  <si>
    <t>01/23/2020 12:00:50</t>
  </si>
  <si>
    <t>01/23/2020 11:56:30</t>
  </si>
  <si>
    <t>ce64a102-9602-4009-bc6a-a96c333017a1.tmp</t>
  </si>
  <si>
    <t>\\acsfs\profiles$\LUCASNS\Downloads\ce64a102-9602-4009-bc6a-a96c333017a1.tmp</t>
  </si>
  <si>
    <t>01/23/2020 12:01:50</t>
  </si>
  <si>
    <t>0053279c-3f03-4764-9cec-532b9d1a3dea.tmp</t>
  </si>
  <si>
    <t>\\acsfs\profiles$\joselrb\Downloads\0053279c-3f03-4764-9cec-532b9d1a3dea.tmp</t>
  </si>
  <si>
    <t>01/23/2020 11:59:08</t>
  </si>
  <si>
    <t>01/23/2020 12:02:50</t>
  </si>
  <si>
    <t>01/23/2020 11:59:29</t>
  </si>
  <si>
    <t>01/23/2020 11:59:33</t>
  </si>
  <si>
    <t>01/23/2020 11:59:43</t>
  </si>
  <si>
    <t>01/23/2020 11:59:52</t>
  </si>
  <si>
    <t>01/23/2020 12:00:02</t>
  </si>
  <si>
    <t>01/23/2020 12:00:08</t>
  </si>
  <si>
    <t>01/23/2020 12:01:38</t>
  </si>
  <si>
    <t>01/23/2020 11:59:49</t>
  </si>
  <si>
    <t>01/23/2020 12:04:51</t>
  </si>
  <si>
    <t>01/23/2020 12:00:33</t>
  </si>
  <si>
    <t>01/23/2020 12:03:16</t>
  </si>
  <si>
    <t>01/23/2020 11:59:57</t>
  </si>
  <si>
    <t>mail.google.com/sync/u/0/i/s?hl=pt-BR&amp;c=1732</t>
  </si>
  <si>
    <t>01/23/2020 12:00:06</t>
  </si>
  <si>
    <t>mail.google.com/sync/u/0/i/s?hl=pt-BR&amp;c=1734</t>
  </si>
  <si>
    <t>01/23/2020 12:05:50</t>
  </si>
  <si>
    <t>01/23/2020 12:05:09</t>
  </si>
  <si>
    <t>01/23/2020 12:07:50</t>
  </si>
  <si>
    <t>01/23/2020 12:05:46</t>
  </si>
  <si>
    <t>01/23/2020 12:05:48</t>
  </si>
  <si>
    <t>01/23/2020 12:07:12</t>
  </si>
  <si>
    <t>01/23/2020 12:07:21</t>
  </si>
  <si>
    <t>01/23/2020 12:09:50</t>
  </si>
  <si>
    <t>01/23/2020 12:07:51</t>
  </si>
  <si>
    <t>01/23/2020 12:10:50</t>
  </si>
  <si>
    <t>01/23/2020 12:11:18</t>
  </si>
  <si>
    <t>01/23/2020 12:11:50</t>
  </si>
  <si>
    <t>c7fd80eb-267f-438a-9a76-b7e1d0e24208.tmp</t>
  </si>
  <si>
    <t>\\acsfs\profiles$\NatanaelLF\Downloads\c7fd80eb-267f-438a-9a76-b7e1d0e24208.tmp</t>
  </si>
  <si>
    <t>01/23/2020 12:07:39</t>
  </si>
  <si>
    <t>01/23/2020 12:12:51</t>
  </si>
  <si>
    <t>01/23/2020 12:09:10</t>
  </si>
  <si>
    <t>01/23/2020 12:09:40</t>
  </si>
  <si>
    <t>01/23/2020 12:12:10</t>
  </si>
  <si>
    <t>01/23/2020 12:07:41</t>
  </si>
  <si>
    <t>01/23/2020 12:08:04</t>
  </si>
  <si>
    <t>01/23/2020 12:08:07</t>
  </si>
  <si>
    <t>01/23/2020 12:08:22</t>
  </si>
  <si>
    <t>01/23/2020 12:08:52</t>
  </si>
  <si>
    <t>01/23/2020 12:09:31</t>
  </si>
  <si>
    <t>01/23/2020 12:09:56</t>
  </si>
  <si>
    <t>01/23/2020 12:10:04</t>
  </si>
  <si>
    <t>fabianacscg@algartech.com;luizffn@algartech.com;mirianppb@algartech.com;</t>
  </si>
  <si>
    <t>fabianacscg@algartech.com,luizffn@algartech.com,mirianppb@algartech.com</t>
  </si>
  <si>
    <t>01/23/2020 12:10:10</t>
  </si>
  <si>
    <t>fabianacscg@algartech.com;laylladdps@bv.algartech.com;luizffn@algartech.com;mirianppb@algartech.com;</t>
  </si>
  <si>
    <t>fabianacscg@algartech.com,laylladdps@bv.algartech.com,luizffn@algartech.com,mirianppb@algartech.com</t>
  </si>
  <si>
    <t>01/23/2020 12:10:12</t>
  </si>
  <si>
    <t>01/23/2020 12:10:41</t>
  </si>
  <si>
    <t>01/23/2020 12:11:38</t>
  </si>
  <si>
    <t>01/23/2020 12:11:41</t>
  </si>
  <si>
    <t>01/23/2020 12:11:45</t>
  </si>
  <si>
    <t>fabianacscg@algartech.com;laylladdps@bv.algartech.com;luizffn@algartech.com;mirianppb@algartech.com;talmaiardo@algartech.com;</t>
  </si>
  <si>
    <t>fabianacscg@algartech.com,laylladdps@bv.algartech.com,luizffn@algartech.com,mirianppb@algartech.com,talmaiardo@algartech.com</t>
  </si>
  <si>
    <t>01/23/2020 12:11:44</t>
  </si>
  <si>
    <t>01/23/2020 12:14:51</t>
  </si>
  <si>
    <t>01/23/2020 12:12:15</t>
  </si>
  <si>
    <t>01/23/2020 12:15:50</t>
  </si>
  <si>
    <t>01/23/2020 12:11:51</t>
  </si>
  <si>
    <t>01/23/2020 12:16:51</t>
  </si>
  <si>
    <t>19b1e733-44f5-49ef-8dda-2fc16e106c31.tmp</t>
  </si>
  <si>
    <t>\\acsfs\profiles$\NatanaelLF\Downloads\19b1e733-44f5-49ef-8dda-2fc16e106c31.tmp</t>
  </si>
  <si>
    <t>01/23/2020 12:13:24</t>
  </si>
  <si>
    <t>7b4e47fe-6fda-4244-bdae-0ead974bab3c.tmp</t>
  </si>
  <si>
    <t>\\acsfs\profiles$\ROZENCAM\Downloads\7b4e47fe-6fda-4244-bdae-0ead974bab3c.tmp</t>
  </si>
  <si>
    <t>01/23/2020 12:14:20</t>
  </si>
  <si>
    <t>13810161-aa4d-4ff7-8d40-a149ca153ebc.tmp</t>
  </si>
  <si>
    <t>\\acsfs\profiles$\ROZENCAM\Downloads\13810161-aa4d-4ff7-8d40-a149ca153ebc.tmp</t>
  </si>
  <si>
    <t>01/23/2020 12:12:40</t>
  </si>
  <si>
    <t>01/23/2020 12:17:51</t>
  </si>
  <si>
    <t>01/23/2020 12:13:11</t>
  </si>
  <si>
    <t>01/23/2020 12:13:41</t>
  </si>
  <si>
    <t>01/23/2020 12:16:11</t>
  </si>
  <si>
    <t>01/23/2020 12:16:41</t>
  </si>
  <si>
    <t>01/23/2020 12:15:03</t>
  </si>
  <si>
    <t>57f9f425-8d1a-44d5-9705-eb8463427284.tmp</t>
  </si>
  <si>
    <t>\\acsfs\profiles$\laianear\Downloads\57f9f425-8d1a-44d5-9705-eb8463427284.tmp</t>
  </si>
  <si>
    <t>01/23/2020 12:19:00</t>
  </si>
  <si>
    <t>01/23/2020 12:19:50</t>
  </si>
  <si>
    <t>01/23/2020 12:16:24</t>
  </si>
  <si>
    <t>01/23/2020 12:17:16</t>
  </si>
  <si>
    <t>df1aa343-886e-4889-bc2d-d7f5c5102317.tmp</t>
  </si>
  <si>
    <t>\\acsfs\profiles$\nataliacsl\Downloads\df1aa343-886e-4889-bc2d-d7f5c5102317.tmp</t>
  </si>
  <si>
    <t>01/23/2020 12:20:50</t>
  </si>
  <si>
    <t>01/23/2020 12:20:12</t>
  </si>
  <si>
    <t>01/23/2020 12:22:50</t>
  </si>
  <si>
    <t>01/23/2020 12:17:56</t>
  </si>
  <si>
    <t>01/23/2020 12:17:59</t>
  </si>
  <si>
    <t>01/23/2020 12:17:43</t>
  </si>
  <si>
    <t>3d803ae9-43bf-4242-b701-bf40da32ffc3.tmp</t>
  </si>
  <si>
    <t>\\acsfs\profiles$\laianear\Downloads\3d803ae9-43bf-4242-b701-bf40da32ffc3.tmp</t>
  </si>
  <si>
    <t>01/23/2020 12:20:19</t>
  </si>
  <si>
    <t>01/23/2020 12:24:50</t>
  </si>
  <si>
    <t>Caso 00822887 Ariana Lais da Silva.pdf</t>
  </si>
  <si>
    <t>\\acsfs\Deptos\EDUCACAO EMPRESARIAL\FERNANDA MONIT\Caso 00822887 Ariana Lais da Silva.pdf</t>
  </si>
  <si>
    <t>01/23/2020 12:24:02</t>
  </si>
  <si>
    <t>01/23/2020 12:24:23</t>
  </si>
  <si>
    <t>mail.google.com/sync/u/0/i/s?hl=pt-BR&amp;c=1766</t>
  </si>
  <si>
    <t>01/23/2020 12:25:51</t>
  </si>
  <si>
    <t>01/23/2020 12:22:43</t>
  </si>
  <si>
    <t>01/23/2020 12:27:50</t>
  </si>
  <si>
    <t>01/23/2020 12:23:13</t>
  </si>
  <si>
    <t>01/23/2020 12:24:43</t>
  </si>
  <si>
    <t>01/23/2020 12:25:13</t>
  </si>
  <si>
    <t>01/23/2020 12:26:41</t>
  </si>
  <si>
    <t>910c5dfc-44ac-4deb-8af7-1daeff903d4a.tmp</t>
  </si>
  <si>
    <t>\\acsfs\profiles$\mariagsg\Downloads\910c5dfc-44ac-4deb-8af7-1daeff903d4a.tmp</t>
  </si>
  <si>
    <t>01/23/2020 12:28:51</t>
  </si>
  <si>
    <t>01/23/2020 12:26:49</t>
  </si>
  <si>
    <t>01/23/2020 12:29:50</t>
  </si>
  <si>
    <t>01/23/2020 12:25:01</t>
  </si>
  <si>
    <t>mail.google.com/sync/u/0/i/s?hl=pt-BR&amp;c=1768</t>
  </si>
  <si>
    <t>01/23/2020 12:25:17</t>
  </si>
  <si>
    <t>mail.google.com/sync/u/0/i/s?hl=pt-BR&amp;c=1770</t>
  </si>
  <si>
    <t>01/23/2020 12:25:39</t>
  </si>
  <si>
    <t>mail.google.com/sync/u/0/i/s?hl=pt-BR&amp;c=1773</t>
  </si>
  <si>
    <t>01/23/2020 12:27:14</t>
  </si>
  <si>
    <t>mail.google.com/sync/u/0/i/s?hl=pt-BR&amp;c=1776</t>
  </si>
  <si>
    <t>01/23/2020 12:27:26</t>
  </si>
  <si>
    <t>mail.google.com/sync/u/0/i/s?hl=pt-BR&amp;c=1779</t>
  </si>
  <si>
    <t>01/23/2020 12:27:49</t>
  </si>
  <si>
    <t>mail.google.com/sync/u/0/i/s?hl=pt-BR&amp;c=1781</t>
  </si>
  <si>
    <t>01/23/2020 12:27:54</t>
  </si>
  <si>
    <t>mail.google.com/sync/u/0/i/s?hl=pt-BR&amp;c=1784</t>
  </si>
  <si>
    <t>01/23/2020 12:27:57</t>
  </si>
  <si>
    <t>mail.google.com/sync/u/0/i/s?hl=pt-BR&amp;c=1786</t>
  </si>
  <si>
    <t>01/23/2020 12:28:06</t>
  </si>
  <si>
    <t>mail.google.com/sync/u/0/i/s?hl=pt-BR&amp;c=1788</t>
  </si>
  <si>
    <t>01/23/2020 12:28:10</t>
  </si>
  <si>
    <t>mail.google.com/sync/u/0/i/s?hl=pt-BR&amp;c=1790</t>
  </si>
  <si>
    <t>01/23/2020 12:28:35</t>
  </si>
  <si>
    <t>mail.google.com/sync/u/0/i/s?hl=pt-BR&amp;c=1793</t>
  </si>
  <si>
    <t>mail.google.com/sync/u/0/i/s?hl=pt-BR&amp;c=1799</t>
  </si>
  <si>
    <t>01/23/2020 12:29:02</t>
  </si>
  <si>
    <t>mail.google.com/sync/u/0/i/s?hl=pt-BR&amp;c=1801</t>
  </si>
  <si>
    <t>01/23/2020 12:27:02</t>
  </si>
  <si>
    <t>01/23/2020 12:28:26</t>
  </si>
  <si>
    <t>01/23/2020 12:30:51</t>
  </si>
  <si>
    <t>01/23/2020 12:27:48</t>
  </si>
  <si>
    <t>01/23/2020 12:29:27</t>
  </si>
  <si>
    <t>01/23/2020 12:29:43</t>
  </si>
  <si>
    <t>01/23/2020 12:30:22</t>
  </si>
  <si>
    <t>01/23/2020 12:30:27</t>
  </si>
  <si>
    <t>01/23/2020 12:28:20</t>
  </si>
  <si>
    <t>01/23/2020 12:31:50</t>
  </si>
  <si>
    <t>ae5e8967-5f52-4e47-a6af-5b567a42e74c.tmp</t>
  </si>
  <si>
    <t>\\acsfs\profiles$\LUISPLS\Downloads\ae5e8967-5f52-4e47-a6af-5b567a42e74c.tmp</t>
  </si>
  <si>
    <t>01/23/2020 12:29:52</t>
  </si>
  <si>
    <t>ce1fd5aa-f06e-4fcb-83b1-6dfe57dbee0c.tmp</t>
  </si>
  <si>
    <t>\\acsfs\profiles$\LUISPLS\Downloads\ce1fd5aa-f06e-4fcb-83b1-6dfe57dbee0c.tmp</t>
  </si>
  <si>
    <t>01/23/2020 12:28:24</t>
  </si>
  <si>
    <t>1de8d34d-6880-4f46-9653-921573968327.tmp</t>
  </si>
  <si>
    <t>\\acsfs\profiles$\ALYNYA\Downloads\1de8d34d-6880-4f46-9653-921573968327.tmp</t>
  </si>
  <si>
    <t>01/23/2020 12:27:44</t>
  </si>
  <si>
    <t>01/23/2020 12:32:51</t>
  </si>
  <si>
    <t>01/23/2020 12:28:14</t>
  </si>
  <si>
    <t>01/23/2020 12:29:45</t>
  </si>
  <si>
    <t>01/23/2020 12:30:15</t>
  </si>
  <si>
    <t>01/23/2020 12:31:56</t>
  </si>
  <si>
    <t>01/23/2020 12:34:51</t>
  </si>
  <si>
    <t>\\acsfs\DEPTOS\EDUCACAO EMPRESARIAL\11 - Comum\</t>
  </si>
  <si>
    <t>\\acsfs\DEPTOS\EDUCACAO EMPRESARIAL\2 - Operações\0.01 BV CARTÕES\Larisa\Thumbs.db</t>
  </si>
  <si>
    <t>01/23/2020 12:33:30</t>
  </si>
  <si>
    <t>01/23/2020 12:32:09</t>
  </si>
  <si>
    <t>\\acsfs\ACS\Gabriel da Silva\Contemporânea\NPS\D0C4F81C.tmp\</t>
  </si>
  <si>
    <t>\\acsfs\ACS\Gabriel da Silva\Contemporânea\NPS\D0C4F81C.tmp\:Zone.Identifier:$DATA</t>
  </si>
  <si>
    <t>01/23/2020 12:32:15</t>
  </si>
  <si>
    <t>01/23/2020 12:32:27</t>
  </si>
  <si>
    <t>\\acsfs\ACS\Gabriel da Silva\Contemporânea\NPS\2FA34303.tmp\</t>
  </si>
  <si>
    <t>\\acsfs\ACS\Gabriel da Silva\Contemporânea\NPS\2FA34303.tmp\:Zone.Identifier:$DATA</t>
  </si>
  <si>
    <t>01/23/2020 12:32:34</t>
  </si>
  <si>
    <t>01/23/2020 12:35:50</t>
  </si>
  <si>
    <t>01/23/2020 12:36:12</t>
  </si>
  <si>
    <t>01/23/2020 12:36:51</t>
  </si>
  <si>
    <t>01/23/2020 12:36:13</t>
  </si>
  <si>
    <t>lu12940emih.tmp</t>
  </si>
  <si>
    <t>\\acsfs\profiles$\ALYNYA\My Documents\lu12940emih.tmp</t>
  </si>
  <si>
    <t>\\acsfs\profiles$\ALYNYA\My Documents\lu12940emih.tmp\</t>
  </si>
  <si>
    <t>\\acsfs\profiles$\ALYNYA\My Documents\lu12940emih.tmp\META-INF\</t>
  </si>
  <si>
    <t>\\acsfs\profiles$\ALYNYA\My Documents\lu12940emih.tmp\Thumbnails\</t>
  </si>
  <si>
    <t>01/23/2020 12:36:25</t>
  </si>
  <si>
    <t>01/23/2020 12:37:50</t>
  </si>
  <si>
    <t>01/23/2020 12:32:45</t>
  </si>
  <si>
    <t>01/23/2020 12:35:46</t>
  </si>
  <si>
    <t>01/23/2020 12:36:15</t>
  </si>
  <si>
    <t>01/23/2020 12:39:50</t>
  </si>
  <si>
    <t>\\acsfs\ACS\Gabriel da Silva\Contemporânea\NPS\769A4181.tmp\</t>
  </si>
  <si>
    <t>\\acsfs\ACS\Gabriel da Silva\Contemporânea\NPS\769A4181.tmp\:Zone.Identifier:$DATA</t>
  </si>
  <si>
    <t>01/23/2020 12:36:21</t>
  </si>
  <si>
    <t>01/23/2020 12:40:50</t>
  </si>
  <si>
    <t>01/23/2020 12:36:35</t>
  </si>
  <si>
    <t>01/23/2020 12:38:38</t>
  </si>
  <si>
    <t>01/23/2020 12:41:50</t>
  </si>
  <si>
    <t>01/23/2020 12:40:35</t>
  </si>
  <si>
    <t>01/23/2020 12:40:36</t>
  </si>
  <si>
    <t>lu816604auuzi.tmp</t>
  </si>
  <si>
    <t>\\acsfs\profiles$\LUISPLS\My Documents\Nova pasta\lu816604auuzi.tmp</t>
  </si>
  <si>
    <t>\\acsfs\profiles$\LUISPLS\My Documents\Nova pasta\lu816604auuzi.tmp\</t>
  </si>
  <si>
    <t>\\acsfs\profiles$\LUISPLS\My Documents\Nova pasta\lu816604auuzi.tmp\META-INF\</t>
  </si>
  <si>
    <t>\\acsfs\profiles$\LUISPLS\My Documents\Nova pasta\lu816604auuzi.tmp\Thumbnails\</t>
  </si>
  <si>
    <t>01/23/2020 12:41:18</t>
  </si>
  <si>
    <t>01/23/2020 12:41:19</t>
  </si>
  <si>
    <t>lu816604auuzm.tmp</t>
  </si>
  <si>
    <t>\\acsfs\profiles$\LUISPLS\My Documents\Nova pasta\lu816604auuzm.tmp</t>
  </si>
  <si>
    <t>\\acsfs\profiles$\LUISPLS\My Documents\Nova pasta\lu816604auuzm.tmp\</t>
  </si>
  <si>
    <t>\\acsfs\profiles$\LUISPLS\My Documents\Nova pasta\lu816604auuzm.tmp\META-INF\</t>
  </si>
  <si>
    <t>\\acsfs\profiles$\LUISPLS\My Documents\Nova pasta\lu816604auuzm.tmp\Thumbnails\</t>
  </si>
  <si>
    <t>01/23/2020 12:37:47</t>
  </si>
  <si>
    <t>01/23/2020 12:42:50</t>
  </si>
  <si>
    <t>01/23/2020 12:38:17</t>
  </si>
  <si>
    <t>01/23/2020 12:38:47</t>
  </si>
  <si>
    <t>01/23/2020 12:38:48</t>
  </si>
  <si>
    <t>e1b90435-90ab-49af-a762-f4b7d0621cc6.tmp</t>
  </si>
  <si>
    <t>\\acsfs\profiles$\laianear\Downloads\e1b90435-90ab-49af-a762-f4b7d0621cc6.tmp</t>
  </si>
  <si>
    <t>01/23/2020 12:38:53</t>
  </si>
  <si>
    <t>617d1e54-14c6-4483-b643-992696d3aab0.tmp</t>
  </si>
  <si>
    <t>\\acsfs\profiles$\laianear\Downloads\617d1e54-14c6-4483-b643-992696d3aab0.tmp</t>
  </si>
  <si>
    <t>01/23/2020 12:37:54</t>
  </si>
  <si>
    <t>01/23/2020 12:37:56</t>
  </si>
  <si>
    <t>lu206561jxyb4.tmp</t>
  </si>
  <si>
    <t>\\acsfs\profiles$\BRUNAAR\Numero\lu206561jxyb4.tmp</t>
  </si>
  <si>
    <t>01/23/2020 12:38:44</t>
  </si>
  <si>
    <t>01/23/2020 12:38:45</t>
  </si>
  <si>
    <t>lu206561jxyb8.tmp</t>
  </si>
  <si>
    <t>\\acsfs\profiles$\BRUNAAR\Numero\lu206561jxyb8.tmp</t>
  </si>
  <si>
    <t>01/23/2020 12:41:17</t>
  </si>
  <si>
    <t>01/23/2020 12:44:50</t>
  </si>
  <si>
    <t>\\acsfs\profiles$\JOSERDSNE\My Documents\</t>
  </si>
  <si>
    <t>\\acsfs\profiles$\JOSERDSNE\My Documents\Pasta1.xlsx</t>
  </si>
  <si>
    <t>01/23/2020 12:41:55</t>
  </si>
  <si>
    <t>01/23/2020 12:44:01</t>
  </si>
  <si>
    <t>\\acsfs\ACS\Gabriel da Silva\Contemporânea\NPS\F10C8D73.tmp\</t>
  </si>
  <si>
    <t>\\acsfs\ACS\Gabriel da Silva\Contemporânea\NPS\F10C8D73.tmp\:Zone.Identifier:$DATA</t>
  </si>
  <si>
    <t>01/23/2020 12:44:06</t>
  </si>
  <si>
    <t>01/23/2020 12:44:35</t>
  </si>
  <si>
    <t>01/23/2020 12:44:52</t>
  </si>
  <si>
    <t>01/23/2020 12:45:51</t>
  </si>
  <si>
    <t>72e02264-10f0-411e-a428-f7da96430bf4.tmp</t>
  </si>
  <si>
    <t>\\acsfs\profiles$\vivianalds\Downloads\72e02264-10f0-411e-a428-f7da96430bf4.tmp</t>
  </si>
  <si>
    <t>01/23/2020 12:43:45</t>
  </si>
  <si>
    <t>01/23/2020 12:45:22</t>
  </si>
  <si>
    <t>01/23/2020 12:46:51</t>
  </si>
  <si>
    <t>60183108-e052-4fc2-9670-079df0496c61.tmp</t>
  </si>
  <si>
    <t>\\acsfs\profiles$\lorraynevam\Downloads\60183108-e052-4fc2-9670-079df0496c61.tmp</t>
  </si>
  <si>
    <t>01/23/2020 12:41:39</t>
  </si>
  <si>
    <t>01/23/2020 12:44:55</t>
  </si>
  <si>
    <t>01/23/2020 12:44:56</t>
  </si>
  <si>
    <t>lu801404ayscd.tmp</t>
  </si>
  <si>
    <t>\\acsfs\profiles$\LUISPLS\My Documents\Nova pasta\lu801404ayscd.tmp</t>
  </si>
  <si>
    <t>\\acsfs\profiles$\LUISPLS\My Documents\Nova pasta\lu801404ayscd.tmp\</t>
  </si>
  <si>
    <t>\\acsfs\profiles$\LUISPLS\My Documents\Nova pasta\lu801404ayscd.tmp\META-INF\</t>
  </si>
  <si>
    <t>\\acsfs\profiles$\LUISPLS\My Documents\Nova pasta\lu801404ayscd.tmp\Thumbnails\</t>
  </si>
  <si>
    <t>01/23/2020 12:44:44</t>
  </si>
  <si>
    <t>01/23/2020 12:47:51</t>
  </si>
  <si>
    <t>01/23/2020 12:45:19</t>
  </si>
  <si>
    <t>01/23/2020 12:46:19</t>
  </si>
  <si>
    <t>01/23/2020 12:46:50</t>
  </si>
  <si>
    <t>01/23/2020 12:46:57</t>
  </si>
  <si>
    <t>01/23/2020 12:45:12</t>
  </si>
  <si>
    <t>01/23/2020 12:48:51</t>
  </si>
  <si>
    <t>01/23/2020 12:47:10</t>
  </si>
  <si>
    <t>01/23/2020 12:49:52</t>
  </si>
  <si>
    <t>\\acsfs\ACS\Gabriel da Silva\Contemporânea\NPS\E8192371.tmp\</t>
  </si>
  <si>
    <t>\\acsfs\ACS\Gabriel da Silva\Contemporânea\NPS\E8192371.tmp\:Zone.Identifier:$DATA</t>
  </si>
  <si>
    <t>01/23/2020 12:47:16</t>
  </si>
  <si>
    <t>01/23/2020 12:47:43</t>
  </si>
  <si>
    <t>01/23/2020 12:50:51</t>
  </si>
  <si>
    <t>01/23/2020 12:48:34</t>
  </si>
  <si>
    <t>01/23/2020 12:47:14</t>
  </si>
  <si>
    <t>01/23/2020 12:51:51</t>
  </si>
  <si>
    <t>8d6f970d-74a3-490b-ae0a-1cd6b1bfe4a0.tmp</t>
  </si>
  <si>
    <t>\\acsfs\profiles$\regisedsj\Downloads\8d6f970d-74a3-490b-ae0a-1cd6b1bfe4a0.tmp</t>
  </si>
  <si>
    <t>e946119e-736c-4a8e-92d9-bd373654523d.tmp</t>
  </si>
  <si>
    <t>\\acsfs\profiles$\regisedsj\Downloads\e946119e-736c-4a8e-92d9-bd373654523d.tmp</t>
  </si>
  <si>
    <t>01/23/2020 12:47:55</t>
  </si>
  <si>
    <t>01/23/2020 12:47:50</t>
  </si>
  <si>
    <t>01/23/2020 12:52:51</t>
  </si>
  <si>
    <t>01/23/2020 12:52:28</t>
  </si>
  <si>
    <t>41c4bcb9-dc72-487b-9043-efd8708ba2a0.tmp</t>
  </si>
  <si>
    <t>\\acsfs\profiles$\mariagsg\Downloads\41c4bcb9-dc72-487b-9043-efd8708ba2a0.tmp</t>
  </si>
  <si>
    <t>01/23/2020 12:52:57</t>
  </si>
  <si>
    <t>01/23/2020 12:53:51</t>
  </si>
  <si>
    <t>01/23/2020 12:52:58</t>
  </si>
  <si>
    <t>lu17588ur58r.tmp</t>
  </si>
  <si>
    <t>\\acsfs\profiles$\Flaviojmm\My Documents\lu17588ur58r.tmp</t>
  </si>
  <si>
    <t>\\acsfs\profiles$\Flaviojmm\My Documents\lu17588ur58r.tmp\</t>
  </si>
  <si>
    <t>\\acsfs\profiles$\Flaviojmm\My Documents\lu17588ur58r.tmp\META-INF\</t>
  </si>
  <si>
    <t>\\acsfs\profiles$\Flaviojmm\My Documents\lu17588ur58r.tmp\Thumbnails\</t>
  </si>
  <si>
    <t>01/23/2020 12:54:51</t>
  </si>
  <si>
    <t>01/23/2020 12:51:23</t>
  </si>
  <si>
    <t>182226f9-55c5-4ad6-8569-7d1daa946fb5.tmp</t>
  </si>
  <si>
    <t>\\acsfs\profiles$\joserdsne\Downloads\182226f9-55c5-4ad6-8569-7d1daa946fb5.tmp</t>
  </si>
  <si>
    <t>01/23/2020 12:51:26</t>
  </si>
  <si>
    <t>6f6f8af5-9886-452f-91df-0e9ead44f89f.tmp</t>
  </si>
  <si>
    <t>\\acsfs\profiles$\joserdsne\Downloads\6f6f8af5-9886-452f-91df-0e9ead44f89f.tmp</t>
  </si>
  <si>
    <t>01/23/2020 12:53:08</t>
  </si>
  <si>
    <t>0798a55c-d906-4fcb-bd58-b0b6e13d3d97.tmp</t>
  </si>
  <si>
    <t>\\acsfs\profiles$\joserdsne\Downloads\0798a55c-d906-4fcb-bd58-b0b6e13d3d97.tmp</t>
  </si>
  <si>
    <t>01/23/2020 12:52:32</t>
  </si>
  <si>
    <t>16b613c4-5223-49c4-89c0-8a0ff8ab546f.tmp</t>
  </si>
  <si>
    <t>\\acsfs\profiles$\milenaas\Downloads\16b613c4-5223-49c4-89c0-8a0ff8ab546f.tmp</t>
  </si>
  <si>
    <t>01/23/2020 12:54:17</t>
  </si>
  <si>
    <t>01/23/2020 12:53:31</t>
  </si>
  <si>
    <t>01/23/2020 12:55:51</t>
  </si>
  <si>
    <t>01/23/2020 12:53:54</t>
  </si>
  <si>
    <t>01/23/2020 12:53:22</t>
  </si>
  <si>
    <t>01/23/2020 12:57:51</t>
  </si>
  <si>
    <t>01/23/2020 12:53:52</t>
  </si>
  <si>
    <t>01/23/2020 13:00:52</t>
  </si>
  <si>
    <t>01/23/2020 12:56:43</t>
  </si>
  <si>
    <t>01/23/2020 12:56:51</t>
  </si>
  <si>
    <t>01/23/2020 12:57:01</t>
  </si>
  <si>
    <t>01/23/2020 13:01:51</t>
  </si>
  <si>
    <t>8c71ad7c-49fe-4235-b2c2-0627fe113fa2.tmp</t>
  </si>
  <si>
    <t>\\acsfs\profiles$\NatanaelLF\Downloads\8c71ad7c-49fe-4235-b2c2-0627fe113fa2.tmp</t>
  </si>
  <si>
    <t>01/23/2020 12:57:23</t>
  </si>
  <si>
    <t>01/23/2020 13:02:51</t>
  </si>
  <si>
    <t>01/23/2020 12:58:23</t>
  </si>
  <si>
    <t>01/23/2020 13:00:24</t>
  </si>
  <si>
    <t>01/23/2020 13:05:51</t>
  </si>
  <si>
    <t>01/23/2020 13:05:39</t>
  </si>
  <si>
    <t>andrelps@algartech.com;simeia.faria@bv.com.br;supervisaobancovotorantim@algartech.com;</t>
  </si>
  <si>
    <t>andrelps@algartech.com,simeia.faria@bv.com.br,supervisaobancovotorantim@algartech.com</t>
  </si>
  <si>
    <t>01/23/2020 13:05:40</t>
  </si>
  <si>
    <t>01/23/2020 13:03:08</t>
  </si>
  <si>
    <t>01/23/2020 13:06:52</t>
  </si>
  <si>
    <t>01/23/2020 13:04:28</t>
  </si>
  <si>
    <t>01/23/2020 13:01:31</t>
  </si>
  <si>
    <t>lu131121az6g.tmp</t>
  </si>
  <si>
    <t>\\acsfs\profiles$\LORRAYNEVAM\lu131121az6g.tmp</t>
  </si>
  <si>
    <t>\\acsfs\profiles$\LORRAYNEVAM\lu131121az6g.tmp\</t>
  </si>
  <si>
    <t>\\acsfs\profiles$\LORRAYNEVAM\lu131121az6g.tmp\META-INF\</t>
  </si>
  <si>
    <t>\\acsfs\profiles$\LORRAYNEVAM\lu131121az6g.tmp\Thumbnails\</t>
  </si>
  <si>
    <t>01/23/2020 13:05:26</t>
  </si>
  <si>
    <t>0bb9a602-bb2c-4618-8cee-837b26c445ab.tmp</t>
  </si>
  <si>
    <t>\\acsfs\profiles$\rafaelacdoc\Downloads\0bb9a602-bb2c-4618-8cee-837b26c445ab.tmp</t>
  </si>
  <si>
    <t>01/23/2020 13:04:55</t>
  </si>
  <si>
    <t>01/23/2020 13:07:51</t>
  </si>
  <si>
    <t>01/23/2020 13:07:03</t>
  </si>
  <si>
    <t>01/23/2020 13:10:51</t>
  </si>
  <si>
    <t>3da59e95-db09-46bd-b14c-90a928535fa3.tmp</t>
  </si>
  <si>
    <t>\\acsfs\profiles$\sarahbal\Downloads\3da59e95-db09-46bd-b14c-90a928535fa3.tmp</t>
  </si>
  <si>
    <t>01/23/2020 13:05:46</t>
  </si>
  <si>
    <t>01/23/2020 13:11:52</t>
  </si>
  <si>
    <t>01/23/2020 13:05:50</t>
  </si>
  <si>
    <t>01/23/2020 13:06:04</t>
  </si>
  <si>
    <t>01/23/2020 13:06:28</t>
  </si>
  <si>
    <t>01/23/2020 13:06:37</t>
  </si>
  <si>
    <t>01/23/2020 13:06:59</t>
  </si>
  <si>
    <t>01/23/2020 13:07:02</t>
  </si>
  <si>
    <t>01/23/2020 13:07:04</t>
  </si>
  <si>
    <t>01/23/2020 13:07:49</t>
  </si>
  <si>
    <t>01/23/2020 13:07:57</t>
  </si>
  <si>
    <t>01/23/2020 13:07:48</t>
  </si>
  <si>
    <t>01/23/2020 13:12:51</t>
  </si>
  <si>
    <t>01/23/2020 13:07:50</t>
  </si>
  <si>
    <t>01/23/2020 13:07:52</t>
  </si>
  <si>
    <t>01/23/2020 13:07:53</t>
  </si>
  <si>
    <t>01/23/2020 13:07:54</t>
  </si>
  <si>
    <t>01/23/2020 13:07:55</t>
  </si>
  <si>
    <t>01/23/2020 13:07:56</t>
  </si>
  <si>
    <t>01/23/2020 13:07:58</t>
  </si>
  <si>
    <t>01/23/2020 13:07:59</t>
  </si>
  <si>
    <t>01/23/2020 13:08:00</t>
  </si>
  <si>
    <t>01/23/2020 13:08:01</t>
  </si>
  <si>
    <t>01/23/2020 13:08:02</t>
  </si>
  <si>
    <t>01/23/2020 13:08:03</t>
  </si>
  <si>
    <t>01/23/2020 13:08:04</t>
  </si>
  <si>
    <t>01/23/2020 13:08:05</t>
  </si>
  <si>
    <t>01/23/2020 13:08:06</t>
  </si>
  <si>
    <t>01/23/2020 13:08:07</t>
  </si>
  <si>
    <t>01/23/2020 13:08:08</t>
  </si>
  <si>
    <t>01/23/2020 13:08:09</t>
  </si>
  <si>
    <t>01/23/2020 13:08:10</t>
  </si>
  <si>
    <t>01/23/2020 13:08:11</t>
  </si>
  <si>
    <t>01/23/2020 13:08:12</t>
  </si>
  <si>
    <t>01/23/2020 13:08:13</t>
  </si>
  <si>
    <t>01/23/2020 13:08:14</t>
  </si>
  <si>
    <t>01/23/2020 13:08:15</t>
  </si>
  <si>
    <t>01/23/2020 13:08:16</t>
  </si>
  <si>
    <t>01/23/2020 13:08:17</t>
  </si>
  <si>
    <t>01/23/2020 13:08:18</t>
  </si>
  <si>
    <t>01/23/2020 13:08:19</t>
  </si>
  <si>
    <t>01/23/2020 13:08:20</t>
  </si>
  <si>
    <t>01/23/2020 13:08:21</t>
  </si>
  <si>
    <t>01/23/2020 13:09:27</t>
  </si>
  <si>
    <t>01/23/2020 13:09:57</t>
  </si>
  <si>
    <t>01/23/2020 13:10:27</t>
  </si>
  <si>
    <t>01/23/2020 13:10:57</t>
  </si>
  <si>
    <t>01/23/2020 13:13:51</t>
  </si>
  <si>
    <t>01/23/2020 13:12:17</t>
  </si>
  <si>
    <t>3cfbac0b-8c59-403d-a85b-c7c1ca527d99.tmp</t>
  </si>
  <si>
    <t>\\acsfs\profiles$\larissaad\Downloads\3cfbac0b-8c59-403d-a85b-c7c1ca527d99.tmp</t>
  </si>
  <si>
    <t>01/23/2020 13:14:51</t>
  </si>
  <si>
    <t>01/23/2020 13:12:15</t>
  </si>
  <si>
    <t>f25f569e-b682-40b6-bda6-d922b26fe43c.tmp</t>
  </si>
  <si>
    <t>\\acsfs\profiles$\luanaldsi\Downloads\f25f569e-b682-40b6-bda6-d922b26fe43c.tmp</t>
  </si>
  <si>
    <t>01/23/2020 13:10:08</t>
  </si>
  <si>
    <t>01/23/2020 13:11:55</t>
  </si>
  <si>
    <t>01/23/2020 13:12:01</t>
  </si>
  <si>
    <t>01/23/2020 13:15:51</t>
  </si>
  <si>
    <t>01/23/2020 13:12:02</t>
  </si>
  <si>
    <t>01/23/2020 13:15:12</t>
  </si>
  <si>
    <t>01/23/2020 13:16:52</t>
  </si>
  <si>
    <t>7385b7c0-d558-4573-bf13-5cb7046db760.tmp</t>
  </si>
  <si>
    <t>\\acsfs\profiles$\talitafdc\Downloads\7385b7c0-d558-4573-bf13-5cb7046db760.tmp</t>
  </si>
  <si>
    <t>01/23/2020 13:13:28</t>
  </si>
  <si>
    <t>01/23/2020 13:17:51</t>
  </si>
  <si>
    <t>01/23/2020 13:16:29</t>
  </si>
  <si>
    <t>01/23/2020 13:19:51</t>
  </si>
  <si>
    <t>bvs-centralcartoes@bv.com.br;fernandorsju@algartech.com;kesiadof@algartech.com;marianeps@algartech.com;talmaiardo@algartech.com;thiagordu@algartech.com;</t>
  </si>
  <si>
    <t>bvs-centralcartoes@bv.com.br,fernandorsju@algartech.com,kesiadof@algartech.com,marianeps@algartech.com,talmaiardo@algartech.com,thiagordu@algartech.com</t>
  </si>
  <si>
    <t>01/23/2020 13:18:00</t>
  </si>
  <si>
    <t>43ea0224-578c-48c7-a09c-87c66d256fca.tmp</t>
  </si>
  <si>
    <t>\\acsfs\profiles$\ERICALSR\Downloads\43ea0224-578c-48c7-a09c-87c66d256fca.tmp</t>
  </si>
  <si>
    <t>01/23/2020 13:19:03</t>
  </si>
  <si>
    <t>01/23/2020 13:19:30</t>
  </si>
  <si>
    <t>01/23/2020 13:19:53</t>
  </si>
  <si>
    <t>01/23/2020 13:20:52</t>
  </si>
  <si>
    <t>01/23/2020 13:18:04</t>
  </si>
  <si>
    <t>01/23/2020 13:21:51</t>
  </si>
  <si>
    <t>01/23/2020 13:17:09</t>
  </si>
  <si>
    <t>01/23/2020 13:17:16</t>
  </si>
  <si>
    <t>01/23/2020 13:17:20</t>
  </si>
  <si>
    <t>01/23/2020 13:18:02</t>
  </si>
  <si>
    <t>01/23/2020 13:18:24</t>
  </si>
  <si>
    <t>01/23/2020 13:18:26</t>
  </si>
  <si>
    <t>01/23/2020 13:18:32</t>
  </si>
  <si>
    <t>01/23/2020 13:18:36</t>
  </si>
  <si>
    <t>01/23/2020 13:18:39</t>
  </si>
  <si>
    <t>01/23/2020 13:18:42</t>
  </si>
  <si>
    <t>01/23/2020 13:18:50</t>
  </si>
  <si>
    <t>01/23/2020 13:19:35</t>
  </si>
  <si>
    <t>01/23/2020 13:20:15</t>
  </si>
  <si>
    <t>16d490aa-cc47-4912-ade8-1669d9bf19eb.tmp</t>
  </si>
  <si>
    <t>\\acsfs\profiles$\laylaams\Downloads\16d490aa-cc47-4912-ade8-1669d9bf19eb.tmp</t>
  </si>
  <si>
    <t>01/23/2020 13:17:30</t>
  </si>
  <si>
    <t>01/23/2020 13:22:51</t>
  </si>
  <si>
    <t>01/23/2020 13:18:30</t>
  </si>
  <si>
    <t>01/23/2020 13:19:33</t>
  </si>
  <si>
    <t>01/23/2020 13:23:52</t>
  </si>
  <si>
    <t>01/23/2020 13:19:41</t>
  </si>
  <si>
    <t>01/23/2020 13:20:08</t>
  </si>
  <si>
    <t>01/23/2020 13:20:43</t>
  </si>
  <si>
    <t>01/23/2020 13:21:01</t>
  </si>
  <si>
    <t>01/23/2020 13:21:23</t>
  </si>
  <si>
    <t>01/23/2020 13:21:34</t>
  </si>
  <si>
    <t>01/23/2020 13:20:17</t>
  </si>
  <si>
    <t>Reneg - Vcto 24-01-20.xlsx</t>
  </si>
  <si>
    <t>\\acsfs\DEPTOS\Operacao\Banco_Votorantim\Supervisao\SUPERS BV CARTÕES\ADILSON\Reneg\Reneg - Vcto 24-01-20.xlsx</t>
  </si>
  <si>
    <t>01/23/2020 13:20:36</t>
  </si>
  <si>
    <t>Reneg - Vcto 25-01-20.xlsx</t>
  </si>
  <si>
    <t>\\acsfs\DEPTOS\Operacao\Banco_Votorantim\Supervisao\SUPERS BV CARTÕES\ADILSON\Reneg\Reneg - Vcto 25-01-20.xlsx</t>
  </si>
  <si>
    <t>01/23/2020 13:22:52</t>
  </si>
  <si>
    <t>01/23/2020 13:22:55</t>
  </si>
  <si>
    <t>01/23/2020 13:20:20</t>
  </si>
  <si>
    <t>01/23/2020 13:24:51</t>
  </si>
  <si>
    <t>01/23/2020 13:20:26</t>
  </si>
  <si>
    <t>01/23/2020 13:20:37</t>
  </si>
  <si>
    <t>bvs-centralcartoes@bv.com.br;fernandorsju@algartech.com;kesiadof@algartech.com;lilianls@algartech.com;marianeps@algartech.com;talmaiardo@algartech.com;thiagordu@algartech.com;</t>
  </si>
  <si>
    <t>bvs-centralcartoes@bv.com.br,fernandorsju@algartech.com,kesiadof@algartech.com,lilianls@algartech.com,marianeps@algartech.com,talmaiardo@algartech.com,thiagordu@algartech.com</t>
  </si>
  <si>
    <t>01/23/2020 13:21:12</t>
  </si>
  <si>
    <t>01/23/2020 13:21:16</t>
  </si>
  <si>
    <t>01/23/2020 13:21:20</t>
  </si>
  <si>
    <t>01/23/2020 13:23:45</t>
  </si>
  <si>
    <t>01/23/2020 13:23:27</t>
  </si>
  <si>
    <t>01/23/2020 13:25:52</t>
  </si>
  <si>
    <t>01/23/2020 13:23:29</t>
  </si>
  <si>
    <t>01/23/2020 13:24:23</t>
  </si>
  <si>
    <t>01/23/2020 13:24:25</t>
  </si>
  <si>
    <t>01/23/2020 13:24:27</t>
  </si>
  <si>
    <t>01/23/2020 13:19:54</t>
  </si>
  <si>
    <t>lu9872zhnb9.tmp</t>
  </si>
  <si>
    <t>\\acsfs\profiles$\VIVIANALDS\My Documents\lu9872zhnb9.tmp</t>
  </si>
  <si>
    <t>\\acsfs\profiles$\VIVIANALDS\My Documents\lu9872zhnb9.tmp\</t>
  </si>
  <si>
    <t>\\acsfs\profiles$\VIVIANALDS\My Documents\lu9872zhnb9.tmp\META-INF\</t>
  </si>
  <si>
    <t>\\acsfs\profiles$\VIVIANALDS\My Documents\lu9872zhnb9.tmp\Thumbnails\</t>
  </si>
  <si>
    <t>01/23/2020 13:19:56</t>
  </si>
  <si>
    <t>01/23/2020 13:19:57</t>
  </si>
  <si>
    <t>lu9872zhnbd.tmp</t>
  </si>
  <si>
    <t>\\acsfs\profiles$\VIVIANALDS\My Documents\lu9872zhnbd.tmp</t>
  </si>
  <si>
    <t>\\acsfs\profiles$\VIVIANALDS\My Documents\lu9872zhnbd.tmp\</t>
  </si>
  <si>
    <t>\\acsfs\profiles$\VIVIANALDS\My Documents\lu9872zhnbd.tmp\META-INF\</t>
  </si>
  <si>
    <t>\\acsfs\profiles$\VIVIANALDS\My Documents\lu9872zhnbd.tmp\Thumbnails\</t>
  </si>
  <si>
    <t>01/23/2020 13:21:17</t>
  </si>
  <si>
    <t>7ae0ce8d-3f11-4b7a-8840-ba9e020e1910.tmp</t>
  </si>
  <si>
    <t>\\acsfs\profiles$\sarahbal\Downloads\7ae0ce8d-3f11-4b7a-8840-ba9e020e1910.tmp</t>
  </si>
  <si>
    <t>01/23/2020 13:21:00</t>
  </si>
  <si>
    <t>01/23/2020 13:26:51</t>
  </si>
  <si>
    <t>01/23/2020 13:21:26</t>
  </si>
  <si>
    <t>2074cb7a-7045-490d-947a-4a3cfe7976ba.tmp</t>
  </si>
  <si>
    <t>\\acsfs\profiles$\laylaams\Downloads\2074cb7a-7045-490d-947a-4a3cfe7976ba.tmp</t>
  </si>
  <si>
    <t>01/23/2020 13:27:51</t>
  </si>
  <si>
    <t>01/23/2020 13:27:03</t>
  </si>
  <si>
    <t>01/23/2020 13:27:06</t>
  </si>
  <si>
    <t>01/23/2020 13:28:51</t>
  </si>
  <si>
    <t>01/23/2020 13:27:43</t>
  </si>
  <si>
    <t>a8b10d7f-9018-4b64-8e2d-3d02a847600e.tmp</t>
  </si>
  <si>
    <t>\\acsfs\profiles$\larissaad\Downloads\a8b10d7f-9018-4b64-8e2d-3d02a847600e.tmp</t>
  </si>
  <si>
    <t>01/23/2020 13:24:46</t>
  </si>
  <si>
    <t>01/23/2020 13:29:51</t>
  </si>
  <si>
    <t>mail.google.com/_/upload?authuser=0&amp;dcp=asu-n&amp;upload_id=AEnB2UpNnUrs1i41vDu_gmUVNFrYlTAxd7Nju6jmwpPOHMVzOU4UAj7Au12oDFlMw87GT67jNj_onvKk8BWXOtDHvq9AgGD9uhhvzwUeENkTHqxgI9gcSMw&amp;upload_protocol=resumable</t>
  </si>
  <si>
    <t>Protocolo 175644618 Lucas Nascimento Silva_1_6781823570297290857_1_32.wav</t>
  </si>
  <si>
    <t>01/23/2020 13:30:52</t>
  </si>
  <si>
    <t>01/23/2020 13:26:07</t>
  </si>
  <si>
    <t>01/23/2020 13:31:51</t>
  </si>
  <si>
    <t>image2020-01-23-125527.pdf</t>
  </si>
  <si>
    <t>01/23/2020 13:27:37</t>
  </si>
  <si>
    <t>01/23/2020 13:32:51</t>
  </si>
  <si>
    <t>01/23/2020 13:29:54</t>
  </si>
  <si>
    <t>01/23/2020 13:29:58</t>
  </si>
  <si>
    <t>01/23/2020 13:30:01</t>
  </si>
  <si>
    <t>01/23/2020 13:30:07</t>
  </si>
  <si>
    <t>01/23/2020 13:30:12</t>
  </si>
  <si>
    <t>01/23/2020 13:30:16</t>
  </si>
  <si>
    <t>01/23/2020 13:30:23</t>
  </si>
  <si>
    <t>01/23/2020 13:30:36</t>
  </si>
  <si>
    <t>01/23/2020 13:30:50</t>
  </si>
  <si>
    <t>01/23/2020 13:30:54</t>
  </si>
  <si>
    <t>01/23/2020 13:31:04</t>
  </si>
  <si>
    <t>01/23/2020 13:31:12</t>
  </si>
  <si>
    <t>01/23/2020 13:31:22</t>
  </si>
  <si>
    <t>01/23/2020 13:31:29</t>
  </si>
  <si>
    <t>01/23/2020 13:27:12</t>
  </si>
  <si>
    <t>01/23/2020 13:27:22</t>
  </si>
  <si>
    <t>01/23/2020 13:27:29</t>
  </si>
  <si>
    <t>01/23/2020 13:33:51</t>
  </si>
  <si>
    <t>01/23/2020 13:31:43</t>
  </si>
  <si>
    <t>ROGERIO FONSECA DUARTE_1_6780910262681671662_1_32.wav</t>
  </si>
  <si>
    <t>\\acsfs\Deptos\EDUCACAO EMPRESARIAL\KÉSIA\Ligações 3º ciclo - Janeiro 2020\ROGERIO FONSECA DUARTE_1_6780910262681671662_1_32.wav</t>
  </si>
  <si>
    <t>01/23/2020 13:30:37</t>
  </si>
  <si>
    <t>mail.google.com/sync/u/0/i/s?hl=pt-BR&amp;c=1846</t>
  </si>
  <si>
    <t>eduardo.santana@bv.com.br;fabio.ernest@bv.com.br;jean.loiola@bv.com.br;thiagordu@algartech.com;vitorgmp@algartech.com;</t>
  </si>
  <si>
    <t>eduardo.santana@bv.com.br,fabio.ernest@bv.com.br,jean.loiola@bv.com.br,thiagordu@algartech.com,vitorgmp@algartech.com</t>
  </si>
  <si>
    <t>01/23/2020 13:30:44</t>
  </si>
  <si>
    <t>mail.google.com/sync/u/0/i/s?hl=pt-BR&amp;c=1851</t>
  </si>
  <si>
    <t>03/02/2020;eduardo.santana@bv.com.br;fabio.ernest@bv.com.br;jean.loiola@bv.com.br;thiagordu@algartech.com;vitorgmp@algartech.com;</t>
  </si>
  <si>
    <t>03/02/2020,eduardo.santana@bv.com.br,fabio.ernest@bv.com.br,jean.loiola@bv.com.br,thiagordu@algartech.com,vitorgmp@algartech.com</t>
  </si>
  <si>
    <t>eduardo.santana@bv.com.br;fabio.ernest@bv.com.br;jean.loiola@bv.com.br;thiagordu@algartech.com;true;vitorgmp@algartech.com;</t>
  </si>
  <si>
    <t>eduardo.santana@bv.com.br,fabio.ernest@bv.com.br,jean.loiola@bv.com.br,thiagordu@algartech.com,true,vitorgmp@algartech.com</t>
  </si>
  <si>
    <t>mail.google.com/sync/u/0/i/s?hl=pt-BR&amp;c=1861</t>
  </si>
  <si>
    <t>01/23/2020 13:31:08</t>
  </si>
  <si>
    <t>mail.google.com/sync/u/0/i/s?hl=pt-BR&amp;c=1866</t>
  </si>
  <si>
    <t>7;bvcartes-supervisores@algarnet.onmicrosoft.com;eduardo.santana@bv.com.br;fabio.ernest@bv.com.br;jean.loiola@bv.com.br;thiagordu@algartech.com;vitorgmp@algartech.com;</t>
  </si>
  <si>
    <t>7,bvcartes-supervisores@algarnet.onmicrosoft.com,eduardo.santana@bv.com.br,fabio.ernest@bv.com.br,jean.loiola@bv.com.br,thiagordu@algartech.com,vitorgmp@algartech.com</t>
  </si>
  <si>
    <t>01/23/2020 13:33:58</t>
  </si>
  <si>
    <t>01/23/2020 13:34:51</t>
  </si>
  <si>
    <t>0082627b-cc52-4ccf-9c41-954f26ec84c5.tmp</t>
  </si>
  <si>
    <t>\\acsfs\profiles$\claudiajca\Downloads\0082627b-cc52-4ccf-9c41-954f26ec84c5.tmp</t>
  </si>
  <si>
    <t>01/23/2020 13:34:18</t>
  </si>
  <si>
    <t>01/23/2020 13:35:51</t>
  </si>
  <si>
    <t>01/23/2020 13:34:20</t>
  </si>
  <si>
    <t>01/23/2020 13:30:41</t>
  </si>
  <si>
    <t>01/23/2020 13:32:05</t>
  </si>
  <si>
    <t>01/23/2020 13:36:51</t>
  </si>
  <si>
    <t>01/23/2020 13:32:43</t>
  </si>
  <si>
    <t>01/23/2020 13:33:19</t>
  </si>
  <si>
    <t>01/23/2020 13:33:52</t>
  </si>
  <si>
    <t>01/23/2020 13:37:51</t>
  </si>
  <si>
    <t>01/23/2020 13:33:56</t>
  </si>
  <si>
    <t>01/23/2020 13:34:06</t>
  </si>
  <si>
    <t>01/23/2020 13:34:26</t>
  </si>
  <si>
    <t>01/23/2020 13:34:40</t>
  </si>
  <si>
    <t>01/23/2020 13:38:51</t>
  </si>
  <si>
    <t>01/23/2020 13:34:07</t>
  </si>
  <si>
    <t>01/23/2020 13:34:08</t>
  </si>
  <si>
    <t>lu17588ur59c.tmp</t>
  </si>
  <si>
    <t>\\acsfs\profiles$\Flaviojmm\My Documents\lu17588ur59c.tmp</t>
  </si>
  <si>
    <t>\\acsfs\profiles$\Flaviojmm\My Documents\lu17588ur59c.tmp\</t>
  </si>
  <si>
    <t>\\acsfs\profiles$\Flaviojmm\My Documents\lu17588ur59c.tmp\META-INF\</t>
  </si>
  <si>
    <t>\\acsfs\profiles$\Flaviojmm\My Documents\lu17588ur59c.tmp\Thumbnails\</t>
  </si>
  <si>
    <t>01/23/2020 13:35:47</t>
  </si>
  <si>
    <t>mail.google.com/sync/u/0/i/s?hl=pt-BR&amp;c=1919</t>
  </si>
  <si>
    <t>anapn@algartech.com;anavbg@algartech.com;antoniocoj@algartech.com;marianacds@algartech.com;raquelfsil@algartech.com;ricardodfm@algartech.com.br;severinojfds@algartech.com;thiagordu@algartech.com;vitorgmp@algartech.com;</t>
  </si>
  <si>
    <t>anapn@algartech.com,anavbg@algartech.com,antoniocoj@algartech.com,marianacds@algartech.com,raquelfsil@algartech.com,ricardodfm@algartech.com.br,severinojfds@algartech.com,thiagordu@algartech.com,vitorgmp@algartech.com</t>
  </si>
  <si>
    <t>01/23/2020 13:36:05</t>
  </si>
  <si>
    <t>mail.google.com/sync/u/0/i/s?hl=pt-BR&amp;c=1921</t>
  </si>
  <si>
    <t>anapn@algartech.com;anavbg@algartech.com;antoniocoj@algartech.com;eduardo.santana@bv.com.br;fabio.ernest@bv.com.br;jean.loiola@bv.com.br;marianacds@algartech.com;raquelfsil@algartech.com;ricardodfm@algartech.com.br;severinojfds@algartech.com;thiagordu@algartech.com;true;vitorgmp@algartech.com;</t>
  </si>
  <si>
    <t>anapn@algartech.com,anavbg@algartech.com,antoniocoj@algartech.com,eduardo.santana@bv.com.br,fabio.ernest@bv.com.br,jean.loiola@bv.com.br,marianacds@algartech.com,raquelfsil@algartech.com,ricardodfm@algartech.com.br,severinojfds@algartech.com,thiagordu@algartech.com,true,vitorgmp@algartech.com</t>
  </si>
  <si>
    <t>01/23/2020 13:38:35</t>
  </si>
  <si>
    <t>01/23/2020 13:39:51</t>
  </si>
  <si>
    <t>7879ccf6-725d-44d0-bf06-4fc2ccfb2012.tmp</t>
  </si>
  <si>
    <t>\\acsfs\profiles$\websondsa\Downloads\7879ccf6-725d-44d0-bf06-4fc2ccfb2012.tmp</t>
  </si>
  <si>
    <t>01/23/2020 13:36:12</t>
  </si>
  <si>
    <t>9779386c-6c8e-4b2a-bfcf-4127f60e7119.tmp</t>
  </si>
  <si>
    <t>\\acsfs\profiles$\claudiajca\Downloads\9779386c-6c8e-4b2a-bfcf-4127f60e7119.tmp</t>
  </si>
  <si>
    <t>01/23/2020 13:35:53</t>
  </si>
  <si>
    <t>cf570f41-7af9-48c5-b58c-b52ea7bce49b.tmp</t>
  </si>
  <si>
    <t>\\acsfs\profiles$\milenaas\Downloads\cf570f41-7af9-48c5-b58c-b52ea7bce49b.tmp</t>
  </si>
  <si>
    <t>01/23/2020 13:40:51</t>
  </si>
  <si>
    <t>01/23/2020 13:40:58</t>
  </si>
  <si>
    <t>01/23/2020 13:41:52</t>
  </si>
  <si>
    <t>7afdd1cf-ee10-426e-beee-586cd7d57c82.tmp</t>
  </si>
  <si>
    <t>\\acsfs\profiles$\jhonatadss\Downloads\7afdd1cf-ee10-426e-beee-586cd7d57c82.tmp</t>
  </si>
  <si>
    <t>01/23/2020 13:38:08</t>
  </si>
  <si>
    <t>01/23/2020 13:42:51</t>
  </si>
  <si>
    <t>01/23/2020 13:38:38</t>
  </si>
  <si>
    <t>01/23/2020 13:39:08</t>
  </si>
  <si>
    <t>01/23/2020 13:40:09</t>
  </si>
  <si>
    <t>01/23/2020 13:40:39</t>
  </si>
  <si>
    <t>01/23/2020 13:42:59</t>
  </si>
  <si>
    <t>01/23/2020 13:44:51</t>
  </si>
  <si>
    <t>d718d6cd-de5f-406a-bd66-8d3cc26bb9f6.tmp</t>
  </si>
  <si>
    <t>\\acsfs\profiles$\joserdsne\Downloads\d718d6cd-de5f-406a-bd66-8d3cc26bb9f6.tmp</t>
  </si>
  <si>
    <t>01/23/2020 13:42:47</t>
  </si>
  <si>
    <t>01/23/2020 13:45:51</t>
  </si>
  <si>
    <t>01/23/2020 13:40:03</t>
  </si>
  <si>
    <t>21f86dff-e2f3-48c4-9a34-438a608a2e92.tmp</t>
  </si>
  <si>
    <t>\\acsfs\profiles$\georgendsq\Downloads\21f86dff-e2f3-48c4-9a34-438a608a2e92.tmp</t>
  </si>
  <si>
    <t>01/23/2020 13:41:07</t>
  </si>
  <si>
    <t>dd8d78a8-e702-469e-ab89-854260ddddf1.tmp</t>
  </si>
  <si>
    <t>\\acsfs\profiles$\georgendsq\Downloads\dd8d78a8-e702-469e-ab89-854260ddddf1.tmp</t>
  </si>
  <si>
    <t>01/23/2020 13:41:31</t>
  </si>
  <si>
    <t>25f727fa-fe64-4009-bad6-6fc468a80abe.tmp</t>
  </si>
  <si>
    <t>\\acsfs\profiles$\georgendsq\Downloads\25f727fa-fe64-4009-bad6-6fc468a80abe.tmp</t>
  </si>
  <si>
    <t>01/23/2020 13:42:12</t>
  </si>
  <si>
    <t>d28e8265-e5a4-47c4-8aa1-de413d40b7b4.tmp</t>
  </si>
  <si>
    <t>\\acsfs\profiles$\georgendsq\Downloads\d28e8265-e5a4-47c4-8aa1-de413d40b7b4.tmp</t>
  </si>
  <si>
    <t>01/23/2020 13:42:25</t>
  </si>
  <si>
    <t>51d21617-4398-4b3b-886a-362db1506b62.tmp</t>
  </si>
  <si>
    <t>\\acsfs\profiles$\georgendsq\Downloads\51d21617-4398-4b3b-886a-362db1506b62.tmp</t>
  </si>
  <si>
    <t>01/23/2020 13:43:03</t>
  </si>
  <si>
    <t>9dfa097a-65af-4a27-a9f4-c08b53caca99.tmp</t>
  </si>
  <si>
    <t>\\acsfs\profiles$\georgendsq\Downloads\9dfa097a-65af-4a27-a9f4-c08b53caca99.tmp</t>
  </si>
  <si>
    <t>01/23/2020 13:46:52</t>
  </si>
  <si>
    <t>01/23/2020 13:45:18</t>
  </si>
  <si>
    <t>dd9b7f96-77cc-4380-a8fe-e0c5fe8a491e.tmp</t>
  </si>
  <si>
    <t>\\acsfs\profiles$\brendadsl\Downloads\dd9b7f96-77cc-4380-a8fe-e0c5fe8a491e.tmp</t>
  </si>
  <si>
    <t>01/23/2020 13:45:20</t>
  </si>
  <si>
    <t>f4adef5e-354e-49ce-af8c-2ed71ebd3ea1.tmp</t>
  </si>
  <si>
    <t>\\acsfs\profiles$\brendadsl\Downloads\f4adef5e-354e-49ce-af8c-2ed71ebd3ea1.tmp</t>
  </si>
  <si>
    <t>01/23/2020 13:45:21</t>
  </si>
  <si>
    <t>7b977fc8-d9dc-438c-b986-0d1abebbea13.tmp</t>
  </si>
  <si>
    <t>\\acsfs\profiles$\brendadsl\Downloads\7b977fc8-d9dc-438c-b986-0d1abebbea13.tmp</t>
  </si>
  <si>
    <t>01/23/2020 13:45:22</t>
  </si>
  <si>
    <t>7ed7faec-f6a7-43e2-b230-73ac38bac248.tmp</t>
  </si>
  <si>
    <t>\\acsfs\profiles$\brendadsl\Downloads\7ed7faec-f6a7-43e2-b230-73ac38bac248.tmp</t>
  </si>
  <si>
    <t>01/23/2020 13:45:23</t>
  </si>
  <si>
    <t>20bc066a-2e1a-4416-8024-44a6b35cf20a.tmp</t>
  </si>
  <si>
    <t>\\acsfs\profiles$\brendadsl\Downloads\20bc066a-2e1a-4416-8024-44a6b35cf20a.tmp</t>
  </si>
  <si>
    <t>01/23/2020 13:42:58</t>
  </si>
  <si>
    <t>https://udpwfmniceap02/web/guest/home?p_auth=i4cymxut&amp;p_p_id=58&amp;p_p_lifecycle=1&amp;p_p_state=maximized&amp;p_p_mode=view&amp;savelastpath=0&amp;_58_struts_action=/login/forgot_password</t>
  </si>
  <si>
    <t>01/23/2020 13:44:17</t>
  </si>
  <si>
    <t>01/23/2020 13:44:48</t>
  </si>
  <si>
    <t>01/23/2020 13:43:09</t>
  </si>
  <si>
    <t>01/23/2020 13:47:51</t>
  </si>
  <si>
    <t>https://www.tsaonline.com.br/operacaodeploy/login.aspx?returnurl=/operacaodeploy/main.aspx?msg=senha+atualizada+com+sucesso...&amp;msg=senha atualizada com sucesso...</t>
  </si>
  <si>
    <t>01/23/2020 13:43:18</t>
  </si>
  <si>
    <t>01/23/2020 13:43:24</t>
  </si>
  <si>
    <t>XLOG_Angelicacldr_22012020_093611.log</t>
  </si>
  <si>
    <t>\\acsfs\profiles$\Angelicacldr\My Documents\xworkcenter\logs\XLOG_Angelicacldr_22012020_093611.log</t>
  </si>
  <si>
    <t>01/23/2020 13:43:26</t>
  </si>
  <si>
    <t>\\acsfs\profiles$\Angelicacldr\My Documents\xworkcenter\logs\wrapper.log</t>
  </si>
  <si>
    <t>01/23/2020 13:43:10</t>
  </si>
  <si>
    <t>01/23/2020 13:43:40</t>
  </si>
  <si>
    <t>01/23/2020 13:44:10</t>
  </si>
  <si>
    <t>01/23/2020 13:45:41</t>
  </si>
  <si>
    <t>01/23/2020 13:47:11</t>
  </si>
  <si>
    <t>01/23/2020 13:45:46</t>
  </si>
  <si>
    <t>01/23/2020 13:48:52</t>
  </si>
  <si>
    <t>01/23/2020 13:45:47</t>
  </si>
  <si>
    <t>lu17588ur59l.tmp</t>
  </si>
  <si>
    <t>\\acsfs\profiles$\Flaviojmm\My Documents\lu17588ur59l.tmp</t>
  </si>
  <si>
    <t>\\acsfs\profiles$\Flaviojmm\My Documents\lu17588ur59l.tmp\</t>
  </si>
  <si>
    <t>\\acsfs\profiles$\Flaviojmm\My Documents\lu17588ur59l.tmp\META-INF\</t>
  </si>
  <si>
    <t>\\acsfs\profiles$\Flaviojmm\My Documents\lu17588ur59l.tmp\Thumbnails\</t>
  </si>
  <si>
    <t>01/23/2020 13:47:27</t>
  </si>
  <si>
    <t>qualidadealgarbv@algartech.com;</t>
  </si>
  <si>
    <t>qualidadealgarbv@algartech.com</t>
  </si>
  <si>
    <t>01/23/2020 13:47:33</t>
  </si>
  <si>
    <t>mail.google.com/sync/u/0/i/s?hl=pt-BR&amp;c=1980</t>
  </si>
  <si>
    <t>eduardo.santana@bv.com.br;fabio.ernest@bv.com.br;jean.loiola@bv.com.br;qualidadealgarbv@algartech.com;thiagordu@algartech.com;vitorgmp@algartech.com;</t>
  </si>
  <si>
    <t>eduardo.santana@bv.com.br,fabio.ernest@bv.com.br,jean.loiola@bv.com.br,qualidadealgarbv@algartech.com,thiagordu@algartech.com,vitorgmp@algartech.com</t>
  </si>
  <si>
    <t>01/23/2020 13:47:43</t>
  </si>
  <si>
    <t>mail.google.com/sync/u/0/i/s?hl=pt-BR&amp;c=1983</t>
  </si>
  <si>
    <t>03/02/2020;qualidadealgarbv@algartech.com;</t>
  </si>
  <si>
    <t>03/02/2020,qualidadealgarbv@algartech.com</t>
  </si>
  <si>
    <t>01/23/2020 13:48:07</t>
  </si>
  <si>
    <t>mail.google.com/sync/u/0/i/s?hl=pt-BR&amp;c=1985</t>
  </si>
  <si>
    <t>01/23/2020 13:48:10</t>
  </si>
  <si>
    <t>mail.google.com/sync/u/0/i/s?hl=pt-BR&amp;c=1987</t>
  </si>
  <si>
    <t>anapn@algartech.com;anavbg@algartech.com;antoniocoj@algartech.com;eduardo.santana@bv.com.br;fabio.ernest@bv.com.br;jean.loiola@bv.com.br;marianacds@algartech.com;qualidadealgarbv@algartech.com;raquelfsil@algartech.com;ricardodfm@algartech.com.br;severinojfds@algartech.com;thiagordu@algartech.com;true;vitorgmp@algartech.com;</t>
  </si>
  <si>
    <t>anapn@algartech.com,anavbg@algartech.com,antoniocoj@algartech.com,eduardo.santana@bv.com.br,fabio.ernest@bv.com.br,jean.loiola@bv.com.br,marianacds@algartech.com,qualidadealgarbv@algartech.com,raquelfsil@algartech.com,ricardodfm@algartech.com.br,severinojfds@algartech.com,thiagordu@algartech.com,true,vitorgmp@algartech.com</t>
  </si>
  <si>
    <t>01/23/2020 13:45:28</t>
  </si>
  <si>
    <t>01/23/2020 13:49:51</t>
  </si>
  <si>
    <t>01/23/2020 13:50:51</t>
  </si>
  <si>
    <t>01/23/2020 13:47:44</t>
  </si>
  <si>
    <t>01/23/2020 13:51:51</t>
  </si>
  <si>
    <t>01/23/2020 13:48:36</t>
  </si>
  <si>
    <t>7ef367b7-018a-4bec-bc41-cd129015285b.tmp</t>
  </si>
  <si>
    <t>\\acsfs\profiles$\brendadsl\Downloads\7ef367b7-018a-4bec-bc41-cd129015285b.tmp</t>
  </si>
  <si>
    <t>01/23/2020 13:47:12</t>
  </si>
  <si>
    <t>2a293997-6357-4d59-99af-14b48b0c32bf.tmp</t>
  </si>
  <si>
    <t>\\acsfs\profiles$\brendadsl\Downloads\2a293997-6357-4d59-99af-14b48b0c32bf.tmp</t>
  </si>
  <si>
    <t>01/23/2020 13:47:38</t>
  </si>
  <si>
    <t>01/23/2020 13:52:51</t>
  </si>
  <si>
    <t>542b801f-173c-44e8-ac0d-804e68943c3f.tmp</t>
  </si>
  <si>
    <t>\\acsfs\profiles$\wenderbnm\Downloads\542b801f-173c-44e8-ac0d-804e68943c3f.tmp</t>
  </si>
  <si>
    <t>01/23/2020 13:48:33</t>
  </si>
  <si>
    <t>01/23/2020 13:48:34</t>
  </si>
  <si>
    <t>01/23/2020 13:48:35</t>
  </si>
  <si>
    <t>01/23/2020 13:48:37</t>
  </si>
  <si>
    <t>01/23/2020 13:50:28</t>
  </si>
  <si>
    <t>a343f97b-c1ec-4d02-845a-75d501eedfa2.tmp</t>
  </si>
  <si>
    <t>\\acsfs\profiles$\danielmlds\Downloads\a343f97b-c1ec-4d02-845a-75d501eedfa2.tmp</t>
  </si>
  <si>
    <t>01/23/2020 13:48:38</t>
  </si>
  <si>
    <t>01/23/2020 13:48:39</t>
  </si>
  <si>
    <t>01/23/2020 13:48:40</t>
  </si>
  <si>
    <t>01/23/2020 13:48:41</t>
  </si>
  <si>
    <t>01/23/2020 13:48:42</t>
  </si>
  <si>
    <t>01/23/2020 13:48:43</t>
  </si>
  <si>
    <t>01/23/2020 13:48:44</t>
  </si>
  <si>
    <t>01/23/2020 13:48:45</t>
  </si>
  <si>
    <t>01/23/2020 13:48:46</t>
  </si>
  <si>
    <t>01/23/2020 13:48:47</t>
  </si>
  <si>
    <t>01/23/2020 13:48:48</t>
  </si>
  <si>
    <t>01/23/2020 13:48:49</t>
  </si>
  <si>
    <t>01/23/2020 13:48:50</t>
  </si>
  <si>
    <t>01/23/2020 13:48:51</t>
  </si>
  <si>
    <t>01/23/2020 13:48:53</t>
  </si>
  <si>
    <t>01/23/2020 13:48:54</t>
  </si>
  <si>
    <t>01/23/2020 13:48:55</t>
  </si>
  <si>
    <t>01/23/2020 13:48:56</t>
  </si>
  <si>
    <t>01/23/2020 13:48:57</t>
  </si>
  <si>
    <t>01/23/2020 13:48:58</t>
  </si>
  <si>
    <t>01/23/2020 13:48:59</t>
  </si>
  <si>
    <t>01/23/2020 13:49:00</t>
  </si>
  <si>
    <t>01/23/2020 13:48:16</t>
  </si>
  <si>
    <t>01/23/2020 13:53:51</t>
  </si>
  <si>
    <t>mail.google.com/sync/u/0/i/s?hl=pt-BR&amp;c=1989</t>
  </si>
  <si>
    <t>01/23/2020 13:48:29</t>
  </si>
  <si>
    <t>mail.google.com/sync/u/0/i/s?hl=pt-BR&amp;c=1991</t>
  </si>
  <si>
    <t>bvcartes-supervisores@algarnet.onmicrosoft.com;qualidadealgarbv@algartech.com;raquelfsil@algartech.com;</t>
  </si>
  <si>
    <t>bvcartes-supervisores@algarnet.onmicrosoft.com,qualidadealgarbv@algartech.com,raquelfsil@algartech.com</t>
  </si>
  <si>
    <t>01/23/2020 13:49:35</t>
  </si>
  <si>
    <t>mail.google.com/sync/u/0/i/s?hl=pt-BR&amp;c=2014</t>
  </si>
  <si>
    <t>consultivotrabalhista@algartech.com;mensal;thiagordu@algartech.com;</t>
  </si>
  <si>
    <t>consultivotrabalhista@algartech.com,mensal,thiagordu@algartech.com</t>
  </si>
  <si>
    <t>mail.google.com/sync/u/0/i/s?hl=pt-BR&amp;c=2016</t>
  </si>
  <si>
    <t>03/02/2020;bvcartes-supervisores@algarnet.onmicrosoft.com;consultivotrabalhista@algartech.com;thiagordu@algartech.com;</t>
  </si>
  <si>
    <t>03/02/2020,bvcartes-supervisores@algarnet.onmicrosoft.com,consultivotrabalhista@algartech.com,thiagordu@algartech.com</t>
  </si>
  <si>
    <t>01/23/2020 13:50:05</t>
  </si>
  <si>
    <t>mail.google.com/sync/u/0/i/s?hl=pt-BR&amp;c=2018</t>
  </si>
  <si>
    <t>anapn@algartech.com;anavbg@algartech.com;antoniocoj@algartech.com;consultivotrabalhista@algartech.com;eduardo.santana@bv.com.br;fabio.ernest@bv.com.br;jean.loiola@bv.com.br;marianacds@algartech.com;qualidadealgarbv@algartech.com;raquelfsil@algartech.com;ricardodfm@algartech.com.br;severinojfds@algartech.com;thiagordu@algartech.com;true;vitorgmp@algartech.com;</t>
  </si>
  <si>
    <t>anapn@algartech.com,anavbg@algartech.com,antoniocoj@algartech.com,consultivotrabalhista@algartech.com,eduardo.santana@bv.com.br,fabio.ernest@bv.com.br,jean.loiola@bv.com.br,marianacds@algartech.com,qualidadealgarbv@algartech.com,raquelfsil@algartech.com,ricardodfm@algartech.com.br,severinojfds@algartech.com,thiagordu@algartech.com,true,vitorgmp@algartech.com</t>
  </si>
  <si>
    <t>01/23/2020 13:50:21</t>
  </si>
  <si>
    <t>mail.google.com/sync/u/0/i/s?hl=pt-BR&amp;c=2020</t>
  </si>
  <si>
    <t>consultivotrabalhista@algartech.com;thiagordu@algartech.com;</t>
  </si>
  <si>
    <t>consultivotrabalhista@algartech.com,thiagordu@algartech.com</t>
  </si>
  <si>
    <t>01/23/2020 13:50:37</t>
  </si>
  <si>
    <t>mail.google.com/sync/u/0/i/s?hl=pt-BR&amp;c=2023</t>
  </si>
  <si>
    <t>01/23/2020 13:50:52</t>
  </si>
  <si>
    <t>mail.google.com/sync/u/0/i/s?hl=pt-BR&amp;c=2026</t>
  </si>
  <si>
    <t>01/23/2020 13:50:57</t>
  </si>
  <si>
    <t>mail.google.com/sync/u/0/i/s?hl=pt-BR&amp;c=2028</t>
  </si>
  <si>
    <t>01/23/2020 13:51:12</t>
  </si>
  <si>
    <t>mail.google.com/sync/u/0/i/s?hl=pt-BR&amp;c=2030</t>
  </si>
  <si>
    <t>01/23/2020 13:51:30</t>
  </si>
  <si>
    <t>mail.google.com/sync/u/0/i/s?hl=pt-BR&amp;c=2032</t>
  </si>
  <si>
    <t>01/23/2020 13:51:36</t>
  </si>
  <si>
    <t>mail.google.com/sync/u/0/i/s?hl=pt-BR&amp;c=2035</t>
  </si>
  <si>
    <t>01/23/2020 13:51:37</t>
  </si>
  <si>
    <t>01/23/2020 13:51:52</t>
  </si>
  <si>
    <t>mail.google.com/sync/u/0/i/s?hl=pt-BR&amp;c=2037</t>
  </si>
  <si>
    <t>03/02/2020;consultivotrabalhista@algartech.com;thiagordu@algartech.com;</t>
  </si>
  <si>
    <t>03/02/2020,consultivotrabalhista@algartech.com,thiagordu@algartech.com</t>
  </si>
  <si>
    <t>01/23/2020 13:51:59</t>
  </si>
  <si>
    <t>mail.google.com/sync/u/0/i/s?hl=pt-BR&amp;c=2039</t>
  </si>
  <si>
    <t>consultivotrabalhista@algartech.com;qualidadealgarbv@algartech.com;thiagordu@algartech.com;</t>
  </si>
  <si>
    <t>consultivotrabalhista@algartech.com,qualidadealgarbv@algartech.com,thiagordu@algartech.com</t>
  </si>
  <si>
    <t>01/23/2020 13:52:09</t>
  </si>
  <si>
    <t>mail.google.com/sync/u/0/i/s?hl=pt-BR&amp;c=2041</t>
  </si>
  <si>
    <t>01/23/2020 13:52:55</t>
  </si>
  <si>
    <t>mail.google.com/sync/u/0/i/s?hl=pt-BR&amp;c=2044</t>
  </si>
  <si>
    <t>01/23/2020 13:53:05</t>
  </si>
  <si>
    <t>01/23/2020 13:54:51</t>
  </si>
  <si>
    <t>5de2ec9f-a3ec-42cf-aab9-e4de2b55965f.tmp</t>
  </si>
  <si>
    <t>\\acsfs\profiles$\victorgl\Downloads\5de2ec9f-a3ec-42cf-aab9-e4de2b55965f.tmp</t>
  </si>
  <si>
    <t>01/23/2020 13:49:36</t>
  </si>
  <si>
    <t>01/23/2020 13:49:42</t>
  </si>
  <si>
    <t>01/23/2020 13:49:54</t>
  </si>
  <si>
    <t>lilianls@algartech.com;mirianppb@algartech.com;talmaiardo@algartech.com;</t>
  </si>
  <si>
    <t>lilianls@algartech.com,mirianppb@algartech.com,talmaiardo@algartech.com</t>
  </si>
  <si>
    <t>01/23/2020 13:49:59</t>
  </si>
  <si>
    <t>laylladdps@bv.algartech.com;lilianls@algartech.com;mirianppb@algartech.com;talmaiardo@algartech.com;</t>
  </si>
  <si>
    <t>laylladdps@bv.algartech.com,lilianls@algartech.com,mirianppb@algartech.com,talmaiardo@algartech.com</t>
  </si>
  <si>
    <t>01/23/2020 13:50:06</t>
  </si>
  <si>
    <t>01/23/2020 13:50:19</t>
  </si>
  <si>
    <t>01/23/2020 13:50:36</t>
  </si>
  <si>
    <t>01/23/2020 13:50:38</t>
  </si>
  <si>
    <t>01/23/2020 13:50:54</t>
  </si>
  <si>
    <t>01/23/2020 13:51:09</t>
  </si>
  <si>
    <t>01/23/2020 13:51:34</t>
  </si>
  <si>
    <t>01/23/2020 13:53:41</t>
  </si>
  <si>
    <t>0e81827b-6698-4ac8-81db-9f1dcf65334d.tmp</t>
  </si>
  <si>
    <t>\\acsfs\profiles$\harunams\Downloads\0e81827b-6698-4ac8-81db-9f1dcf65334d.tmp</t>
  </si>
  <si>
    <t>01/23/2020 13:54:17</t>
  </si>
  <si>
    <t>.~lock.MODELO_DE_ACESSO_CORRIGIDA_10-12_(1).xlsx#</t>
  </si>
  <si>
    <t>\\acsfs\profiles$\harunams\Downloads\.~lock.MODELO_DE_ACESSO_CORRIGIDA_10-12_(1).xlsx#</t>
  </si>
  <si>
    <t>01/23/2020 13:55:51</t>
  </si>
  <si>
    <t>01/23/2020 13:51:50</t>
  </si>
  <si>
    <t>01/23/2020 13:56:51</t>
  </si>
  <si>
    <t>01/23/2020 13:53:27</t>
  </si>
  <si>
    <t>01/23/2020 13:54:02</t>
  </si>
  <si>
    <t>01/23/2020 13:54:11</t>
  </si>
  <si>
    <t>01/23/2020 13:54:33</t>
  </si>
  <si>
    <t>01/23/2020 13:57:52</t>
  </si>
  <si>
    <t>01/23/2020 13:52:18</t>
  </si>
  <si>
    <t>cfd3d790-5714-4922-839d-536320c5e558.tmp</t>
  </si>
  <si>
    <t>\\acsfs\profiles$\victoriaksr\Downloads\cfd3d790-5714-4922-839d-536320c5e558.tmp</t>
  </si>
  <si>
    <t>01/23/2020 13:56:58</t>
  </si>
  <si>
    <t>01/23/2020 13:58:51</t>
  </si>
  <si>
    <t>89f8aa00-4a51-4bb5-829a-1c77e43db918.tmp</t>
  </si>
  <si>
    <t>\\acsfs\profiles$\ingridsm\Downloads\89f8aa00-4a51-4bb5-829a-1c77e43db918.tmp</t>
  </si>
  <si>
    <t>01/23/2020 13:58:20</t>
  </si>
  <si>
    <t>marilzafds</t>
  </si>
  <si>
    <t>https://www.bing.com</t>
  </si>
  <si>
    <t>01/23/2020 13:58:42</t>
  </si>
  <si>
    <t>01/23/2020 13:56:08</t>
  </si>
  <si>
    <t>01/23/2020 13:59:52</t>
  </si>
  <si>
    <t>9d21c6e8-fd10-4085-97d9-87ac6d405697.tmp</t>
  </si>
  <si>
    <t>\\acsfs\profiles$\victorgl\Downloads\9d21c6e8-fd10-4085-97d9-87ac6d405697.tmp</t>
  </si>
  <si>
    <t>01/23/2020 13:57:38</t>
  </si>
  <si>
    <t>Laura Nicolau de Oliveira Santos_1_6780427778940544383_1_32.wav</t>
  </si>
  <si>
    <t>\\acsfs\Deptos\EDUCACAO EMPRESARIAL\FERNANDA MONIT\Fernanda\MONITORIA JANEIRO\Ligaçoes para MUTANT terceiro ciclo janeiro\Laura Nicolau de Oliveira Santos_1_6780427778940544383_1_32.wav</t>
  </si>
  <si>
    <t>01/23/2020 13:57:16</t>
  </si>
  <si>
    <t>01/23/2020 13:58:29</t>
  </si>
  <si>
    <t>.~lock.RENEG BV - Venc 26.01.2020 - Lucas.ods#</t>
  </si>
  <si>
    <t>\\acsfs\profiles$\LUCASBS\RENEG BV\Consolidado\.~lock.RENEG BV - Venc 26.01.2020 - Lucas.ods#</t>
  </si>
  <si>
    <t>01/23/2020 13:58:31</t>
  </si>
  <si>
    <t>lu711329wwunb.tmp</t>
  </si>
  <si>
    <t>\\acsfs\profiles$\LUCASBS\RENEG BV\Consolidado\lu711329wwunb.tmp</t>
  </si>
  <si>
    <t>\\acsfs\profiles$\LUCASBS\RENEG BV\Consolidado\lu711329wwunb.tmp\</t>
  </si>
  <si>
    <t>\\acsfs\profiles$\LUCASBS\RENEG BV\Consolidado\lu711329wwunb.tmp\META-INF\</t>
  </si>
  <si>
    <t>\\acsfs\profiles$\LUCASBS\RENEG BV\Consolidado\lu711329wwunb.tmp\Thumbnails\</t>
  </si>
  <si>
    <t>01/23/2020 13:57:51</t>
  </si>
  <si>
    <t>\\acsfs\profiles$\tacianamdr\My Documents\xworkcenter\lex\</t>
  </si>
  <si>
    <t>\\acsfs\profiles$\tacianamdr\My Documents\xworkcenter\lex\temp.tlx</t>
  </si>
  <si>
    <t>01/23/2020 13:57:53</t>
  </si>
  <si>
    <t>01/23/2020 13:57:54</t>
  </si>
  <si>
    <t>01/23/2020 13:57:55</t>
  </si>
  <si>
    <t>01/23/2020 13:57:56</t>
  </si>
  <si>
    <t>01/23/2020 13:57:57</t>
  </si>
  <si>
    <t>01/23/2020 13:57:58</t>
  </si>
  <si>
    <t>01/23/2020 13:57:59</t>
  </si>
  <si>
    <t>01/23/2020 13:58:00</t>
  </si>
  <si>
    <t>01/23/2020 13:58:01</t>
  </si>
  <si>
    <t>01/23/2020 13:58:02</t>
  </si>
  <si>
    <t>01/23/2020 13:58:03</t>
  </si>
  <si>
    <t>01/23/2020 13:58:04</t>
  </si>
  <si>
    <t>01/23/2020 13:58:05</t>
  </si>
  <si>
    <t>01/23/2020 13:58:06</t>
  </si>
  <si>
    <t>01/23/2020 13:58:07</t>
  </si>
  <si>
    <t>01/23/2020 13:58:08</t>
  </si>
  <si>
    <t>01/23/2020 13:58:09</t>
  </si>
  <si>
    <t>01/23/2020 13:58:10</t>
  </si>
  <si>
    <t>01/23/2020 13:58:11</t>
  </si>
  <si>
    <t>01/23/2020 13:58:12</t>
  </si>
  <si>
    <t>01/23/2020 13:58:13</t>
  </si>
  <si>
    <t>01/23/2020 13:58:14</t>
  </si>
  <si>
    <t>01/23/2020 13:56:21</t>
  </si>
  <si>
    <t>01/23/2020 14:00:51</t>
  </si>
  <si>
    <t>ac2816a2-480e-4c8c-b3c5-cbda6a7a3e5b.tmp</t>
  </si>
  <si>
    <t>\\acsfs\profiles$\nataliacsl\Downloads\ac2816a2-480e-4c8c-b3c5-cbda6a7a3e5b.tmp</t>
  </si>
  <si>
    <t>01/23/2020 13:57:06</t>
  </si>
  <si>
    <t>9ec25ea1-c052-4382-a016-e966c4ad2d5e.tmp</t>
  </si>
  <si>
    <t>\\acsfs\profiles$\nataliacsl\Downloads\9ec25ea1-c052-4382-a016-e966c4ad2d5e.tmp</t>
  </si>
  <si>
    <t>01/23/2020 13:59:00</t>
  </si>
  <si>
    <t>1e69507a-552e-473a-99d6-e164433db320.tmp</t>
  </si>
  <si>
    <t>\\acsfs\profiles$\nataliacsl\Downloads\1e69507a-552e-473a-99d6-e164433db320.tmp</t>
  </si>
  <si>
    <t>01/23/2020 13:59:34</t>
  </si>
  <si>
    <t>6ba6329c-a3ae-4c88-b396-758adbd5a842.tmp</t>
  </si>
  <si>
    <t>\\acsfs\profiles$\nataliacsl\Downloads\6ba6329c-a3ae-4c88-b396-758adbd5a842.tmp</t>
  </si>
  <si>
    <t>01/23/2020 14:01:52</t>
  </si>
  <si>
    <t>01/23/2020 14:01:12</t>
  </si>
  <si>
    <t>8e895c59-219e-41cf-a26c-f1c60e7596fc.tmp</t>
  </si>
  <si>
    <t>\\acsfs\profiles$\regisedsj\Downloads\8e895c59-219e-41cf-a26c-f1c60e7596fc.tmp</t>
  </si>
  <si>
    <t>01/23/2020 13:58:37</t>
  </si>
  <si>
    <t>01/23/2020 14:02:51</t>
  </si>
  <si>
    <t>01/23/2020 13:58:47</t>
  </si>
  <si>
    <t>01/23/2020 13:59:17</t>
  </si>
  <si>
    <t>7a649966-c4da-479e-960b-6207ec1cdde1.tmp</t>
  </si>
  <si>
    <t>\\acsfs\profiles$\regisadsa\Downloads\7a649966-c4da-479e-960b-6207ec1cdde1.tmp</t>
  </si>
  <si>
    <t>01/23/2020 14:00:43</t>
  </si>
  <si>
    <t>eca7652d-9c64-47b3-941b-33e22f677efa.tmp</t>
  </si>
  <si>
    <t>\\acsfs\profiles$\regisadsa\Downloads\eca7652d-9c64-47b3-941b-33e22f677efa.tmp</t>
  </si>
  <si>
    <t>01/23/2020 14:01:03</t>
  </si>
  <si>
    <t>6968c0dd-8f47-43e0-8b0a-897f8c5fb2fe.tmp</t>
  </si>
  <si>
    <t>\\acsfs\profiles$\regisadsa\Downloads\6968c0dd-8f47-43e0-8b0a-897f8c5fb2fe.tmp</t>
  </si>
  <si>
    <t>01/23/2020 14:01:23</t>
  </si>
  <si>
    <t>2678d55b-ffbf-4f64-b69f-05bc7f19dd29.tmp</t>
  </si>
  <si>
    <t>\\acsfs\profiles$\regisadsa\Downloads\2678d55b-ffbf-4f64-b69f-05bc7f19dd29.tmp</t>
  </si>
  <si>
    <t>01/23/2020 14:01:05</t>
  </si>
  <si>
    <t>01/23/2020 13:59:05</t>
  </si>
  <si>
    <t>b133e948-0915-43f9-81a7-f0f32729c423.tmp</t>
  </si>
  <si>
    <t>\\acsfs\profiles$\joycemmdl\Downloads\b133e948-0915-43f9-81a7-f0f32729c423.tmp</t>
  </si>
  <si>
    <t>01/23/2020 13:59:12</t>
  </si>
  <si>
    <t>14c30e2a-1e03-46f5-9d60-0ded6a40fad1.tmp</t>
  </si>
  <si>
    <t>\\acsfs\profiles$\joycemmdl\Downloads\14c30e2a-1e03-46f5-9d60-0ded6a40fad1.tmp</t>
  </si>
  <si>
    <t>01/23/2020 14:01:20</t>
  </si>
  <si>
    <t>e364b065-fc56-49e2-ad84-6421ae8f8f4c.tmp</t>
  </si>
  <si>
    <t>\\acsfs\profiles$\joycemmdl\Downloads\e364b065-fc56-49e2-ad84-6421ae8f8f4c.tmp</t>
  </si>
  <si>
    <t>01/23/2020 13:59:06</t>
  </si>
  <si>
    <t>01/23/2020 14:03:52</t>
  </si>
  <si>
    <t>01/23/2020 13:59:07</t>
  </si>
  <si>
    <t>lu17588ur59q.tmp</t>
  </si>
  <si>
    <t>\\acsfs\profiles$\Flaviojmm\My Documents\lu17588ur59q.tmp</t>
  </si>
  <si>
    <t>\\acsfs\profiles$\Flaviojmm\My Documents\lu17588ur59q.tmp\</t>
  </si>
  <si>
    <t>\\acsfs\profiles$\Flaviojmm\My Documents\lu17588ur59q.tmp\META-INF\</t>
  </si>
  <si>
    <t>\\acsfs\profiles$\Flaviojmm\My Documents\lu17588ur59q.tmp\Thumbnails\</t>
  </si>
  <si>
    <t>01/23/2020 14:00:10</t>
  </si>
  <si>
    <t>01/23/2020 14:00:20</t>
  </si>
  <si>
    <t>01/23/2020 14:00:18</t>
  </si>
  <si>
    <t>b5600498-4265-43ad-8bed-7143c71d00b9.tmp</t>
  </si>
  <si>
    <t>\\acsfs\profiles$\ingridsm\Downloads\b5600498-4265-43ad-8bed-7143c71d00b9.tmp</t>
  </si>
  <si>
    <t>01/23/2020 14:00:41</t>
  </si>
  <si>
    <t>dae975ca-2933-4c3b-b6fa-22548519cbaf.tmp</t>
  </si>
  <si>
    <t>\\acsfs\profiles$\ingridsm\Downloads\dae975ca-2933-4c3b-b6fa-22548519cbaf.tmp</t>
  </si>
  <si>
    <t>01/23/2020 14:02:00</t>
  </si>
  <si>
    <t>a91b94cb-9890-4e1f-b0a1-0e62d6a46d26.tmp</t>
  </si>
  <si>
    <t>\\acsfs\profiles$\ingridsm\Downloads\a91b94cb-9890-4e1f-b0a1-0e62d6a46d26.tmp</t>
  </si>
  <si>
    <t>01/23/2020 14:02:41</t>
  </si>
  <si>
    <t>7fd6a077-10ed-4adf-ac47-25eefbcab92c.tmp</t>
  </si>
  <si>
    <t>\\acsfs\profiles$\ingridsm\Downloads\7fd6a077-10ed-4adf-ac47-25eefbcab92c.tmp</t>
  </si>
  <si>
    <t>01/23/2020 14:01:48</t>
  </si>
  <si>
    <t>01/23/2020 14:04:51</t>
  </si>
  <si>
    <t>01/23/2020 14:03:33</t>
  </si>
  <si>
    <t>01/23/2020 14:03:34</t>
  </si>
  <si>
    <t>01/23/2020 13:59:18</t>
  </si>
  <si>
    <t>1694c78d-bb40-4797-9987-6b7ef6fe797b.tmp</t>
  </si>
  <si>
    <t>\\acsfs\profiles$\LUCASBS\Downloads\1694c78d-bb40-4797-9987-6b7ef6fe797b.tmp</t>
  </si>
  <si>
    <t>01/23/2020 14:00:53</t>
  </si>
  <si>
    <t>c6c710fb-b0e9-44d8-b9eb-e1754d7f7f83.tmp</t>
  </si>
  <si>
    <t>\\acsfs\profiles$\LUCASBS\Downloads\c6c710fb-b0e9-44d8-b9eb-e1754d7f7f83.tmp</t>
  </si>
  <si>
    <t>01/23/2020 14:01:11</t>
  </si>
  <si>
    <t>b4a9735c-7e58-471a-a516-79721fe542fe.tmp</t>
  </si>
  <si>
    <t>\\acsfs\profiles$\RAFAELRF\Downloads\b4a9735c-7e58-471a-a516-79721fe542fe.tmp</t>
  </si>
  <si>
    <t>01/23/2020 14:00:45</t>
  </si>
  <si>
    <t>https://trc.taboola.com/msn-display-brazil/log/3/perf?route=us:us:v&amp;lti=bulke10_va</t>
  </si>
  <si>
    <t>01/23/2020 14:03:30</t>
  </si>
  <si>
    <t>01/23/2020 14:05:51</t>
  </si>
  <si>
    <t>f6e5e996-4a7c-4e8e-9bfe-76d79a054565.tmp</t>
  </si>
  <si>
    <t>\\acsfs\profiles$\nataliacsl\Downloads\f6e5e996-4a7c-4e8e-9bfe-76d79a054565.tmp</t>
  </si>
  <si>
    <t>01/23/2020 14:04:54</t>
  </si>
  <si>
    <t>0cef6ffa-fbfb-4bee-b4ad-ee4376cdbdfd.tmp</t>
  </si>
  <si>
    <t>\\acsfs\profiles$\KARENJSS\Downloads\0cef6ffa-fbfb-4bee-b4ad-ee4376cdbdfd.tmp</t>
  </si>
  <si>
    <t>01/23/2020 14:03:43</t>
  </si>
  <si>
    <t>01/23/2020 14:06:03</t>
  </si>
  <si>
    <t>01/23/2020 14:07:51</t>
  </si>
  <si>
    <t>01/23/2020 14:04:25</t>
  </si>
  <si>
    <t>01/23/2020 14:08:52</t>
  </si>
  <si>
    <t>5451dc6b-952d-4a24-bf67-fbb1420e1fe0.tmp</t>
  </si>
  <si>
    <t>\\acsfs\profiles$\alinepp\Downloads\5451dc6b-952d-4a24-bf67-fbb1420e1fe0.tmp</t>
  </si>
  <si>
    <t>01/23/2020 14:05:28</t>
  </si>
  <si>
    <t>5a619999-4dfd-4419-ad0a-537a3b8512f6.tmp</t>
  </si>
  <si>
    <t>\\acsfs\profiles$\alinepp\Downloads\5a619999-4dfd-4419-ad0a-537a3b8512f6.tmp</t>
  </si>
  <si>
    <t>01/23/2020 14:05:58</t>
  </si>
  <si>
    <t>6c01e409-4a74-467a-a7c8-fc2de7ce9db8.tmp</t>
  </si>
  <si>
    <t>\\acsfs\profiles$\alinepp\Downloads\6c01e409-4a74-467a-a7c8-fc2de7ce9db8.tmp</t>
  </si>
  <si>
    <t>01/23/2020 14:06:06</t>
  </si>
  <si>
    <t>c1907ccf-6060-4e2c-881d-d61b14e183ff.tmp</t>
  </si>
  <si>
    <t>\\acsfs\profiles$\alinepp\Downloads\c1907ccf-6060-4e2c-881d-d61b14e183ff.tmp</t>
  </si>
  <si>
    <t>01/23/2020 14:09:51</t>
  </si>
  <si>
    <t>01/23/2020 14:04:04</t>
  </si>
  <si>
    <t>01/23/2020 14:04:15</t>
  </si>
  <si>
    <t>01/23/2020 14:04:26</t>
  </si>
  <si>
    <t>01/23/2020 14:04:31</t>
  </si>
  <si>
    <t>01/23/2020 14:04:46</t>
  </si>
  <si>
    <t>01/23/2020 14:04:56</t>
  </si>
  <si>
    <t>01/23/2020 14:05:03</t>
  </si>
  <si>
    <t>01/23/2020 14:05:05</t>
  </si>
  <si>
    <t>01/23/2020 14:05:11</t>
  </si>
  <si>
    <t>01/23/2020 14:05:23</t>
  </si>
  <si>
    <t>01/23/2020 14:05:25</t>
  </si>
  <si>
    <t>01/23/2020 14:06:59</t>
  </si>
  <si>
    <t>01/23/2020 14:07:02</t>
  </si>
  <si>
    <t>01/23/2020 14:07:11</t>
  </si>
  <si>
    <t>01/23/2020 14:07:16</t>
  </si>
  <si>
    <t>01/23/2020 14:06:21</t>
  </si>
  <si>
    <t>0731b61c-0b34-4ef8-9aab-4003f4623be4.tmp</t>
  </si>
  <si>
    <t>\\acsfs\profiles$\joserdsne\Downloads\0731b61c-0b34-4ef8-9aab-4003f4623be4.tmp</t>
  </si>
  <si>
    <t>01/23/2020 14:07:52</t>
  </si>
  <si>
    <t>lu711329wwung.tmp</t>
  </si>
  <si>
    <t>\\acsfs\profiles$\LUCASBS\RENEG BV\Consolidado\lu711329wwung.tmp</t>
  </si>
  <si>
    <t>\\acsfs\profiles$\LUCASBS\RENEG BV\Consolidado\lu711329wwung.tmp\</t>
  </si>
  <si>
    <t>\\acsfs\profiles$\LUCASBS\RENEG BV\Consolidado\lu711329wwung.tmp\META-INF\</t>
  </si>
  <si>
    <t>\\acsfs\profiles$\LUCASBS\RENEG BV\Consolidado\lu711329wwung.tmp\Thumbnails\</t>
  </si>
  <si>
    <t>01/23/2020 14:04:43</t>
  </si>
  <si>
    <t>e55f6f22-38d9-4d47-be31-8908ed1b0ff1.tmp</t>
  </si>
  <si>
    <t>\\acsfs\profiles$\ERICALSR\Downloads\e55f6f22-38d9-4d47-be31-8908ed1b0ff1.tmp</t>
  </si>
  <si>
    <t>7ebffd61-2008-49cc-b666-1743c64e60c8.tmp</t>
  </si>
  <si>
    <t>\\acsfs\profiles$\ERICALSR\Downloads\7ebffd61-2008-49cc-b666-1743c64e60c8.tmp</t>
  </si>
  <si>
    <t>01/23/2020 14:06:35</t>
  </si>
  <si>
    <t>01/23/2020 14:10:51</t>
  </si>
  <si>
    <t>7bb8ba78-f64a-47ff-867b-9dfcca3a0222.tmp</t>
  </si>
  <si>
    <t>\\acsfs\profiles$\KARENJSS\Downloads\7bb8ba78-f64a-47ff-867b-9dfcca3a0222.tmp</t>
  </si>
  <si>
    <t>01/23/2020 14:06:58</t>
  </si>
  <si>
    <t>744816a9-f862-41f0-abb5-42cf00beab02.tmp</t>
  </si>
  <si>
    <t>\\acsfs\profiles$\KARENJSS\Downloads\744816a9-f862-41f0-abb5-42cf00beab02.tmp</t>
  </si>
  <si>
    <t>01/23/2020 14:12:51</t>
  </si>
  <si>
    <t>01/23/2020 14:08:21</t>
  </si>
  <si>
    <t>01/23/2020 14:08:51</t>
  </si>
  <si>
    <t>01/23/2020 14:11:23</t>
  </si>
  <si>
    <t>01/23/2020 14:13:51</t>
  </si>
  <si>
    <t>01/23/2020 14:09:14</t>
  </si>
  <si>
    <t>094bd7cd-816b-45a9-b3f3-4835089d5865.tmp</t>
  </si>
  <si>
    <t>\\acsfs\profiles$\alinepp\Downloads\094bd7cd-816b-45a9-b3f3-4835089d5865.tmp</t>
  </si>
  <si>
    <t>01/23/2020 14:10:43</t>
  </si>
  <si>
    <t>01/23/2020 14:14:52</t>
  </si>
  <si>
    <t>01/23/2020 14:11:25</t>
  </si>
  <si>
    <t>01/23/2020 14:12:29</t>
  </si>
  <si>
    <t>d5c35107-0d3e-4fc3-8bdb-823d9e38d6bd.tmp</t>
  </si>
  <si>
    <t>\\acsfs\profiles$\edicarlosdl\Downloads\d5c35107-0d3e-4fc3-8bdb-823d9e38d6bd.tmp</t>
  </si>
  <si>
    <t>01/23/2020 14:14:44</t>
  </si>
  <si>
    <t>01/23/2020 14:15:51</t>
  </si>
  <si>
    <t>01/23/2020 14:14:47</t>
  </si>
  <si>
    <t>0b962d23-7871-4b5f-b9a1-5bb77467ec0c.tmp</t>
  </si>
  <si>
    <t>\\acsfs\profiles$\KARENJSS\Downloads\0b962d23-7871-4b5f-b9a1-5bb77467ec0c.tmp</t>
  </si>
  <si>
    <t>01/23/2020 14:13:33</t>
  </si>
  <si>
    <t>01/23/2020 14:16:51</t>
  </si>
  <si>
    <t>5ccde419-fa7e-41a8-96d6-99f79c017aaf.tmp</t>
  </si>
  <si>
    <t>\\acsfs\profiles$\gabrielamdp\Downloads\5ccde419-fa7e-41a8-96d6-99f79c017aaf.tmp</t>
  </si>
  <si>
    <t>01/23/2020 14:13:35</t>
  </si>
  <si>
    <t>26d9fdbd-f77d-4830-a334-ef6f92d319cd.tmp</t>
  </si>
  <si>
    <t>\\acsfs\profiles$\gabrielamdp\Downloads\26d9fdbd-f77d-4830-a334-ef6f92d319cd.tmp</t>
  </si>
  <si>
    <t>01/23/2020 14:13:37</t>
  </si>
  <si>
    <t>ba4749bc-8fd5-4757-a55a-8e162f4a79ef.tmp</t>
  </si>
  <si>
    <t>\\acsfs\profiles$\gabrielamdp\Downloads\ba4749bc-8fd5-4757-a55a-8e162f4a79ef.tmp</t>
  </si>
  <si>
    <t>1e2b3494-9ce0-45c9-8428-07ba660c3b68.tmp</t>
  </si>
  <si>
    <t>\\acsfs\profiles$\gabrielamdp\Downloads\1e2b3494-9ce0-45c9-8428-07ba660c3b68.tmp</t>
  </si>
  <si>
    <t>01/23/2020 14:13:39</t>
  </si>
  <si>
    <t>68c4f1d8-f289-4ead-a4c7-362dcf237373.tmp</t>
  </si>
  <si>
    <t>\\acsfs\profiles$\gabrielamdp\Downloads\68c4f1d8-f289-4ead-a4c7-362dcf237373.tmp</t>
  </si>
  <si>
    <t>01/23/2020 14:17:51</t>
  </si>
  <si>
    <t>01/23/2020 14:13:52</t>
  </si>
  <si>
    <t>lu152205k7cvx.tmp</t>
  </si>
  <si>
    <t>\\acsfs\profiles$\jalilebds\Downloads\lu152205k7cvx.tmp</t>
  </si>
  <si>
    <t>01/23/2020 14:13:54</t>
  </si>
  <si>
    <t>01/23/2020 14:16:25</t>
  </si>
  <si>
    <t>01/23/2020 14:16:55</t>
  </si>
  <si>
    <t>01/23/2020 14:12:41</t>
  </si>
  <si>
    <t>01/23/2020 14:12:42</t>
  </si>
  <si>
    <t>lu20188h4hjo.tmp</t>
  </si>
  <si>
    <t>\\acsfs\profiles$\ALEXANDREMM\lu20188h4hjo.tmp</t>
  </si>
  <si>
    <t>\\acsfs\profiles$\ALEXANDREMM\lu20188h4hjo.tmp\</t>
  </si>
  <si>
    <t>\\acsfs\profiles$\ALEXANDREMM\lu20188h4hjo.tmp\META-INF\</t>
  </si>
  <si>
    <t>\\acsfs\profiles$\ALEXANDREMM\lu20188h4hjo.tmp\Thumbnails\</t>
  </si>
  <si>
    <t>01/23/2020 14:18:52</t>
  </si>
  <si>
    <t>01/23/2020 14:17:00</t>
  </si>
  <si>
    <t>ADEVILSON GABRIEL LINDEMBERG EVANGELISTA_1_6780299282108983736_1_32.wav</t>
  </si>
  <si>
    <t>\\acsfs\Deptos\EDUCACAO EMPRESARIAL\KÉSIA\Ligações 3º ciclo - Janeiro 2020\ADEVILSON GABRIEL LINDEMBERG EVANGELISTA_1_6780299282108983736_1_32.wav</t>
  </si>
  <si>
    <t>01/23/2020 14:16:54</t>
  </si>
  <si>
    <t>cea3cce1-92dd-4637-aec8-16677ae71f29.tmp</t>
  </si>
  <si>
    <t>\\acsfs\profiles$\henriquehmdo\Downloads\cea3cce1-92dd-4637-aec8-16677ae71f29.tmp</t>
  </si>
  <si>
    <t>01/23/2020 14:17:18</t>
  </si>
  <si>
    <t>01/23/2020 14:15:02</t>
  </si>
  <si>
    <t>01/23/2020 14:19:51</t>
  </si>
  <si>
    <t>01/23/2020 14:15:11</t>
  </si>
  <si>
    <t>01/23/2020 14:15:21</t>
  </si>
  <si>
    <t>01/23/2020 14:15:27</t>
  </si>
  <si>
    <t>planilha Excel.xlsx</t>
  </si>
  <si>
    <t>01/23/2020 14:15:43</t>
  </si>
  <si>
    <t>01/23/2020 14:15:53</t>
  </si>
  <si>
    <t>01/23/2020 14:15:54</t>
  </si>
  <si>
    <t>01/23/2020 14:16:05</t>
  </si>
  <si>
    <t>01/23/2020 14:17:25</t>
  </si>
  <si>
    <t>01/23/2020 14:17:26</t>
  </si>
  <si>
    <t>lu1544814djlc.tmp</t>
  </si>
  <si>
    <t>\\acsfs\profiles$\luanarda\lu1544814djlc.tmp</t>
  </si>
  <si>
    <t>\\acsfs\profiles$\luanarda\lu1544814djlc.tmp\</t>
  </si>
  <si>
    <t>\\acsfs\profiles$\luanarda\lu1544814djlc.tmp\META-INF\</t>
  </si>
  <si>
    <t>\\acsfs\profiles$\luanarda\lu1544814djlc.tmp\Thumbnails\</t>
  </si>
  <si>
    <t>01/23/2020 14:16:18</t>
  </si>
  <si>
    <t>f5a8cc88-c37d-4677-b7e6-b9322eada363.tmp</t>
  </si>
  <si>
    <t>\\acsfs\profiles$\edicarlosdl\Downloads\f5a8cc88-c37d-4677-b7e6-b9322eada363.tmp</t>
  </si>
  <si>
    <t>01/23/2020 14:15:57</t>
  </si>
  <si>
    <t>mail.google.com/sync/u/0/i/s?hl=pt-BR&amp;c=1954</t>
  </si>
  <si>
    <t>01/23/2020 14:20:52</t>
  </si>
  <si>
    <t>01/23/2020 14:18:12</t>
  </si>
  <si>
    <t>MATHEUS HENRIQUE DOS SANTOS (29289).contact</t>
  </si>
  <si>
    <t>\\acsfs\profiles$\matheushds\Contacts\MATHEUS HENRIQUE DOS SANTOS (29289).contact</t>
  </si>
  <si>
    <t>01/23/2020 14:18:13</t>
  </si>
  <si>
    <t>01/23/2020 14:18:26</t>
  </si>
  <si>
    <t>01/23/2020 14:18:27</t>
  </si>
  <si>
    <t>01/23/2020 14:18:28</t>
  </si>
  <si>
    <t>01/23/2020 14:18:29</t>
  </si>
  <si>
    <t>01/23/2020 14:18:30</t>
  </si>
  <si>
    <t>01/23/2020 14:18:31</t>
  </si>
  <si>
    <t>01/23/2020 14:18:32</t>
  </si>
  <si>
    <t>01/23/2020 14:18:33</t>
  </si>
  <si>
    <t>01/23/2020 14:18:53</t>
  </si>
  <si>
    <t>01/23/2020 14:18:54</t>
  </si>
  <si>
    <t>01/23/2020 14:18:55</t>
  </si>
  <si>
    <t>01/23/2020 14:18:57</t>
  </si>
  <si>
    <t>01/23/2020 14:16:12</t>
  </si>
  <si>
    <t>01/23/2020 14:21:51</t>
  </si>
  <si>
    <t>b9f2d2cd-a95a-4819-bb1f-2e7ab66fdd79.tmp</t>
  </si>
  <si>
    <t>\\acsfs\profiles$\gabrielamdp\Downloads\b9f2d2cd-a95a-4819-bb1f-2e7ab66fdd79.tmp</t>
  </si>
  <si>
    <t>01/23/2020 14:17:58</t>
  </si>
  <si>
    <t>01/23/2020 14:21:55</t>
  </si>
  <si>
    <t>01/23/2020 14:22:51</t>
  </si>
  <si>
    <t>01/23/2020 14:21:56</t>
  </si>
  <si>
    <t>lu152205k7cw1.tmp</t>
  </si>
  <si>
    <t>\\acsfs\profiles$\jalilebds\Downloads\lu152205k7cw1.tmp</t>
  </si>
  <si>
    <t>01/23/2020 14:17:56</t>
  </si>
  <si>
    <t>01/23/2020 14:18:56</t>
  </si>
  <si>
    <t>01/23/2020 14:23:51</t>
  </si>
  <si>
    <t>01/23/2020 14:20:22</t>
  </si>
  <si>
    <t>fda04f37-ad8f-4216-ba9f-12bad594e235.tmp</t>
  </si>
  <si>
    <t>\\acsfs\profiles$\matheushds\Downloads\fda04f37-ad8f-4216-ba9f-12bad594e235.tmp</t>
  </si>
  <si>
    <t>01/23/2020 14:22:43</t>
  </si>
  <si>
    <t>54920d32-ebef-4b4d-9409-5f91a8ff0951.tmp</t>
  </si>
  <si>
    <t>\\acsfs\profiles$\matheushds\Downloads\54920d32-ebef-4b4d-9409-5f91a8ff0951.tmp</t>
  </si>
  <si>
    <t>01/23/2020 14:22:00</t>
  </si>
  <si>
    <t>01/23/2020 14:24:51</t>
  </si>
  <si>
    <t>01/23/2020 14:19:04</t>
  </si>
  <si>
    <t>01/23/2020 14:20:50</t>
  </si>
  <si>
    <t>01/23/2020 14:23:41</t>
  </si>
  <si>
    <t>Karen Jane Santos Silva (25).contact</t>
  </si>
  <si>
    <t>\\acsfs\profiles$\KARENJSS\Contacts\Karen Jane Santos Silva (25).contact</t>
  </si>
  <si>
    <t>01/23/2020 14:23:56</t>
  </si>
  <si>
    <t>01/23/2020 14:23:57</t>
  </si>
  <si>
    <t>01/23/2020 14:23:58</t>
  </si>
  <si>
    <t>01/23/2020 14:23:59</t>
  </si>
  <si>
    <t>01/23/2020 14:24:00</t>
  </si>
  <si>
    <t>01/23/2020 14:24:01</t>
  </si>
  <si>
    <t>01/23/2020 14:24:02</t>
  </si>
  <si>
    <t>01/23/2020 14:24:03</t>
  </si>
  <si>
    <t>01/23/2020 14:24:04</t>
  </si>
  <si>
    <t>01/23/2020 14:24:20</t>
  </si>
  <si>
    <t>01/23/2020 14:24:21</t>
  </si>
  <si>
    <t>3c2f0748-dc2b-4fa0-a3d3-3011d88f240f.tmp</t>
  </si>
  <si>
    <t>\\acsfs\profiles$\philipegsf\Downloads\3c2f0748-dc2b-4fa0-a3d3-3011d88f240f.tmp</t>
  </si>
  <si>
    <t>01/23/2020 14:22:12</t>
  </si>
  <si>
    <t>7b2521c4-5a68-44c0-9b6a-11e1ee7fbf3d.tmp</t>
  </si>
  <si>
    <t>\\acsfs\profiles$\philipegsf\Downloads\7b2521c4-5a68-44c0-9b6a-11e1ee7fbf3d.tmp</t>
  </si>
  <si>
    <t>01/23/2020 14:21:46</t>
  </si>
  <si>
    <t>Agent State Details 22.01.2020.xlsx</t>
  </si>
  <si>
    <t>\\acsfs\deptos\Operacao\PCP\5 - Comum\PLANEJAMENTO BV\23 - EXTRAÇÕES\Agent State Details\2020\JANEIRO\Agent State Details 22.01.2020.xlsx</t>
  </si>
  <si>
    <t>01/23/2020 14:25:51</t>
  </si>
  <si>
    <t>01/23/2020 14:22:30</t>
  </si>
  <si>
    <t>01/23/2020 14:26:03</t>
  </si>
  <si>
    <t>01/23/2020 14:27:52</t>
  </si>
  <si>
    <t>01/23/2020 14:22:28</t>
  </si>
  <si>
    <t>01/23/2020 14:22:58</t>
  </si>
  <si>
    <t>01/23/2020 14:21:23</t>
  </si>
  <si>
    <t>01/23/2020 14:25:03</t>
  </si>
  <si>
    <t>01/23/2020 14:21:34</t>
  </si>
  <si>
    <t>XLOG_tatianefr_17012020_075451.log</t>
  </si>
  <si>
    <t>\\acsfs\profiles$\tatianefr\My Documents\xworkcenter\logs\XLOG_tatianefr_17012020_075451.log</t>
  </si>
  <si>
    <t>01/23/2020 14:25:25</t>
  </si>
  <si>
    <t>fafb9e46-15e6-4428-ba09-26cf461b391d.tmp</t>
  </si>
  <si>
    <t>\\acsfs\profiles$\erichds\Downloads\fafb9e46-15e6-4428-ba09-26cf461b391d.tmp</t>
  </si>
  <si>
    <t>01/23/2020 14:24:24</t>
  </si>
  <si>
    <t>01/23/2020 14:28:51</t>
  </si>
  <si>
    <t>10efc9f4-c295-481b-a177-4363a5e4f1f5.tmp</t>
  </si>
  <si>
    <t>\\acsfs\profiles$\matheushds\Downloads\10efc9f4-c295-481b-a177-4363a5e4f1f5.tmp</t>
  </si>
  <si>
    <t>01/23/2020 14:25:24</t>
  </si>
  <si>
    <t>7b945a7e-0c07-43ab-a503-b7aedb19e36c.tmp</t>
  </si>
  <si>
    <t>\\acsfs\profiles$\matheushds\Downloads\7b945a7e-0c07-43ab-a503-b7aedb19e36c.tmp</t>
  </si>
  <si>
    <t>01/23/2020 14:28:05</t>
  </si>
  <si>
    <t>01/23/2020 14:25:59</t>
  </si>
  <si>
    <t>01/23/2020 14:29:52</t>
  </si>
  <si>
    <t>eca1f9ec-df12-4a68-a3fd-2ec114211828.tmp</t>
  </si>
  <si>
    <t>\\acsfs\profiles$\KARENJSS\Downloads\eca1f9ec-df12-4a68-a3fd-2ec114211828.tmp</t>
  </si>
  <si>
    <t>01/23/2020 14:27:15</t>
  </si>
  <si>
    <t>c5841686-7004-4bc7-a82a-8b3f44423e44.tmp</t>
  </si>
  <si>
    <t>\\acsfs\profiles$\KARENJSS\Downloads\c5841686-7004-4bc7-a82a-8b3f44423e44.tmp</t>
  </si>
  <si>
    <t>01/23/2020 14:28:26</t>
  </si>
  <si>
    <t>b5da2624-075d-46a9-ba40-26cdd2c75e5c.tmp</t>
  </si>
  <si>
    <t>\\acsfs\profiles$\KARENJSS\Downloads\b5da2624-075d-46a9-ba40-26cdd2c75e5c.tmp</t>
  </si>
  <si>
    <t>01/23/2020 14:27:31</t>
  </si>
  <si>
    <t>AGENT LOGIN LOGOUT DETAILS REPORT 22.01.2020.xlsx</t>
  </si>
  <si>
    <t>\\acsfs\deptos\Operacao\PCP\5 - Comum\PLANEJAMENTO BV\23 - EXTRAÇÕES\Agente Login Logout details report\2020\JANEIRO\AGENT LOGIN LOGOUT DETAILS REPORT 22.01.2020.xlsx</t>
  </si>
  <si>
    <t>01/23/2020 14:30:51</t>
  </si>
  <si>
    <t>01/23/2020 14:31:52</t>
  </si>
  <si>
    <t>01/23/2020 14:31:17</t>
  </si>
  <si>
    <t>b660aca3-072b-47ee-8982-5ce75a3a9121.tmp</t>
  </si>
  <si>
    <t>\\acsfs\profiles$\rafaelacdoc\Downloads\b660aca3-072b-47ee-8982-5ce75a3a9121.tmp</t>
  </si>
  <si>
    <t>01/23/2020 14:33:52</t>
  </si>
  <si>
    <t>e497f019-b234-481f-b341-2df4aab9ef25.tmp</t>
  </si>
  <si>
    <t>\\acsfs\profiles$\adelvinsonle\Downloads\e497f019-b234-481f-b341-2df4aab9ef25.tmp</t>
  </si>
  <si>
    <t>01/23/2020 14:30:31</t>
  </si>
  <si>
    <t>01/23/2020 14:30:36</t>
  </si>
  <si>
    <t>01/23/2020 14:30:56</t>
  </si>
  <si>
    <t>01/23/2020 14:31:49</t>
  </si>
  <si>
    <t>mail.google.com/sync/u/0/i/s?hl=pt-BR&amp;c=2112</t>
  </si>
  <si>
    <t>01/23/2020 14:32:07</t>
  </si>
  <si>
    <t>mail.google.com/sync/u/0/i/s?hl=pt-BR&amp;c=2114</t>
  </si>
  <si>
    <t>01/23/2020 14:32:37</t>
  </si>
  <si>
    <t>mail.google.com/sync/u/0/i/s?hl=pt-BR&amp;c=2117</t>
  </si>
  <si>
    <t>01/23/2020 14:32:57</t>
  </si>
  <si>
    <t>mail.google.com/_/upload?authuser=0&amp;dcp=asu-n&amp;upload_id=AEnB2UoIX-XZjXtiEmDcouS_CCejNhT7xTGxnlb6RFOwEpkSp6KybfS6ff29d-CAgkkjdTTn889MxQefiaREhiXJicOebaR-GiUbgFJFfQZcZg8W8O3kQAw&amp;upload_protocol=resumable</t>
  </si>
  <si>
    <t>03/02/2020;andrelps@algartech.com;cassiaafa@algartech.com;fabriciodfl@algartech.com;humbertopj@algartech.com;sandyyd@algartech.com;sauloadsj@algartech.com;talmaiardo@algartech.com;tayss@algartech.com;thiagord@algartech.com;</t>
  </si>
  <si>
    <t>03/02/2020,andrelps@algartech.com,cassiaafa@algartech.com,fabriciodfl@algartech.com,humbertopj@algartech.com,sandyyd@algartech.com,sauloadsj@algartech.com,talmaiardo@algartech.com,tayss@algartech.com,thiagord@algartech.com</t>
  </si>
  <si>
    <t>01/23/2020 14:33:04</t>
  </si>
  <si>
    <t>01/23/2020 14:30:49</t>
  </si>
  <si>
    <t>01/23/2020 14:34:51</t>
  </si>
  <si>
    <t>http:///batch/drive/v2internal?%24ct=multipart%2Fmixed%3B%20boundary%3D%22%3D%3D%3D%3D%3Dyuywbrptaxxp%3D%3D%3D%3D%3D%22&amp;key=AIzaSyAy9VVXHSpS2IJpptzYtGbLP3-3_l0aBk4</t>
  </si>
  <si>
    <t>01/23/2020 14:30:50</t>
  </si>
  <si>
    <t>http:///batch/drive/v2internal?%24ct=multipart%2Fmixed%3B%20boundary%3D%22%3D%3D%3D%3D%3Dmnxmwbnqbjys%3D%3D%3D%3D%3D%22&amp;key=AIzaSyAy9VVXHSpS2IJpptzYtGbLP3-3_l0aBk4</t>
  </si>
  <si>
    <t>http:///batch/drive/v2internal?%24ct=multipart%2Fmixed%3B%20boundary%3D%22%3D%3D%3D%3D%3De2iqbv243h9%3D%3D%3D%3D%3D%22&amp;key=AIzaSyAy9VVXHSpS2IJpptzYtGbLP3-3_l0aBk4</t>
  </si>
  <si>
    <t>ancestorhasaugmentedpermissions;containsunsubscribedchildren;displayname;domain;emailaddress;filesize;hasthumbnail;hasvisitorpermissions;id);id)�;items(kind;ken;lastmodifyinguser(kind;lastviewedbymedate;modifiedbymedate;modifieddate;ontainsunsubscribedchildren;owners(kind;permis;permission;permissionid;picture;picture�;rpermissions;thumbnailversion;workspaceids;</t>
  </si>
  <si>
    <t>http://ancestorhasaugmentedpermissions,containsunsubscribedchildren,displayname,domain,emailaddress,filesize,hasthumbnail,hasvisitorpermissions,id),id)�,items(kind,ken,lastmodifyinguser(kind,lastviewedbymedate,modifiedbymedate,modifieddate,ontainsunsubscribedchildren,owners(kind,permis,permission,permissionid,picture,picture�,rpermissions,thumbnailversion,workspaceids</t>
  </si>
  <si>
    <t>01/23/2020 14:30:57</t>
  </si>
  <si>
    <t>http:///batch/drive/v2internal?%24ct=multipart%2Fmixed%3B%20boundary%3D%22%3D%3D%3D%3D%3D9yzxkl2xox6m%3D%3D%3D%3D%3D%22&amp;key=AIzaSyAy9VVXHSpS2IJpptzYtGbLP3-3_l0aBk4</t>
  </si>
  <si>
    <t>ancestorhasaugmentedpermissions;containsunsubscribedchildren;displayname;domain;emailaddress;file(kind;fileid;filesize;hasthumbnail;hasvisitorpermissions;id;id);id)�;items(deleted;items(kind;ken;kind;lastmodifyinguser(kind;lastviewedbymedate;modifiedbymedate;modifieddate;ontainsunsubscribedchildren;owners(kind;per;permis;permission;permissionid;picture;picture�;rpermissions;shared;sharedwithmedate;thumbnailversion;title;userpermission(role);workspaceids;</t>
  </si>
  <si>
    <t>http://ancestorhasaugmentedpermissions,containsunsubscribedchildren,displayname,domain,emailaddress,file(kind,fileid,filesize,hasthumbnail,hasvisitorpermissions,id,id),id)�,items(deleted,items(kind,ken,kind,lastmodifyinguser(kind,lastviewedbymedate,modifiedbymedate,modifieddate,ontainsunsubscribedchildren,owners(kind,per,permis,permission,permissionid,picture,picture�,rpermissions,shared,sharedwithmedate,thumbnailversion,title,userpermission(role),workspaceids</t>
  </si>
  <si>
    <t>01/23/2020 14:30:58</t>
  </si>
  <si>
    <t>01/23/2020 14:31:04</t>
  </si>
  <si>
    <t>http:///batch/drive/v2internal?%24ct=multipart%2Fmixed%3B%20boundary%3D%22%3D%3D%3D%3D%3Drsykcy19jtqa%3D%3D%3D%3D%3D%22&amp;key=AIzaSyAy9VVXHSpS2IJpptzYtGbLP3-3_l0aBk4</t>
  </si>
  <si>
    <t>http:///batch/drive/v2internal?%24ct=multipart%2Fmixed%3B%20boundary%3D%22%3D%3D%3D%3D%3Dkncxzgo7y8no%3D%3D%3D%3D%3D%22&amp;key=AIzaSyAy9VVXHSpS2IJpptzYtGbLP3-3_l0aBk4</t>
  </si>
  <si>
    <t>01/23/2020 14:31:05</t>
  </si>
  <si>
    <t>http:///batch/drive/v2internal?%24ct=multipart%2Fmixed%3B%20boundary%3D%22%3D%3D%3D%3D%3D7fg7yuxy9x7%3D%3D%3D%3D%3D%22&amp;key=AIzaSyAy9VVXHSpS2IJpptzYtGbLP3-3_l0aBk4</t>
  </si>
  <si>
    <t>ancestorhasaugmentedperm;ancestorhasaugmentedpermissions;containsunsubscribedchildren;displayname;domain;emailaddress;explicitly;file(kind;fileid;filesize;hasthumbnail;hasvisitorpermissions;id;id);id)�;items(deleted;items(kind;ken;kind;lastmodifyinguser(kind;lastviewedbymedate;modifiedbymedate;modifieddate;ontainsunsubscribedchildren;owners(kind;per;permis;permission;permissionid;picture;picture�;rpermissions;shared;sharedwithmedate;thumbnailversion;title;userpermission(role);workspaceids;</t>
  </si>
  <si>
    <t>http://ancestorhasaugmentedperm,ancestorhasaugmentedpermissions,containsunsubscribedchildren,displayname,domain,emailaddress,explicitly,file(kind,fileid,filesize,hasthumbnail,hasvisitorpermissions,id,id),id)�,items(deleted,items(kind,ken,kind,lastmodifyinguser(kind,lastviewedbymedate,modifiedbymedate,modifieddate,ontainsunsubscribedchildren,owners(kind,per,permis,permission,permissionid,picture,picture�,rpermissions,shared,sharedwithmedate,thumbnailversion,title,userpermission(role),workspaceids</t>
  </si>
  <si>
    <t>01/23/2020 14:32:42</t>
  </si>
  <si>
    <t>http:///batch/drive/v2internal?%24ct=multipart%2Fmixed%3B%20boundary%3D%22%3D%3D%3D%3D%3Dj60yask4rbuv%3D%3D%3D%3D%3D%22&amp;key=AIzaSyAy9VVXHSpS2IJpptzYtGbLP3-3_l0aBk4</t>
  </si>
  <si>
    <t>01/23/2020 14:32:43</t>
  </si>
  <si>
    <t>http:///batch/drive/v2internal?%24ct=multipart%2Fmixed%3B%20boundary%3D%22%3D%3D%3D%3D%3Ddzb7l2yyar5e%3D%3D%3D%3D%3D%22&amp;key=AIzaSyAy9VVXHSpS2IJpptzYtGbLP3-3_l0aBk4</t>
  </si>
  <si>
    <t>01/23/2020 14:32:44</t>
  </si>
  <si>
    <t>http:///batch/drive/v2internal?%24ct=multipart%2Fmixed%3B%20boundary%3D%22%3D%3D%3D%3D%3Dr7inhktnml50%3D%3D%3D%3D%3D%22&amp;key=AIzaSyAy9VVXHSpS2IJpptzYtGbLP3-3_l0aBk4</t>
  </si>
  <si>
    <t>01/23/2020 14:32:29</t>
  </si>
  <si>
    <t>01/23/2020 14:32:34</t>
  </si>
  <si>
    <t>01/23/2020 14:33:03</t>
  </si>
  <si>
    <t>01/23/2020 14:33:12</t>
  </si>
  <si>
    <t>01/23/2020 14:33:15</t>
  </si>
  <si>
    <t>01/23/2020 14:32:11</t>
  </si>
  <si>
    <t>Agent utilization 01.01.2020 a 21.01.2020.xlsx</t>
  </si>
  <si>
    <t>\\acsfs\deptos\Operacao\PCP\5 - Comum\PLANEJAMENTO BV\23 - EXTRAÇÕES\Agent utilization\2020\Agent utilization 01.01.2020 a 21.01.2020.xlsx</t>
  </si>
  <si>
    <t>01/23/2020 14:30:22</t>
  </si>
  <si>
    <t>01/23/2020 14:35:51</t>
  </si>
  <si>
    <t>01/23/2020 14:33:49</t>
  </si>
  <si>
    <t>01/23/2020 14:34:01</t>
  </si>
  <si>
    <t>67522d6a-2336-48fa-b9e4-8b59696d54ea.tmp</t>
  </si>
  <si>
    <t>\\acsfs\profiles$\cintiadjl\Downloads\67522d6a-2336-48fa-b9e4-8b59696d54ea.tmp</t>
  </si>
  <si>
    <t>01/23/2020 14:33:56</t>
  </si>
  <si>
    <t>01/23/2020 14:34:00</t>
  </si>
  <si>
    <t>01/23/2020 14:36:52</t>
  </si>
  <si>
    <t>01/23/2020 14:31:30</t>
  </si>
  <si>
    <t>2608711c-daea-4306-8ff1-31b8d83b0ac8.tmp</t>
  </si>
  <si>
    <t>\\acsfs\profiles$\rafaelacdoc\Downloads\2608711c-daea-4306-8ff1-31b8d83b0ac8.tmp</t>
  </si>
  <si>
    <t>01/23/2020 14:37:51</t>
  </si>
  <si>
    <t>01/23/2020 14:33:27</t>
  </si>
  <si>
    <t>01/23/2020 14:33:28</t>
  </si>
  <si>
    <t>01/23/2020 14:33:29</t>
  </si>
  <si>
    <t>01/23/2020 14:33:30</t>
  </si>
  <si>
    <t>01/23/2020 14:33:31</t>
  </si>
  <si>
    <t>01/23/2020 14:33:32</t>
  </si>
  <si>
    <t>01/23/2020 14:33:33</t>
  </si>
  <si>
    <t>01/23/2020 14:33:34</t>
  </si>
  <si>
    <t>01/23/2020 14:33:35</t>
  </si>
  <si>
    <t>01/23/2020 14:33:36</t>
  </si>
  <si>
    <t>01/23/2020 14:33:37</t>
  </si>
  <si>
    <t>01/23/2020 14:33:38</t>
  </si>
  <si>
    <t>01/23/2020 14:33:39</t>
  </si>
  <si>
    <t>01/23/2020 14:33:42</t>
  </si>
  <si>
    <t>01/23/2020 14:33:43</t>
  </si>
  <si>
    <t>01/23/2020 14:33:44</t>
  </si>
  <si>
    <t>01/23/2020 14:33:45</t>
  </si>
  <si>
    <t>01/23/2020 14:33:46</t>
  </si>
  <si>
    <t>01/23/2020 14:33:47</t>
  </si>
  <si>
    <t>01/23/2020 14:33:48</t>
  </si>
  <si>
    <t>01/23/2020 14:33:50</t>
  </si>
  <si>
    <t>01/23/2020 14:33:51</t>
  </si>
  <si>
    <t>01/23/2020 14:33:53</t>
  </si>
  <si>
    <t>01/23/2020 14:33:54</t>
  </si>
  <si>
    <t>01/23/2020 14:33:55</t>
  </si>
  <si>
    <t>01/23/2020 14:33:57</t>
  </si>
  <si>
    <t>01/23/2020 14:33:58</t>
  </si>
  <si>
    <t>01/23/2020 14:33:59</t>
  </si>
  <si>
    <t>01/23/2020 14:34:02</t>
  </si>
  <si>
    <t>01/23/2020 14:34:03</t>
  </si>
  <si>
    <t>01/23/2020 14:34:04</t>
  </si>
  <si>
    <t>01/23/2020 14:34:05</t>
  </si>
  <si>
    <t>01/23/2020 14:35:04</t>
  </si>
  <si>
    <t>01/23/2020 14:38:52</t>
  </si>
  <si>
    <t>mail.google.com/sync/u/0/i/s?hl=pt-BR&amp;c=2125</t>
  </si>
  <si>
    <t>01/23/2020 14:36:36</t>
  </si>
  <si>
    <t>01/23/2020 14:36:38</t>
  </si>
  <si>
    <t>mail.google.com/sync/u/0/i/s?hl=pt-BR&amp;c=2130</t>
  </si>
  <si>
    <t>01/23/2020 14:35:24</t>
  </si>
  <si>
    <t>01/23/2020 14:39:51</t>
  </si>
  <si>
    <t>1616f803-9e53-4b5a-a35a-a5fe9be0befe.tmp</t>
  </si>
  <si>
    <t>\\acsfs\profiles$\geovannasm\Downloads\1616f803-9e53-4b5a-a35a-a5fe9be0befe.tmp</t>
  </si>
  <si>
    <t>01/23/2020 14:37:30</t>
  </si>
  <si>
    <t>01/23/2020 14:37:58</t>
  </si>
  <si>
    <t>01/23/2020 14:38:17</t>
  </si>
  <si>
    <t>01/23/2020 14:38:33</t>
  </si>
  <si>
    <t>01/23/2020 14:38:36</t>
  </si>
  <si>
    <t>01/23/2020 14:39:16</t>
  </si>
  <si>
    <t>01/23/2020 14:37:02</t>
  </si>
  <si>
    <t>9c2be7b2-fe55-4508-b24b-628b19c550ba.tmp</t>
  </si>
  <si>
    <t>\\acsfs\profiles$\luanaldsi\Downloads\9c2be7b2-fe55-4508-b24b-628b19c550ba.tmp</t>
  </si>
  <si>
    <t>01/23/2020 14:38:56</t>
  </si>
  <si>
    <t>imagemReport.png</t>
  </si>
  <si>
    <t>\\acsfs\ACS\Gabriel da Silva\Contemporânea\NPS\imagemReport.png</t>
  </si>
  <si>
    <t>01/23/2020 14:39:32</t>
  </si>
  <si>
    <t>01/23/2020 14:35:22</t>
  </si>
  <si>
    <t>Queue Summary Report 01.01.20 a 21.01.2020.xlsx</t>
  </si>
  <si>
    <t>\\acsfs\deptos\Operacao\PCP\5 - Comum\PLANEJAMENTO BV\23 - EXTRAÇÕES\Queue Summary Report\2020\Queue Summary Report 01.01.20 a 21.01.2020.xlsx</t>
  </si>
  <si>
    <t>01/23/2020 14:40:52</t>
  </si>
  <si>
    <t>01/23/2020 14:41:53</t>
  </si>
  <si>
    <t>01/23/2020 14:42:51</t>
  </si>
  <si>
    <t>lu152205k7cwa.tmp</t>
  </si>
  <si>
    <t>\\acsfs\profiles$\jalilebds\Downloads\lu152205k7cwa.tmp</t>
  </si>
  <si>
    <t>1ee13c53-79a7-469b-9912-d2addab2bace.tmp</t>
  </si>
  <si>
    <t>\\acsfs\profiles$\erichds\Downloads\1ee13c53-79a7-469b-9912-d2addab2bace.tmp</t>
  </si>
  <si>
    <t>01/23/2020 14:43:51</t>
  </si>
  <si>
    <t>01/23/2020 14:42:29</t>
  </si>
  <si>
    <t>01/23/2020 14:40:58</t>
  </si>
  <si>
    <t>01/23/2020 14:40:32</t>
  </si>
  <si>
    <t>01/23/2020 14:44:52</t>
  </si>
  <si>
    <t>01/23/2020 14:40:55</t>
  </si>
  <si>
    <t>01/23/2020 14:41:00</t>
  </si>
  <si>
    <t>01/23/2020 14:41:07</t>
  </si>
  <si>
    <t>01/23/2020 14:42:07</t>
  </si>
  <si>
    <t>01/23/2020 14:42:12</t>
  </si>
  <si>
    <t>01/23/2020 14:43:50</t>
  </si>
  <si>
    <t>01/23/2020 14:41:46</t>
  </si>
  <si>
    <t>01/23/2020 14:44:03</t>
  </si>
  <si>
    <t>b34ba420-b362-49e8-8630-90c53404a085.tmp</t>
  </si>
  <si>
    <t>\\acsfs\profiles$\brunalas\Downloads\b34ba420-b362-49e8-8630-90c53404a085.tmp</t>
  </si>
  <si>
    <t>01/23/2020 14:40:08</t>
  </si>
  <si>
    <t>01/23/2020 14:40:42</t>
  </si>
  <si>
    <t>01/23/2020 14:41:10</t>
  </si>
  <si>
    <t>01/23/2020 14:41:41</t>
  </si>
  <si>
    <t>01/23/2020 14:42:32</t>
  </si>
  <si>
    <t>01/23/2020 14:43:10</t>
  </si>
  <si>
    <t>01/23/2020 14:43:33</t>
  </si>
  <si>
    <t>01/23/2020 14:42:10</t>
  </si>
  <si>
    <t>01/23/2020 14:45:51</t>
  </si>
  <si>
    <t>01/23/2020 14:40:40</t>
  </si>
  <si>
    <t>01/23/2020 14:40:41</t>
  </si>
  <si>
    <t>01/23/2020 14:40:43</t>
  </si>
  <si>
    <t>01/23/2020 14:40:44</t>
  </si>
  <si>
    <t>01/23/2020 14:40:45</t>
  </si>
  <si>
    <t>01/23/2020 14:40:46</t>
  </si>
  <si>
    <t>01/23/2020 14:40:47</t>
  </si>
  <si>
    <t>01/23/2020 14:40:48</t>
  </si>
  <si>
    <t>01/23/2020 14:40:49</t>
  </si>
  <si>
    <t>01/23/2020 14:40:50</t>
  </si>
  <si>
    <t>01/23/2020 14:40:51</t>
  </si>
  <si>
    <t>01/23/2020 14:40:53</t>
  </si>
  <si>
    <t>01/23/2020 14:40:54</t>
  </si>
  <si>
    <t>01/23/2020 14:40:56</t>
  </si>
  <si>
    <t>01/23/2020 14:40:57</t>
  </si>
  <si>
    <t>01/23/2020 14:40:59</t>
  </si>
  <si>
    <t>01/23/2020 14:41:01</t>
  </si>
  <si>
    <t>01/23/2020 14:41:02</t>
  </si>
  <si>
    <t>01/23/2020 14:41:03</t>
  </si>
  <si>
    <t>01/23/2020 14:41:04</t>
  </si>
  <si>
    <t>01/23/2020 14:41:05</t>
  </si>
  <si>
    <t>01/23/2020 14:41:06</t>
  </si>
  <si>
    <t>01/23/2020 14:41:08</t>
  </si>
  <si>
    <t>01/23/2020 14:41:09</t>
  </si>
  <si>
    <t>01/23/2020 14:41:11</t>
  </si>
  <si>
    <t>01/23/2020 14:41:12</t>
  </si>
  <si>
    <t>01/23/2020 14:41:13</t>
  </si>
  <si>
    <t>01/23/2020 14:41:14</t>
  </si>
  <si>
    <t>01/23/2020 14:41:15</t>
  </si>
  <si>
    <t>01/23/2020 14:41:16</t>
  </si>
  <si>
    <t>01/23/2020 14:41:17</t>
  </si>
  <si>
    <t>01/23/2020 14:41:18</t>
  </si>
  <si>
    <t>01/23/2020 14:41:19</t>
  </si>
  <si>
    <t>01/23/2020 14:41:20</t>
  </si>
  <si>
    <t>01/23/2020 14:41:21</t>
  </si>
  <si>
    <t>01/23/2020 14:41:22</t>
  </si>
  <si>
    <t>01/23/2020 14:41:23</t>
  </si>
  <si>
    <t>01/23/2020 14:41:24</t>
  </si>
  <si>
    <t>01/23/2020 14:41:25</t>
  </si>
  <si>
    <t>01/23/2020 14:41:26</t>
  </si>
  <si>
    <t>01/23/2020 14:41:27</t>
  </si>
  <si>
    <t>01/23/2020 14:46:39</t>
  </si>
  <si>
    <t>01/23/2020 14:48:52</t>
  </si>
  <si>
    <t>0c2f16d4-632c-42b6-b70d-35a24002412d.tmp</t>
  </si>
  <si>
    <t>\\acsfs\profiles$\adelvinsonle\Downloads\0c2f16d4-632c-42b6-b70d-35a24002412d.tmp</t>
  </si>
  <si>
    <t>01/23/2020 14:46:45</t>
  </si>
  <si>
    <t>XLOG_anacdos_23012020_114333.log</t>
  </si>
  <si>
    <t>\\acsfs\profiles$\anacdos\My Documents\xworkcenter\logs\XLOG_anacdos_23012020_114333.log</t>
  </si>
  <si>
    <t>01/23/2020 14:46:26</t>
  </si>
  <si>
    <t>e2115c0d-8be9-4f1f-a8df-0066e1c4a419.tmp</t>
  </si>
  <si>
    <t>\\acsfs\profiles$\fabianobmf\Downloads\e2115c0d-8be9-4f1f-a8df-0066e1c4a419.tmp</t>
  </si>
  <si>
    <t>01/23/2020 13:49:01</t>
  </si>
  <si>
    <t>01/23/2020 13:49:02</t>
  </si>
  <si>
    <t>01/23/2020 13:49:03</t>
  </si>
  <si>
    <t>01/23/2020 13:49:04</t>
  </si>
  <si>
    <t>01/23/2020 13:49:06</t>
  </si>
  <si>
    <t>01/23/2020 13:49:07</t>
  </si>
  <si>
    <t>01/23/2020 13:49:08</t>
  </si>
  <si>
    <t>01/23/2020 13:49:09</t>
  </si>
  <si>
    <t>01/23/2020 13:49:10</t>
  </si>
  <si>
    <t>01/23/2020 13:49:11</t>
  </si>
  <si>
    <t>01/23/2020 13:49:12</t>
  </si>
  <si>
    <t>01/23/2020 13:49:13</t>
  </si>
  <si>
    <t>01/23/2020 13:49:14</t>
  </si>
  <si>
    <t>01/23/2020 13:49:15</t>
  </si>
  <si>
    <t>01/23/2020 13:49:16</t>
  </si>
  <si>
    <t>01/23/2020 13:49:17</t>
  </si>
  <si>
    <t>01/23/2020 13:49:18</t>
  </si>
  <si>
    <t>01/23/2020 13:49:19</t>
  </si>
  <si>
    <t>01/23/2020 14:44:37</t>
  </si>
  <si>
    <t>01/23/2020 14:44:28</t>
  </si>
  <si>
    <t>01/23/2020 14:49:51</t>
  </si>
  <si>
    <t>01/23/2020 14:45:08</t>
  </si>
  <si>
    <t>01/23/2020 14:45:11</t>
  </si>
  <si>
    <t>01/23/2020 14:45:21</t>
  </si>
  <si>
    <t>01/23/2020 14:46:02</t>
  </si>
  <si>
    <t>01/23/2020 14:46:31</t>
  </si>
  <si>
    <t>01/23/2020 14:46:35</t>
  </si>
  <si>
    <t>01/23/2020 14:47:25</t>
  </si>
  <si>
    <t>151df2d1-3215-4ac7-a10a-92a6baf29fc8.tmp</t>
  </si>
  <si>
    <t>\\acsfs\profiles$\ERICALSR\Downloads\151df2d1-3215-4ac7-a10a-92a6baf29fc8.tmp</t>
  </si>
  <si>
    <t>01/23/2020 14:48:37</t>
  </si>
  <si>
    <t>bb7a1da9-1edf-44cc-bd70-c9a404c33b9f.tmp</t>
  </si>
  <si>
    <t>\\acsfs\profiles$\ERICALSR\Downloads\bb7a1da9-1edf-44cc-bd70-c9a404c33b9f.tmp</t>
  </si>
  <si>
    <t>01/23/2020 14:46:53</t>
  </si>
  <si>
    <t>01/23/2020 14:46:57</t>
  </si>
  <si>
    <t>01/23/2020 14:47:11</t>
  </si>
  <si>
    <t>01/23/2020 14:47:17</t>
  </si>
  <si>
    <t>01/23/2020 14:47:35</t>
  </si>
  <si>
    <t>01/23/2020 14:48:46</t>
  </si>
  <si>
    <t>01/23/2020 14:49:01</t>
  </si>
  <si>
    <t>01/23/2020 14:49:04</t>
  </si>
  <si>
    <t>01/23/2020 14:49:16</t>
  </si>
  <si>
    <t>01/23/2020 14:46:34</t>
  </si>
  <si>
    <t>dcdb5030-cb00-46b3-a424-9c59a11f8f88.tmp</t>
  </si>
  <si>
    <t>\\acsfs\profiles$\brunalas\Downloads\dcdb5030-cb00-46b3-a424-9c59a11f8f88.tmp</t>
  </si>
  <si>
    <t>01/23/2020 14:46:20</t>
  </si>
  <si>
    <t>01/23/2020 14:47:53</t>
  </si>
  <si>
    <t>01/23/2020 14:49:09</t>
  </si>
  <si>
    <t>01/23/2020 14:46:43</t>
  </si>
  <si>
    <t>01/23/2020 14:50:52</t>
  </si>
  <si>
    <t>01/23/2020 14:47:10</t>
  </si>
  <si>
    <t>01/23/2020 14:47:59</t>
  </si>
  <si>
    <t>01/23/2020 14:48:01</t>
  </si>
  <si>
    <t>01/23/2020 14:49:35</t>
  </si>
  <si>
    <t>b6f96961-1717-476b-9f13-5ecd638d7919.tmp</t>
  </si>
  <si>
    <t>\\acsfs\profiles$\quindaizaagds\Downloads\b6f96961-1717-476b-9f13-5ecd638d7919.tmp</t>
  </si>
  <si>
    <t>01/23/2020 14:51:51</t>
  </si>
  <si>
    <t>01/23/2020 14:49:27</t>
  </si>
  <si>
    <t>6f711864-6dda-4cf2-a230-48d2e44cc8c2.tmp</t>
  </si>
  <si>
    <t>\\acsfs\profiles$\LUISPLS\Downloads\6f711864-6dda-4cf2-a230-48d2e44cc8c2.tmp</t>
  </si>
  <si>
    <t>01/23/2020 14:50:07</t>
  </si>
  <si>
    <t>01/23/2020 14:52:51</t>
  </si>
  <si>
    <t>4fc70159-e294-426a-a56e-4b2262d25600.tmp</t>
  </si>
  <si>
    <t>\\acsfs\profiles$\lorrainerdl\Downloads\4fc70159-e294-426a-a56e-4b2262d25600.tmp</t>
  </si>
  <si>
    <t>01/23/2020 14:51:29</t>
  </si>
  <si>
    <t>01/23/2020 14:51:30</t>
  </si>
  <si>
    <t>lu152205k7cwe.tmp</t>
  </si>
  <si>
    <t>\\acsfs\profiles$\jalilebds\Downloads\lu152205k7cwe.tmp</t>
  </si>
  <si>
    <t>01/23/2020 14:48:43</t>
  </si>
  <si>
    <t>01/23/2020 14:49:14</t>
  </si>
  <si>
    <t>01/23/2020 14:49:44</t>
  </si>
  <si>
    <t>01/23/2020 14:50:14</t>
  </si>
  <si>
    <t>01/23/2020 14:50:44</t>
  </si>
  <si>
    <t>6733d5f6-31d3-44d1-ad13-a434d7d969be.tmp</t>
  </si>
  <si>
    <t>\\acsfs\profiles$\inarajst\Downloads\6733d5f6-31d3-44d1-ad13-a434d7d969be.tmp</t>
  </si>
  <si>
    <t>01/23/2020 14:50:08</t>
  </si>
  <si>
    <t>01/23/2020 14:49:30</t>
  </si>
  <si>
    <t>01/23/2020 14:53:52</t>
  </si>
  <si>
    <t>c5229ab9-b47b-461b-9cfa-252ec5ff6869.tmp</t>
  </si>
  <si>
    <t>\\acsfs\profiles$\adelvinsonle\Downloads\c5229ab9-b47b-461b-9cfa-252ec5ff6869.tmp</t>
  </si>
  <si>
    <t>01/23/2020 14:52:11</t>
  </si>
  <si>
    <t>01/23/2020 14:52:12</t>
  </si>
  <si>
    <t>01/23/2020 14:52:13</t>
  </si>
  <si>
    <t>01/23/2020 14:52:14</t>
  </si>
  <si>
    <t>01/23/2020 14:52:15</t>
  </si>
  <si>
    <t>01/23/2020 14:52:16</t>
  </si>
  <si>
    <t>01/23/2020 14:52:17</t>
  </si>
  <si>
    <t>01/23/2020 14:52:18</t>
  </si>
  <si>
    <t>01/23/2020 14:52:19</t>
  </si>
  <si>
    <t>01/23/2020 14:52:20</t>
  </si>
  <si>
    <t>01/23/2020 14:52:21</t>
  </si>
  <si>
    <t>01/23/2020 14:52:22</t>
  </si>
  <si>
    <t>01/23/2020 14:52:23</t>
  </si>
  <si>
    <t>01/23/2020 14:52:24</t>
  </si>
  <si>
    <t>01/23/2020 14:52:25</t>
  </si>
  <si>
    <t>01/23/2020 14:52:26</t>
  </si>
  <si>
    <t>01/23/2020 14:52:27</t>
  </si>
  <si>
    <t>01/23/2020 14:52:28</t>
  </si>
  <si>
    <t>01/23/2020 14:52:29</t>
  </si>
  <si>
    <t>01/23/2020 14:52:30</t>
  </si>
  <si>
    <t>01/23/2020 14:52:31</t>
  </si>
  <si>
    <t>ANA PAULA DA SILVA BORGES_1_6780287092991798451_1_32.wav</t>
  </si>
  <si>
    <t>\\acsfs\Deptos\EDUCACAO EMPRESARIAL\KÉSIA\Ligações 3º ciclo - Janeiro 2020\ANA PAULA DA SILVA BORGES_1_6780287092991798451_1_32.wav</t>
  </si>
  <si>
    <t>01/23/2020 14:49:52</t>
  </si>
  <si>
    <t>e7e693f1-648d-42ae-b867-7a1004a64749.tmp</t>
  </si>
  <si>
    <t>\\acsfs\profiles$\fabianobmf\Downloads\e7e693f1-648d-42ae-b867-7a1004a64749.tmp</t>
  </si>
  <si>
    <t>01/23/2020 14:49:41</t>
  </si>
  <si>
    <t>\\acsfs\profiles$\henriqueco\My Documents\My Pictures\</t>
  </si>
  <si>
    <t>\\acsfs\profiles$\henriqueco\My Documents\My Videos\desktop.ini</t>
  </si>
  <si>
    <t>\\acsfs\profiles$\henriqueco\My Documents\My Videos\</t>
  </si>
  <si>
    <t>01/23/2020 14:49:46</t>
  </si>
  <si>
    <t>01/23/2020 14:49:47</t>
  </si>
  <si>
    <t>01/23/2020 14:49:48</t>
  </si>
  <si>
    <t>01/23/2020 14:49:50</t>
  </si>
  <si>
    <t>\\acsfs\profiles$\henriqueco\My Documents\My Music\</t>
  </si>
  <si>
    <t>\\acsfs\profiles$\henriqueco\My Documents\My Pictures\desktop.ini</t>
  </si>
  <si>
    <t>01/23/2020 14:49:53</t>
  </si>
  <si>
    <t>01/23/2020 14:49:54</t>
  </si>
  <si>
    <t>\\acsfs\profiles$\henriqueco\Contacts\</t>
  </si>
  <si>
    <t>\\acsfs\profiles$\henriqueco\Contacts\desktop.ini</t>
  </si>
  <si>
    <t>01/23/2020 14:49:55</t>
  </si>
  <si>
    <t>01/23/2020 14:49:56</t>
  </si>
  <si>
    <t>01/23/2020 14:49:57</t>
  </si>
  <si>
    <t>01/23/2020 14:49:58</t>
  </si>
  <si>
    <t>\\acsfs\profiles$\henriqueco\My Documents\</t>
  </si>
  <si>
    <t>\\acsfs\profiles$\henriqueco\Favorites\desktop.ini</t>
  </si>
  <si>
    <t>01/23/2020 14:50:00</t>
  </si>
  <si>
    <t>01/23/2020 14:50:01</t>
  </si>
  <si>
    <t>01/23/2020 14:50:03</t>
  </si>
  <si>
    <t>01/23/2020 14:50:06</t>
  </si>
  <si>
    <t>01/23/2020 14:50:09</t>
  </si>
  <si>
    <t>\\acsfs\profiles$\henriqueco\My Documents\My Music\desktop.ini</t>
  </si>
  <si>
    <t>01/23/2020 14:50:10</t>
  </si>
  <si>
    <t>01/23/2020 14:50:11</t>
  </si>
  <si>
    <t>01/23/2020 14:50:12</t>
  </si>
  <si>
    <t>01/23/2020 14:50:13</t>
  </si>
  <si>
    <t>\\acsfs\profiles$\henriqueco\Searches\</t>
  </si>
  <si>
    <t>\\acsfs\profiles$\henriqueco\Searches\desktop.ini</t>
  </si>
  <si>
    <t>01/23/2020 14:50:16</t>
  </si>
  <si>
    <t>01/23/2020 14:50:15</t>
  </si>
  <si>
    <t>01/23/2020 14:50:17</t>
  </si>
  <si>
    <t>01/23/2020 14:50:20</t>
  </si>
  <si>
    <t>\\acsfs\profiles$\henriqueco\Downloads\desktop.ini</t>
  </si>
  <si>
    <t>01/23/2020 14:50:18</t>
  </si>
  <si>
    <t>\\acsfs\profiles$\henriqueco\Favorites\</t>
  </si>
  <si>
    <t>\\acsfs\profiles$\henriqueco\My Documents\desktop.ini</t>
  </si>
  <si>
    <t>01/23/2020 14:50:21</t>
  </si>
  <si>
    <t>01/23/2020 14:50:22</t>
  </si>
  <si>
    <t>01/23/2020 14:50:24</t>
  </si>
  <si>
    <t>01/23/2020 14:50:26</t>
  </si>
  <si>
    <t>01/23/2020 14:50:27</t>
  </si>
  <si>
    <t>\\acsfs\profiles$\henriqueco\Saved Games\desktop.ini</t>
  </si>
  <si>
    <t>01/23/2020 14:50:28</t>
  </si>
  <si>
    <t>winrt--{S-1-5-21-602162358-764733703-839522115-347221}-.searchconnector-ms</t>
  </si>
  <si>
    <t>\\acsfs\profiles$\henriqueco\Searches\winrt--{S-1-5-21-602162358-764733703-839522115-347221}-.searchconnector-ms</t>
  </si>
  <si>
    <t>01/23/2020 14:51:48</t>
  </si>
  <si>
    <t>e14eacc2-ccb3-4660-b5bf-830738238553.tmp</t>
  </si>
  <si>
    <t>\\acsfs\profiles$\henriqueco\Downloads\e14eacc2-ccb3-4660-b5bf-830738238553.tmp</t>
  </si>
  <si>
    <t>01/23/2020 14:51:53</t>
  </si>
  <si>
    <t>Unconfirmed 123492.crdownload</t>
  </si>
  <si>
    <t>\\acsfs\profiles$\henriqueco\Downloads\Unconfirmed 123492.crdownload</t>
  </si>
  <si>
    <t>01/23/2020 14:51:55</t>
  </si>
  <si>
    <t>e6efca72-15f6-497b-ae60-4c7572b77db3.tmp</t>
  </si>
  <si>
    <t>\\acsfs\profiles$\henriqueco\Downloads\e6efca72-15f6-497b-ae60-4c7572b77db3.tmp</t>
  </si>
  <si>
    <t>01/23/2020 14:52:00</t>
  </si>
  <si>
    <t>Unconfirmed 719207.crdownload</t>
  </si>
  <si>
    <t>\\acsfs\profiles$\henriqueco\Downloads\Unconfirmed 719207.crdownload</t>
  </si>
  <si>
    <t>0bf306bf-ec72-4a01-ab46-abf3721d3584.tmp</t>
  </si>
  <si>
    <t>\\acsfs\profiles$\henriqueco\Downloads\0bf306bf-ec72-4a01-ab46-abf3721d3584.tmp</t>
  </si>
  <si>
    <t>01/23/2020 14:50:43</t>
  </si>
  <si>
    <t>2bb92598-9dda-4c2b-abaf-810774bee3bb.tmp</t>
  </si>
  <si>
    <t>\\acsfs\profiles$\larissaad\Downloads\2bb92598-9dda-4c2b-abaf-810774bee3bb.tmp</t>
  </si>
  <si>
    <t>01/23/2020 14:54:51</t>
  </si>
  <si>
    <t>a3629be6-de1e-4f55-a6af-507d4bef1d6a.tmp</t>
  </si>
  <si>
    <t>\\acsfs\profiles$\victorgl\Downloads\a3629be6-de1e-4f55-a6af-507d4bef1d6a.tmp</t>
  </si>
  <si>
    <t>01/23/2020 14:49:28</t>
  </si>
  <si>
    <t>01/23/2020 14:49:34</t>
  </si>
  <si>
    <t>01/23/2020 14:51:13</t>
  </si>
  <si>
    <t>01/23/2020 14:51:15</t>
  </si>
  <si>
    <t>01/23/2020 14:51:27</t>
  </si>
  <si>
    <t>01/23/2020 14:51:33</t>
  </si>
  <si>
    <t>01/23/2020 14:51:35</t>
  </si>
  <si>
    <t>01/23/2020 14:51:38</t>
  </si>
  <si>
    <t>01/23/2020 14:51:59</t>
  </si>
  <si>
    <t>01/23/2020 14:52:08</t>
  </si>
  <si>
    <t>01/23/2020 14:53:07</t>
  </si>
  <si>
    <t>78b92239-0214-402f-8bc2-ba54068517d2.tmp</t>
  </si>
  <si>
    <t>\\acsfs\profiles$\luanaldsi\Downloads\78b92239-0214-402f-8bc2-ba54068517d2.tmp</t>
  </si>
  <si>
    <t>01/23/2020 14:51:17</t>
  </si>
  <si>
    <t>19e13a5c-b160-40d0-afd5-931ac2ab0efb.tmp</t>
  </si>
  <si>
    <t>\\acsfs\profiles$\gabrielsma\Downloads\19e13a5c-b160-40d0-afd5-931ac2ab0efb.tmp</t>
  </si>
  <si>
    <t>01/23/2020 14:51:23</t>
  </si>
  <si>
    <t>01/23/2020 14:54:17</t>
  </si>
  <si>
    <t>icaIcaIcatu.csv.ligo3fv.partial</t>
  </si>
  <si>
    <t>\\acsfs\ACS\Gabriel da Silva\Contemporânea\VENDAS\icaIcaIcatu.csv.ligo3fv.partial</t>
  </si>
  <si>
    <t>01/23/2020 14:55:51</t>
  </si>
  <si>
    <t>01/23/2020 14:56:51</t>
  </si>
  <si>
    <t>e5394b77-cb98-4925-a94a-2fd3d555a751.tmp</t>
  </si>
  <si>
    <t>\\acsfs\profiles$\lorenabmc\Downloads\e5394b77-cb98-4925-a94a-2fd3d555a751.tmp</t>
  </si>
  <si>
    <t>01/23/2020 14:55:53</t>
  </si>
  <si>
    <t>b376da22-4829-4e69-aca9-d5e886158338.tmp</t>
  </si>
  <si>
    <t>\\acsfs\profiles$\rafaelacdoc\Downloads\b376da22-4829-4e69-aca9-d5e886158338.tmp</t>
  </si>
  <si>
    <t>01/23/2020 14:57:51</t>
  </si>
  <si>
    <t>01/23/2020 14:54:47</t>
  </si>
  <si>
    <t>01/23/2020 14:54:45</t>
  </si>
  <si>
    <t>f4edc423-ab12-49f5-9257-889eb1205aa9.tmp</t>
  </si>
  <si>
    <t>\\acsfs\profiles$\andreapdsg\Downloads\f4edc423-ab12-49f5-9257-889eb1205aa9.tmp</t>
  </si>
  <si>
    <t>01/23/2020 14:55:02</t>
  </si>
  <si>
    <t>01/23/2020 14:55:26</t>
  </si>
  <si>
    <t>01/23/2020 14:56:43</t>
  </si>
  <si>
    <t>01/23/2020 14:58:51</t>
  </si>
  <si>
    <t>01/23/2020 14:56:44</t>
  </si>
  <si>
    <t>lu17588ur5a3.tmp</t>
  </si>
  <si>
    <t>\\acsfs\profiles$\Flaviojmm\My Documents\lu17588ur5a3.tmp</t>
  </si>
  <si>
    <t>\\acsfs\profiles$\Flaviojmm\My Documents\lu17588ur5a3.tmp\</t>
  </si>
  <si>
    <t>\\acsfs\profiles$\Flaviojmm\My Documents\lu17588ur5a3.tmp\META-INF\</t>
  </si>
  <si>
    <t>\\acsfs\profiles$\Flaviojmm\My Documents\lu17588ur5a3.tmp\Thumbnails\</t>
  </si>
  <si>
    <t>01/23/2020 14:53:37</t>
  </si>
  <si>
    <t>ad210a98-c608-4032-accf-536b6e67b577.tmp</t>
  </si>
  <si>
    <t>\\acsfs\profiles$\henriqueco\Downloads\ad210a98-c608-4032-accf-536b6e67b577.tmp</t>
  </si>
  <si>
    <t>01/23/2020 14:59:51</t>
  </si>
  <si>
    <t>01/23/2020 14:55:41</t>
  </si>
  <si>
    <t>Metlife_R.xls.70bg03l.partial</t>
  </si>
  <si>
    <t>\\acsfs\ACS\Gabriel da Silva\Contemporânea\VENDAS\Metlife_R.xls.70bg03l.partial</t>
  </si>
  <si>
    <t>01/23/2020 14:56:49</t>
  </si>
  <si>
    <t>Metlife_V.csv.f3sn8c6.partial</t>
  </si>
  <si>
    <t>\\acsfs\ACS\Gabriel da Silva\Contemporânea\VENDAS\Metlife_V.csv.f3sn8c6.partial</t>
  </si>
  <si>
    <t>01/23/2020 14:57:05</t>
  </si>
  <si>
    <t>01/23/2020 14:56:01</t>
  </si>
  <si>
    <t>01/23/2020 15:00:52</t>
  </si>
  <si>
    <t>01/23/2020 14:56:02</t>
  </si>
  <si>
    <t>01/23/2020 14:56:12</t>
  </si>
  <si>
    <t>01/23/2020 14:56:13</t>
  </si>
  <si>
    <t>01/23/2020 14:56:14</t>
  </si>
  <si>
    <t>01/23/2020 15:01:51</t>
  </si>
  <si>
    <t>01/23/2020 15:01:26</t>
  </si>
  <si>
    <t>24dd55bb-f9f7-4e7e-b893-b6643055b7ee.tmp</t>
  </si>
  <si>
    <t>\\acsfs\profiles$\fernandofs\Downloads\24dd55bb-f9f7-4e7e-b893-b6643055b7ee.tmp</t>
  </si>
  <si>
    <t>247ea9a9-1d76-440f-9604-6948a5887ae6.tmp</t>
  </si>
  <si>
    <t>\\acsfs\profiles$\fernandofs\Downloads\247ea9a9-1d76-440f-9604-6948a5887ae6.tmp</t>
  </si>
  <si>
    <t>01/23/2020 14:59:50</t>
  </si>
  <si>
    <t>01/23/2020 15:02:51</t>
  </si>
  <si>
    <t>01/23/2020 15:00:20</t>
  </si>
  <si>
    <t>01/23/2020 15:00:50</t>
  </si>
  <si>
    <t>01/23/2020 15:03:51</t>
  </si>
  <si>
    <t>01/23/2020 15:03:16</t>
  </si>
  <si>
    <t>35f6ae9c-eefc-4912-b045-d98760b7fdad.tmp</t>
  </si>
  <si>
    <t>\\acsfs\profiles$\henriqueco\Downloads\35f6ae9c-eefc-4912-b045-d98760b7fdad.tmp</t>
  </si>
  <si>
    <t>01/23/2020 15:02:23</t>
  </si>
  <si>
    <t>01/23/2020 15:04:52</t>
  </si>
  <si>
    <t>01/23/2020 15:02:24</t>
  </si>
  <si>
    <t>01/23/2020 15:03:03</t>
  </si>
  <si>
    <t>4e77f0bc-b65d-4d3f-a2a4-b13aecdcf851.tmp</t>
  </si>
  <si>
    <t>\\acsfs\profiles$\laurandos\Downloads\4e77f0bc-b65d-4d3f-a2a4-b13aecdcf851.tmp</t>
  </si>
  <si>
    <t>01/23/2020 15:03:41</t>
  </si>
  <si>
    <t>a2acc294-4382-4dea-92f5-3ced00cda89e.tmp</t>
  </si>
  <si>
    <t>\\acsfs\profiles$\laurandos\Downloads\a2acc294-4382-4dea-92f5-3ced00cda89e.tmp</t>
  </si>
  <si>
    <t>01/23/2020 15:03:50</t>
  </si>
  <si>
    <t>4aa30648-6f78-4111-b81d-323acfcce08a.tmp</t>
  </si>
  <si>
    <t>\\acsfs\profiles$\laurandos\Downloads\4aa30648-6f78-4111-b81d-323acfcce08a.tmp</t>
  </si>
  <si>
    <t>01/23/2020 15:03:58</t>
  </si>
  <si>
    <t>38e5c3e8-a599-49fb-a4b9-21b11586ae28.tmp</t>
  </si>
  <si>
    <t>\\acsfs\profiles$\gabrielsma\Downloads\38e5c3e8-a599-49fb-a4b9-21b11586ae28.tmp</t>
  </si>
  <si>
    <t>01/23/2020 15:04:13</t>
  </si>
  <si>
    <t>Não confirmado 759325.crdownload</t>
  </si>
  <si>
    <t>\\acsfs\ACS\Gabriel da Silva\Contemporânea\VENDAS\Não confirmado 759325.crdownload</t>
  </si>
  <si>
    <t>01/23/2020 15:02:37</t>
  </si>
  <si>
    <t>01/23/2020 15:05:51</t>
  </si>
  <si>
    <t>01/23/2020 15:07:51</t>
  </si>
  <si>
    <t>01/23/2020 15:04:53</t>
  </si>
  <si>
    <t>01/23/2020 15:05:24</t>
  </si>
  <si>
    <t>01/23/2020 15:07:12</t>
  </si>
  <si>
    <t>01/23/2020 15:03:14</t>
  </si>
  <si>
    <t>5c0e2332-59b4-4b06-a678-6ece45785d5c.tmp</t>
  </si>
  <si>
    <t>\\acsfs\profiles$\andreapdsg\Downloads\5c0e2332-59b4-4b06-a678-6ece45785d5c.tmp</t>
  </si>
  <si>
    <t>01/23/2020 15:07:11</t>
  </si>
  <si>
    <t>XLOG_tiagosno_23012020_070943.log</t>
  </si>
  <si>
    <t>\\acsfs\profiles$\tiagosno\My Documents\xworkcenter\logs\XLOG_tiagosno_23012020_070943.log</t>
  </si>
  <si>
    <t>01/23/2020 15:05:40</t>
  </si>
  <si>
    <t>01/23/2020 15:08:51</t>
  </si>
  <si>
    <t>01/23/2020 15:05:42</t>
  </si>
  <si>
    <t>01/23/2020 15:05:49</t>
  </si>
  <si>
    <t>01/23/2020 15:05:58</t>
  </si>
  <si>
    <t>fernandaab@algartech.com;talmaiardo@algartech.com;tatiane.biassi@mutantbr.com;</t>
  </si>
  <si>
    <t>fernandaab@algartech.com,talmaiardo@algartech.com,tatiane.biassi@mutantbr.com</t>
  </si>
  <si>
    <t>01/23/2020 15:06:02</t>
  </si>
  <si>
    <t>fernandaab@algartech.com;suportebv@mutantbr.com;talmaiardo@algartech.com;tatiane.biassi@mutantbr.com;</t>
  </si>
  <si>
    <t>fernandaab@algartech.com,suportebv@mutantbr.com,talmaiardo@algartech.com,tatiane.biassi@mutantbr.com</t>
  </si>
  <si>
    <t>01/23/2020 15:06:15</t>
  </si>
  <si>
    <t>01/23/2020 15:06:37</t>
  </si>
  <si>
    <t>01/23/2020 15:06:53</t>
  </si>
  <si>
    <t>01/23/2020 15:07:01</t>
  </si>
  <si>
    <t>01/23/2020 15:07:20</t>
  </si>
  <si>
    <t>01/23/2020 15:07:34</t>
  </si>
  <si>
    <t>01/23/2020 15:07:50</t>
  </si>
  <si>
    <t>01/23/2020 15:06:39</t>
  </si>
  <si>
    <t>01/23/2020 15:07:14</t>
  </si>
  <si>
    <t>01/23/2020 15:08:27</t>
  </si>
  <si>
    <t>01/23/2020 15:07:22</t>
  </si>
  <si>
    <t>01/23/2020 15:09:52</t>
  </si>
  <si>
    <t>Matheus Martins Ananias Xavier_1_6781171203419746763_1_32.wav</t>
  </si>
  <si>
    <t>\\acsfs\Deptos\EDUCACAO EMPRESARIAL\FERNANDA MONIT\Fernanda\MONITORIA JANEIRO\Ligaçoes para MUTANT terceiro ciclo janeiro\Matheus Martins Ananias Xavier_1_6781171203419746763_1_32.wav</t>
  </si>
  <si>
    <t>01/23/2020 15:05:08</t>
  </si>
  <si>
    <t>b3b8f689-61ab-4295-9e07-d744da94a071.tmp</t>
  </si>
  <si>
    <t>\\acsfs\profiles$\laurandos\Downloads\b3b8f689-61ab-4295-9e07-d744da94a071.tmp</t>
  </si>
  <si>
    <t>01/23/2020 15:05:14</t>
  </si>
  <si>
    <t>3bb21ce8-4c70-4a07-a6b7-6c5ab28888de.tmp</t>
  </si>
  <si>
    <t>\\acsfs\profiles$\laurandos\Downloads\3bb21ce8-4c70-4a07-a6b7-6c5ab28888de.tmp</t>
  </si>
  <si>
    <t>01/23/2020 15:05:46</t>
  </si>
  <si>
    <t>28e63c1c-8e5e-4758-99d0-58b9f789c958.tmp</t>
  </si>
  <si>
    <t>\\acsfs\profiles$\laurandos\Downloads\28e63c1c-8e5e-4758-99d0-58b9f789c958.tmp</t>
  </si>
  <si>
    <t>dfe0e404-7d05-4b95-af75-17a22e00e5ff.tmp</t>
  </si>
  <si>
    <t>\\acsfs\profiles$\laurandos\Downloads\dfe0e404-7d05-4b95-af75-17a22e00e5ff.tmp</t>
  </si>
  <si>
    <t>01/23/2020 15:09:33</t>
  </si>
  <si>
    <t>01/23/2020 15:10:51</t>
  </si>
  <si>
    <t>01/23/2020 15:09:34</t>
  </si>
  <si>
    <t>01/23/2020 15:11:52</t>
  </si>
  <si>
    <t>01/23/2020 15:08:00</t>
  </si>
  <si>
    <t>01/23/2020 15:08:01</t>
  </si>
  <si>
    <t>01/23/2020 15:11:07</t>
  </si>
  <si>
    <t>143fb02d-dc34-402f-abe0-fcb6c53ba099.tmp</t>
  </si>
  <si>
    <t>\\acsfs\profiles$\layonmof\Downloads\143fb02d-dc34-402f-abe0-fcb6c53ba099.tmp</t>
  </si>
  <si>
    <t>01/23/2020 15:13:52</t>
  </si>
  <si>
    <t>01/23/2020 15:08:13</t>
  </si>
  <si>
    <t>01/23/2020 15:08:47</t>
  </si>
  <si>
    <t>01/23/2020 15:09:16</t>
  </si>
  <si>
    <t>01/23/2020 15:09:23</t>
  </si>
  <si>
    <t>01/23/2020 15:09:27</t>
  </si>
  <si>
    <t>01/23/2020 15:09:29</t>
  </si>
  <si>
    <t>01/23/2020 15:11:51</t>
  </si>
  <si>
    <t>BRUNO GONCALVES DA SILVA_1_6780347497411842554_1_32.wav</t>
  </si>
  <si>
    <t>\\acsfs\Deptos\EDUCACAO EMPRESARIAL\KÉSIA\Ligações 3º ciclo - Janeiro 2020\BRUNO GONCALVES DA SILVA_1_6780347497411842554_1_32.wav</t>
  </si>
  <si>
    <t>01/23/2020 15:10:32</t>
  </si>
  <si>
    <t>01/23/2020 15:12:15</t>
  </si>
  <si>
    <t>01/23/2020 15:14:51</t>
  </si>
  <si>
    <t>.~lock.isabelle 23.01.20 venc 26.01.20.ods#</t>
  </si>
  <si>
    <t>\\acsfs\profiles$\ISABELLEGTDS\Nova pasta\.~lock.isabelle 23.01.20 venc 26.01.20.ods#</t>
  </si>
  <si>
    <t>01/23/2020 15:12:16</t>
  </si>
  <si>
    <t>lu588927ytyb3.tmp</t>
  </si>
  <si>
    <t>\\acsfs\profiles$\ISABELLEGTDS\Nova pasta\lu588927ytyb3.tmp</t>
  </si>
  <si>
    <t>\\acsfs\profiles$\ISABELLEGTDS\Nova pasta\lu588927ytyb3.tmp\</t>
  </si>
  <si>
    <t>\\acsfs\profiles$\ISABELLEGTDS\Nova pasta\lu588927ytyb3.tmp\META-INF\</t>
  </si>
  <si>
    <t>\\acsfs\profiles$\ISABELLEGTDS\Nova pasta\lu588927ytyb3.tmp\Thumbnails\</t>
  </si>
  <si>
    <t>01/23/2020 15:10:02</t>
  </si>
  <si>
    <t>79cbdbdf-0ef6-47c6-b91b-56c449749ba3.tmp</t>
  </si>
  <si>
    <t>\\acsfs\profiles$\victorgl\Downloads\79cbdbdf-0ef6-47c6-b91b-56c449749ba3.tmp</t>
  </si>
  <si>
    <t>01/23/2020 15:12:44</t>
  </si>
  <si>
    <t>01/23/2020 15:12:53</t>
  </si>
  <si>
    <t>01/23/2020 15:13:00</t>
  </si>
  <si>
    <t>01/23/2020 15:13:10</t>
  </si>
  <si>
    <t>01/23/2020 15:13:13</t>
  </si>
  <si>
    <t>01/23/2020 15:13:19</t>
  </si>
  <si>
    <t>01/23/2020 15:13:33</t>
  </si>
  <si>
    <t>01/23/2020 15:13:43</t>
  </si>
  <si>
    <t>01/23/2020 15:13:46</t>
  </si>
  <si>
    <t>01/23/2020 15:11:10</t>
  </si>
  <si>
    <t>01/23/2020 15:13:11</t>
  </si>
  <si>
    <t>01/23/2020 15:10:59</t>
  </si>
  <si>
    <t>01/23/2020 15:11:23</t>
  </si>
  <si>
    <t>01/23/2020 15:15:51</t>
  </si>
  <si>
    <t>01/23/2020 15:16:51</t>
  </si>
  <si>
    <t>01/23/2020 15:11:44</t>
  </si>
  <si>
    <t>a2550793-90f8-4a4e-b60a-cc4e5e051a54.tmp</t>
  </si>
  <si>
    <t>\\acsfs\profiles$\layonmof\Downloads\a2550793-90f8-4a4e-b60a-cc4e5e051a54.tmp</t>
  </si>
  <si>
    <t>01/23/2020 15:12:50</t>
  </si>
  <si>
    <t>3582deb3-f655-4623-b238-7d2ac66c4d88.tmp</t>
  </si>
  <si>
    <t>\\acsfs\profiles$\layonmof\Downloads\3582deb3-f655-4623-b238-7d2ac66c4d88.tmp</t>
  </si>
  <si>
    <t>01/23/2020 15:13:28</t>
  </si>
  <si>
    <t>0f29e5ef-7507-4c1e-ab6b-6f5c0d5e29da.tmp</t>
  </si>
  <si>
    <t>\\acsfs\profiles$\layonmof\Downloads\0f29e5ef-7507-4c1e-ab6b-6f5c0d5e29da.tmp</t>
  </si>
  <si>
    <t>01/23/2020 15:17:51</t>
  </si>
  <si>
    <t>fb43e7cf-63f5-4832-b93a-8589a4c5c8ca.tmp</t>
  </si>
  <si>
    <t>\\acsfs\profiles$\regisadsa\Downloads\fb43e7cf-63f5-4832-b93a-8589a4c5c8ca.tmp</t>
  </si>
  <si>
    <t>01/23/2020 15:15:17</t>
  </si>
  <si>
    <t>01/23/2020 15:18:52</t>
  </si>
  <si>
    <t>01/23/2020 15:15:18</t>
  </si>
  <si>
    <t>lu17588ur5ac.tmp</t>
  </si>
  <si>
    <t>\\acsfs\profiles$\Flaviojmm\My Documents\lu17588ur5ac.tmp</t>
  </si>
  <si>
    <t>\\acsfs\profiles$\Flaviojmm\My Documents\lu17588ur5ac.tmp\</t>
  </si>
  <si>
    <t>\\acsfs\profiles$\Flaviojmm\My Documents\lu17588ur5ac.tmp\META-INF\</t>
  </si>
  <si>
    <t>\\acsfs\profiles$\Flaviojmm\My Documents\lu17588ur5ac.tmp\Thumbnails\</t>
  </si>
  <si>
    <t>01/23/2020 15:13:55</t>
  </si>
  <si>
    <t>6758817b-fd87-4ec2-bba3-8e63ffad81bf.tmp</t>
  </si>
  <si>
    <t>\\acsfs\profiles$\matheushds\Downloads\6758817b-fd87-4ec2-bba3-8e63ffad81bf.tmp</t>
  </si>
  <si>
    <t>01/23/2020 15:14:58</t>
  </si>
  <si>
    <t>07f02e2e-9c41-4b7d-8c37-3a26f7c9d982.tmp</t>
  </si>
  <si>
    <t>\\acsfs\profiles$\matheushds\Downloads\07f02e2e-9c41-4b7d-8c37-3a26f7c9d982.tmp</t>
  </si>
  <si>
    <t>01/23/2020 15:18:05</t>
  </si>
  <si>
    <t>01/23/2020 15:19:51</t>
  </si>
  <si>
    <t>01/23/2020 15:16:05</t>
  </si>
  <si>
    <t>01/23/2020 15:17:52</t>
  </si>
  <si>
    <t>01/23/2020 15:17:57</t>
  </si>
  <si>
    <t>01/23/2020 15:14:16</t>
  </si>
  <si>
    <t>.~lock.Contato Reneg Vencimento 26-01.ods#</t>
  </si>
  <si>
    <t>\\acsfs\profiles$\CLAUDIAJCA\Reneg 18-12\.~lock.Contato Reneg Vencimento 26-01.ods#</t>
  </si>
  <si>
    <t>01/23/2020 15:14:17</t>
  </si>
  <si>
    <t>lu104004d6800z.tmp</t>
  </si>
  <si>
    <t>\\acsfs\profiles$\CLAUDIAJCA\Reneg 18-12\lu104004d6800z.tmp</t>
  </si>
  <si>
    <t>\\acsfs\profiles$\CLAUDIAJCA\Reneg 18-12\lu104004d6800z.tmp\</t>
  </si>
  <si>
    <t>\\acsfs\profiles$\CLAUDIAJCA\Reneg 18-12\lu104004d6800z.tmp\META-INF\</t>
  </si>
  <si>
    <t>\\acsfs\profiles$\CLAUDIAJCA\Reneg 18-12\lu104004d6800z.tmp\Thumbnails\</t>
  </si>
  <si>
    <t>01/23/2020 15:17:46</t>
  </si>
  <si>
    <t>01/23/2020 15:17:47</t>
  </si>
  <si>
    <t>lu711329wwuo9.tmp</t>
  </si>
  <si>
    <t>\\acsfs\profiles$\LUCASBS\RENEG BV\Consolidado\lu711329wwuo9.tmp</t>
  </si>
  <si>
    <t>\\acsfs\profiles$\LUCASBS\RENEG BV\Consolidado\lu711329wwuo9.tmp\</t>
  </si>
  <si>
    <t>\\acsfs\profiles$\LUCASBS\RENEG BV\Consolidado\lu711329wwuo9.tmp\META-INF\</t>
  </si>
  <si>
    <t>\\acsfs\profiles$\LUCASBS\RENEG BV\Consolidado\lu711329wwuo9.tmp\Thumbnails\</t>
  </si>
  <si>
    <t>01/23/2020 15:17:55</t>
  </si>
  <si>
    <t>98040f26-1cce-461e-bd7b-90e08f0c6c2a.tmp</t>
  </si>
  <si>
    <t>\\acsfs\profiles$\nycolleemdj\Downloads\98040f26-1cce-461e-bd7b-90e08f0c6c2a.tmp</t>
  </si>
  <si>
    <t>01/23/2020 15:17:17</t>
  </si>
  <si>
    <t>01/23/2020 15:17:40</t>
  </si>
  <si>
    <t>01/23/2020 15:18:25</t>
  </si>
  <si>
    <t>\\acsfs\ACS\Gabriel da Silva\Contemporânea\VENDAS\imagemReport.png</t>
  </si>
  <si>
    <t>01/23/2020 15:20:52</t>
  </si>
  <si>
    <t>01/23/2020 15:20:48</t>
  </si>
  <si>
    <t>01/23/2020 15:21:51</t>
  </si>
  <si>
    <t>01/23/2020 15:18:55</t>
  </si>
  <si>
    <t>095b5309-1ac2-4ccf-9a13-f8609c2e5a30.tmp</t>
  </si>
  <si>
    <t>\\acsfs\profiles$\layonmof\Downloads\095b5309-1ac2-4ccf-9a13-f8609c2e5a30.tmp</t>
  </si>
  <si>
    <t>01/23/2020 15:17:03</t>
  </si>
  <si>
    <t>10.200.66.58</t>
  </si>
  <si>
    <t>78-2B-CB-C1-06-D7</t>
  </si>
  <si>
    <t>VOTORANT-ZB007</t>
  </si>
  <si>
    <t>marcelsdl</t>
  </si>
  <si>
    <t>https://udpwfmniceap02/web/guest/home?p_auth=fxyoofj9&amp;p_p_id=58&amp;p_p_lifecycle=1&amp;p_p_state=maximized&amp;p_p_mode=view&amp;savelastpath=0&amp;_58_struts_action=/login/forgot_password</t>
  </si>
  <si>
    <t>01/23/2020 15:17:11</t>
  </si>
  <si>
    <t>01/23/2020 15:17:56</t>
  </si>
  <si>
    <t>https://udpwfmniceap02/pt_br/web/guest/home?p_auth=fxyoofj9&amp;p_p_id=58&amp;p_p_lifecycle=1&amp;p_p_state=maximized&amp;p_p_mode=view&amp;savelastpath=0&amp;_58_struts_action=/login/forgot_password</t>
  </si>
  <si>
    <t>lu20188h4hjs.tmp</t>
  </si>
  <si>
    <t>\\acsfs\profiles$\ALEXANDREMM\lu20188h4hjs.tmp</t>
  </si>
  <si>
    <t>\\acsfs\profiles$\ALEXANDREMM\lu20188h4hjs.tmp\</t>
  </si>
  <si>
    <t>\\acsfs\profiles$\ALEXANDREMM\lu20188h4hjs.tmp\META-INF\</t>
  </si>
  <si>
    <t>\\acsfs\profiles$\ALEXANDREMM\lu20188h4hjs.tmp\Thumbnails\</t>
  </si>
  <si>
    <t>01/23/2020 15:24:51</t>
  </si>
  <si>
    <t>01/23/2020 15:21:53</t>
  </si>
  <si>
    <t>Philipe Gonçalves Santos Ferreira_1_6781132660383231091_1_32.wav</t>
  </si>
  <si>
    <t>\\acsfs\Deptos\EDUCACAO EMPRESARIAL\FERNANDA MONIT\Fernanda\MONITORIA JANEIRO\Ligaçoes para MUTANT terceiro ciclo janeiro\Philipe Gonçalves Santos Ferreira_1_6781132660383231091_1_32.wav</t>
  </si>
  <si>
    <t>01/23/2020 15:20:19</t>
  </si>
  <si>
    <t>c7519a8b-af5b-4f36-96b4-943101a491b0.tmp</t>
  </si>
  <si>
    <t>\\acsfs\profiles$\laurandos\Downloads\c7519a8b-af5b-4f36-96b4-943101a491b0.tmp</t>
  </si>
  <si>
    <t>01/23/2020 15:22:28</t>
  </si>
  <si>
    <t>01/23/2020 15:22:29</t>
  </si>
  <si>
    <t>lu711329wwuoe.tmp</t>
  </si>
  <si>
    <t>\\acsfs\profiles$\LUCASBS\RENEG BV\Consolidado\lu711329wwuoe.tmp</t>
  </si>
  <si>
    <t>\\acsfs\profiles$\LUCASBS\RENEG BV\Consolidado\lu711329wwuoe.tmp\</t>
  </si>
  <si>
    <t>\\acsfs\profiles$\LUCASBS\RENEG BV\Consolidado\lu711329wwuoe.tmp\META-INF\</t>
  </si>
  <si>
    <t>\\acsfs\profiles$\LUCASBS\RENEG BV\Consolidado\lu711329wwuoe.tmp\Thumbnails\</t>
  </si>
  <si>
    <t>01/23/2020 15:23:10</t>
  </si>
  <si>
    <t>51cb4553-5881-49db-b9bb-aa24202f3db0.tmp</t>
  </si>
  <si>
    <t>\\acsfs\profiles$\nycolleemdj\Downloads\51cb4553-5881-49db-b9bb-aa24202f3db0.tmp</t>
  </si>
  <si>
    <t>01/23/2020 15:19:56</t>
  </si>
  <si>
    <t>01/23/2020 15:21:21</t>
  </si>
  <si>
    <t>01/23/2020 15:21:58</t>
  </si>
  <si>
    <t>01/23/2020 15:22:26</t>
  </si>
  <si>
    <t>01/23/2020 15:22:55</t>
  </si>
  <si>
    <t>01/23/2020 15:23:29</t>
  </si>
  <si>
    <t>01/23/2020 15:24:29</t>
  </si>
  <si>
    <t>01/23/2020 15:24:35</t>
  </si>
  <si>
    <t>01/23/2020 15:22:14</t>
  </si>
  <si>
    <t>01/23/2020 15:25:51</t>
  </si>
  <si>
    <t>01/23/2020 15:24:14</t>
  </si>
  <si>
    <t>01/23/2020 15:26:51</t>
  </si>
  <si>
    <t>01/23/2020 15:22:02</t>
  </si>
  <si>
    <t>01/23/2020 15:22:34</t>
  </si>
  <si>
    <t>01/23/2020 15:24:01</t>
  </si>
  <si>
    <t>01/23/2020 15:24:07</t>
  </si>
  <si>
    <t>01/23/2020 15:24:20</t>
  </si>
  <si>
    <t>0]k�c��m�˟_x0019_b��;1579711052209;326881640;34;[];[]]];false;null;rus9ehrdptcvlo8dugd8boc1olqgawo5s26vwniuhyg3bfx4pxn_j4focvy9nw\";true]";</t>
  </si>
  <si>
    <t>0]k�c��m�˟_x0019_b��,1579711052209,326881640,34,[],[]]],false,null,rus9ehrdptcvlo8dugd8boc1olqgawo5s26vwniuhyg3bfx4pxn_j4focvy9nw\",true]"</t>
  </si>
  <si>
    <t>01/23/2020 15:24:28</t>
  </si>
  <si>
    <t>01/23/2020 15:24:38</t>
  </si>
  <si>
    <t>01/23/2020 15:24:43</t>
  </si>
  <si>
    <t>01/23/2020 15:25:34</t>
  </si>
  <si>
    <t>0]k�c��m�˟_x0019_b��;1579710751211;326881640;33;[];[]]];false;null;rus9ehrdptcvlo8dugd8roc1okovdbwjuw7jwi0ppa9h1aslpiuu4rys7dpfey\";true]";</t>
  </si>
  <si>
    <t>0]k�c��m�˟_x0019_b��,1579710751211,326881640,33,[],[]]],false,null,rus9ehrdptcvlo8dugd8roc1okovdbwjuw7jwi0ppa9h1aslpiuu4rys7dpfey\",true]"</t>
  </si>
  <si>
    <t>01/23/2020 15:25:42</t>
  </si>
  <si>
    <t>01/23/2020 15:26:00</t>
  </si>
  <si>
    <t>01/23/2020 15:24:42</t>
  </si>
  <si>
    <t>01/23/2020 15:25:52</t>
  </si>
  <si>
    <t>01/23/2020 15:27:51</t>
  </si>
  <si>
    <t>154e43f3-829a-49ad-9bcf-c87bd34f7ea6.tmp</t>
  </si>
  <si>
    <t>\\acsfs\profiles$\lorrainerdl\Downloads\154e43f3-829a-49ad-9bcf-c87bd34f7ea6.tmp</t>
  </si>
  <si>
    <t>01/23/2020 15:26:25</t>
  </si>
  <si>
    <t>deb17e79-750d-453c-b986-d8f707c0be6c.tmp</t>
  </si>
  <si>
    <t>\\acsfs\profiles$\lorrainerdl\Downloads\deb17e79-750d-453c-b986-d8f707c0be6c.tmp</t>
  </si>
  <si>
    <t>01/23/2020 15:26:26</t>
  </si>
  <si>
    <t>01/23/2020 15:29:51</t>
  </si>
  <si>
    <t>58c74a88-e571-4f7e-9e4e-63140c129230.tmp</t>
  </si>
  <si>
    <t>\\acsfs\profiles$\maxmillianosv\Downloads\58c74a88-e571-4f7e-9e4e-63140c129230.tmp</t>
  </si>
  <si>
    <t>01/23/2020 15:26:41</t>
  </si>
  <si>
    <t>199cd817-099d-4586-be39-1c6dd526a673.tmp</t>
  </si>
  <si>
    <t>\\acsfs\profiles$\maxmillianosv\Downloads\199cd817-099d-4586-be39-1c6dd526a673.tmp</t>
  </si>
  <si>
    <t>01/23/2020 15:26:46</t>
  </si>
  <si>
    <t>54e72009-450c-45a1-b79d-95f4f683e536.tmp</t>
  </si>
  <si>
    <t>\\acsfs\profiles$\maxmillianosv\Downloads\54e72009-450c-45a1-b79d-95f4f683e536.tmp</t>
  </si>
  <si>
    <t>01/23/2020 15:25:45</t>
  </si>
  <si>
    <t>01/23/2020 15:26:16</t>
  </si>
  <si>
    <t>01/23/2020 15:26:33</t>
  </si>
  <si>
    <t>01/23/2020 15:26:34</t>
  </si>
  <si>
    <t>01/23/2020 15:26:40</t>
  </si>
  <si>
    <t>01/23/2020 15:26:48</t>
  </si>
  <si>
    <t>01/23/2020 15:28:31</t>
  </si>
  <si>
    <t>684fa28e-004f-4c7c-95a8-7ae98a96f908.tmp</t>
  </si>
  <si>
    <t>\\acsfs\profiles$\brunalas\Downloads\684fa28e-004f-4c7c-95a8-7ae98a96f908.tmp</t>
  </si>
  <si>
    <t>01/23/2020 15:25:21</t>
  </si>
  <si>
    <t>01/23/2020 15:26:13</t>
  </si>
  <si>
    <t>\\acsfs\ACS\Gabriel da Silva\Contemporânea\VENDAS\Thumbs.db</t>
  </si>
  <si>
    <t>01/23/2020 15:26:49</t>
  </si>
  <si>
    <t>01/23/2020 15:27:57</t>
  </si>
  <si>
    <t>01/23/2020 15:28:50</t>
  </si>
  <si>
    <t>01/23/2020 15:28:58</t>
  </si>
  <si>
    <t>01/23/2020 15:30:51</t>
  </si>
  <si>
    <t>01/23/2020 15:28:11</t>
  </si>
  <si>
    <t>e2ebd387-fb85-4587-9651-fef845866890.tmp</t>
  </si>
  <si>
    <t>\\acsfs\profiles$\sarahbal\Downloads\e2ebd387-fb85-4587-9651-fef845866890.tmp</t>
  </si>
  <si>
    <t>01/23/2020 15:28:03</t>
  </si>
  <si>
    <t>01/23/2020 15:31:51</t>
  </si>
  <si>
    <t>01/23/2020 15:28:06</t>
  </si>
  <si>
    <t>01/23/2020 15:29:28</t>
  </si>
  <si>
    <t>01/23/2020 15:29:41</t>
  </si>
  <si>
    <t>01/23/2020 15:29:05</t>
  </si>
  <si>
    <t>db1cdbe1-ff37-4d8c-9f37-b8b5dd281343.tmp</t>
  </si>
  <si>
    <t>\\acsfs\profiles$\welidicdj\Downloads\db1cdbe1-ff37-4d8c-9f37-b8b5dd281343.tmp</t>
  </si>
  <si>
    <t>01/23/2020 15:29:09</t>
  </si>
  <si>
    <t>Q29udHJvbGxlci5QYXl3YXJl (18).ica</t>
  </si>
  <si>
    <t>\\acsfs\profiles$\welidicdj\Downloads\Q29udHJvbGxlci5QYXl3YXJl (18).ica</t>
  </si>
  <si>
    <t>01/23/2020 15:29:35</t>
  </si>
  <si>
    <t>01/23/2020 15:30:39</t>
  </si>
  <si>
    <t>baaf45ce-fc7e-4570-bd1d-5d848eb51ca4.tmp</t>
  </si>
  <si>
    <t>\\acsfs\profiles$\welidicdj\Downloads\baaf45ce-fc7e-4570-bd1d-5d848eb51ca4.tmp</t>
  </si>
  <si>
    <t>01/23/2020 15:30:43</t>
  </si>
  <si>
    <t>01/23/2020 15:34:51</t>
  </si>
  <si>
    <t>01/23/2020 15:31:43</t>
  </si>
  <si>
    <t>01/23/2020 15:33:31</t>
  </si>
  <si>
    <t>vendasMetlife_cotador.csv</t>
  </si>
  <si>
    <t>\\acsfs\ACS\Gabriel da Silva\Contemporânea\VENDAS\vendasMetlife_cotador.csv</t>
  </si>
  <si>
    <t>01/23/2020 15:33:38</t>
  </si>
  <si>
    <t>01/23/2020 15:34:43</t>
  </si>
  <si>
    <t>vendasMetlife_pseg.csv</t>
  </si>
  <si>
    <t>\\acsfs\ACS\Gabriel da Silva\Contemporânea\VENDAS\vendasMetlife_pseg.csv</t>
  </si>
  <si>
    <t>01/23/2020 15:34:00</t>
  </si>
  <si>
    <t>01/23/2020 15:35:51</t>
  </si>
  <si>
    <t>01/23/2020 15:32:46</t>
  </si>
  <si>
    <t>01/23/2020 15:37:51</t>
  </si>
  <si>
    <t>49f69ead-cf22-4c76-a98b-313016736bd8.tmp</t>
  </si>
  <si>
    <t>\\acsfs\profiles$\lorrainerdl\Downloads\49f69ead-cf22-4c76-a98b-313016736bd8.tmp</t>
  </si>
  <si>
    <t>01/23/2020 15:35:25</t>
  </si>
  <si>
    <t>01/23/2020 15:39:51</t>
  </si>
  <si>
    <t>8dd556d5-bfa1-4e26-a949-d7e864e009fa.tmp</t>
  </si>
  <si>
    <t>\\acsfs\profiles$\victorgl\Downloads\8dd556d5-bfa1-4e26-a949-d7e864e009fa.tmp</t>
  </si>
  <si>
    <t>01/23/2020 15:34:20</t>
  </si>
  <si>
    <t>01/23/2020 15:34:41</t>
  </si>
  <si>
    <t>01/23/2020 15:35:15</t>
  </si>
  <si>
    <t>01/23/2020 15:35:54</t>
  </si>
  <si>
    <t>01/23/2020 15:36:02</t>
  </si>
  <si>
    <t>01/23/2020 15:36:08</t>
  </si>
  <si>
    <t>01/23/2020 15:36:22</t>
  </si>
  <si>
    <t>01/23/2020 15:36:23</t>
  </si>
  <si>
    <t>01/23/2020 15:36:27</t>
  </si>
  <si>
    <t>01/23/2020 15:36:33</t>
  </si>
  <si>
    <t>01/23/2020 15:36:39</t>
  </si>
  <si>
    <t>01/23/2020 15:36:40</t>
  </si>
  <si>
    <t>01/23/2020 15:37:52</t>
  </si>
  <si>
    <t>Regis Ezaias da Silva Junior_1_6780339693456273545_1_32.wav</t>
  </si>
  <si>
    <t>\\acsfs\Deptos\EDUCACAO EMPRESARIAL\FERNANDA MONIT\Fernanda\MONITORIA JANEIRO\Ligaçoes para MUTANT terceiro ciclo janeiro\Regis Ezaias da Silva Junior_1_6780339693456273545_1_32.wav</t>
  </si>
  <si>
    <t>01/23/2020 15:35:03</t>
  </si>
  <si>
    <t>45f0ad57-fc24-4118-890e-d9cf46ad659e.tmp</t>
  </si>
  <si>
    <t>\\acsfs\profiles$\ERICALSR\Downloads\45f0ad57-fc24-4118-890e-d9cf46ad659e.tmp</t>
  </si>
  <si>
    <t>01/23/2020 15:36:05</t>
  </si>
  <si>
    <t>66a2c102-26ed-491c-865b-47437d113ba3.tmp</t>
  </si>
  <si>
    <t>\\acsfs\profiles$\geovannasm\Downloads\66a2c102-26ed-491c-865b-47437d113ba3.tmp</t>
  </si>
  <si>
    <t>01/23/2020 15:36:06</t>
  </si>
  <si>
    <t>10bc86cb-b86c-4b27-a8ef-31684ead26f6.tmp</t>
  </si>
  <si>
    <t>\\acsfs\profiles$\geovannasm\Downloads\10bc86cb-b86c-4b27-a8ef-31684ead26f6.tmp</t>
  </si>
  <si>
    <t>01/23/2020 15:36:11</t>
  </si>
  <si>
    <t>cbc8fccc-8340-4de7-b18f-e01503d99fe6.tmp</t>
  </si>
  <si>
    <t>\\acsfs\profiles$\geovannasm\Downloads\cbc8fccc-8340-4de7-b18f-e01503d99fe6.tmp</t>
  </si>
  <si>
    <t>01/23/2020 15:36:19</t>
  </si>
  <si>
    <t>a0b7aafb-7b89-419f-8023-e198dd831d1d.tmp</t>
  </si>
  <si>
    <t>\\acsfs\profiles$\geovannasm\Downloads\a0b7aafb-7b89-419f-8023-e198dd831d1d.tmp</t>
  </si>
  <si>
    <t>01/23/2020 15:38:29</t>
  </si>
  <si>
    <t>01/23/2020 15:37:02</t>
  </si>
  <si>
    <t>01/23/2020 15:37:43</t>
  </si>
  <si>
    <t>22-01 RELATORIO DE LOGIN AVON - Cópia.xlsm</t>
  </si>
  <si>
    <t>\\acsfs\deptos\Operacao\PCP\5 - Comum\CONTROL DESK\2 - DAC2\Control Desk AVON\Relatorios\Status de login\2020\22-01 RELATORIO DE LOGIN AVON - Cópia.xlsm</t>
  </si>
  <si>
    <t>01/23/2020 15:40:51</t>
  </si>
  <si>
    <t>01/23/2020 15:39:21</t>
  </si>
  <si>
    <t>01/23/2020 15:41:51</t>
  </si>
  <si>
    <t>37a698ee-33f1-4865-a3b3-e3f180df22bf.tmp</t>
  </si>
  <si>
    <t>\\acsfs\profiles$\wedersonbadr\My Documents\My Music\37a698ee-33f1-4865-a3b3-e3f180df22bf.tmp</t>
  </si>
  <si>
    <t>01/23/2020 15:40:21</t>
  </si>
  <si>
    <t>27c435c3-c5dd-4c3f-853a-ceaab52a2186.tmp</t>
  </si>
  <si>
    <t>\\acsfs\profiles$\wedersonbadr\My Documents\My Music\27c435c3-c5dd-4c3f-853a-ceaab52a2186.tmp</t>
  </si>
  <si>
    <t>01/23/2020 15:37:35</t>
  </si>
  <si>
    <t>01/23/2020 15:42:51</t>
  </si>
  <si>
    <t>33fe64f7-f69a-4273-ac8d-b80fdb9a1579.tmp</t>
  </si>
  <si>
    <t>\\acsfs\profiles$\lorrainerdl\Downloads\33fe64f7-f69a-4273-ac8d-b80fdb9a1579.tmp</t>
  </si>
  <si>
    <t>01/23/2020 15:39:40</t>
  </si>
  <si>
    <t>01/23/2020 15:44:52</t>
  </si>
  <si>
    <t>01/23/2020 15:39:58</t>
  </si>
  <si>
    <t>01/23/2020 15:40:31</t>
  </si>
  <si>
    <t>01/23/2020 15:40:38</t>
  </si>
  <si>
    <t>01/23/2020 15:40:57</t>
  </si>
  <si>
    <t>01/23/2020 15:41:07</t>
  </si>
  <si>
    <t>01/23/2020 15:41:10</t>
  </si>
  <si>
    <t>01/23/2020 15:41:16</t>
  </si>
  <si>
    <t>01/23/2020 15:42:06</t>
  </si>
  <si>
    <t>01/23/2020 15:45:51</t>
  </si>
  <si>
    <t>01/23/2020 15:44:02</t>
  </si>
  <si>
    <t>01/23/2020 15:46:52</t>
  </si>
  <si>
    <t>https://trc.taboola.com/msn-display-brazil/log/3/perf?lti=deflated</t>
  </si>
  <si>
    <t>01/23/2020 15:44:22</t>
  </si>
  <si>
    <t>10.200.66.198</t>
  </si>
  <si>
    <t>01/23/2020 15:45:00</t>
  </si>
  <si>
    <t>aa2b5481-749c-469c-830b-21ece99d0a50.tmp</t>
  </si>
  <si>
    <t>\\acsfs\profiles$\myllenardl\Downloads\aa2b5481-749c-469c-830b-21ece99d0a50.tmp</t>
  </si>
  <si>
    <t>01/23/2020 15:46:22</t>
  </si>
  <si>
    <t>33ec41c7-97ee-4abc-8287-bab08a9e6187.tmp</t>
  </si>
  <si>
    <t>\\acsfs\profiles$\myllenardl\Downloads\33ec41c7-97ee-4abc-8287-bab08a9e6187.tmp</t>
  </si>
  <si>
    <t>01/23/2020 15:45:14</t>
  </si>
  <si>
    <t>01/23/2020 15:47:51</t>
  </si>
  <si>
    <t>c40ff3d2-8976-4ae0-bf21-7582176b6650.tmp</t>
  </si>
  <si>
    <t>\\acsfs\profiles$\inarajst\Downloads\c40ff3d2-8976-4ae0-bf21-7582176b6650.tmp</t>
  </si>
  <si>
    <t>01/23/2020 15:47:38</t>
  </si>
  <si>
    <t>01/23/2020 15:49:51</t>
  </si>
  <si>
    <t>a57e893d-6ae1-44a1-9136-a0efe3c8deb6.tmp</t>
  </si>
  <si>
    <t>\\acsfs\profiles$\victorgl\Downloads\a57e893d-6ae1-44a1-9136-a0efe3c8deb6.tmp</t>
  </si>
  <si>
    <t>01/23/2020 15:46:50</t>
  </si>
  <si>
    <t>5adff08d-0851-4a01-8fc4-a2d3ce145403.tmp</t>
  </si>
  <si>
    <t>\\acsfs\profiles$\geovannasm\Downloads\5adff08d-0851-4a01-8fc4-a2d3ce145403.tmp</t>
  </si>
  <si>
    <t>01/23/2020 15:50:51</t>
  </si>
  <si>
    <t>01/23/2020 15:47:58</t>
  </si>
  <si>
    <t>XLOG_marcosvnds_23012020_110857.log</t>
  </si>
  <si>
    <t>\\acsfs\profiles$\marcosvnds\My Documents\xworkcenter\logs\XLOG_marcosvnds_23012020_110857.log</t>
  </si>
  <si>
    <t>01/23/2020 15:48:20</t>
  </si>
  <si>
    <t>01/23/2020 15:51:52</t>
  </si>
  <si>
    <t>5194f18d-c224-4cf9-bd62-9b67f531f67d.tmp</t>
  </si>
  <si>
    <t>\\acsfs\profiles$\myllenardl\Downloads\5194f18d-c224-4cf9-bd62-9b67f531f67d.tmp</t>
  </si>
  <si>
    <t>01/23/2020 15:51:14</t>
  </si>
  <si>
    <t>01/23/2020 15:51:39</t>
  </si>
  <si>
    <t>01/23/2020 15:53:52</t>
  </si>
  <si>
    <t>01/23/2020 15:50:59</t>
  </si>
  <si>
    <t>1eab5123-1a68-4311-b131-280dac080e96.tmp</t>
  </si>
  <si>
    <t>\\acsfs\profiles$\fabianobmf\Downloads\1eab5123-1a68-4311-b131-280dac080e96.tmp</t>
  </si>
  <si>
    <t>01/23/2020 15:54:51</t>
  </si>
  <si>
    <t>01/23/2020 15:50:06</t>
  </si>
  <si>
    <t>vendas para o dia 24.txt</t>
  </si>
  <si>
    <t>\\acsfs\profiles$\thaynaracsl\My Documents\vendas para o dia 24.txt</t>
  </si>
  <si>
    <t>01/23/2020 15:55:51</t>
  </si>
  <si>
    <t>01/23/2020 15:57:51</t>
  </si>
  <si>
    <t>01/23/2020 15:53:36</t>
  </si>
  <si>
    <t>01/23/2020 15:53:51</t>
  </si>
  <si>
    <t>01/23/2020 15:54:27</t>
  </si>
  <si>
    <t>a8f44112-bc11-4560-90ed-6afddc9c30f2.tmp</t>
  </si>
  <si>
    <t>\\acsfs\profiles$\esterasg\Downloads\a8f44112-bc11-4560-90ed-6afddc9c30f2.tmp</t>
  </si>
  <si>
    <t>01/23/2020 15:58:51</t>
  </si>
  <si>
    <t>01/23/2020 15:55:41</t>
  </si>
  <si>
    <t>FERNANDO FREITAS SILVA_1_6780382037538848674_1_32.wav</t>
  </si>
  <si>
    <t>\\acsfs\Deptos\EDUCACAO EMPRESARIAL\KÉSIA\Ligações 3º ciclo - Janeiro 2020\FERNANDO FREITAS SILVA_1_6780382037538848674_1_32.wav</t>
  </si>
  <si>
    <t>01/23/2020 15:55:17</t>
  </si>
  <si>
    <t>01/23/2020 15:59:51</t>
  </si>
  <si>
    <t>01/23/2020 15:55:25</t>
  </si>
  <si>
    <t>01/23/2020 15:55:34</t>
  </si>
  <si>
    <t>01/23/2020 15:55:55</t>
  </si>
  <si>
    <t>01/23/2020 15:56:08</t>
  </si>
  <si>
    <t>01/23/2020 15:56:31</t>
  </si>
  <si>
    <t>01/23/2020 15:56:38</t>
  </si>
  <si>
    <t>01/23/2020 15:57:27</t>
  </si>
  <si>
    <t>01/23/2020 15:57:32</t>
  </si>
  <si>
    <t>01/23/2020 15:58:01</t>
  </si>
  <si>
    <t>01/23/2020 15:58:30</t>
  </si>
  <si>
    <t>01/23/2020 15:59:10</t>
  </si>
  <si>
    <t>01/23/2020 15:59:52</t>
  </si>
  <si>
    <t>01/23/2020 16:00:52</t>
  </si>
  <si>
    <t>d5c3c476-b11d-46c5-998d-6ef52ecfbe12.tmp</t>
  </si>
  <si>
    <t>\\acsfs\profiles$\andressamf\Downloads\d5c3c476-b11d-46c5-998d-6ef52ecfbe12.tmp</t>
  </si>
  <si>
    <t>01/23/2020 15:56:24</t>
  </si>
  <si>
    <t>57478216-2c92-4370-b2c1-f596c442d592.tmp</t>
  </si>
  <si>
    <t>\\acsfs\profiles$\THYAGOSP\Downloads\57478216-2c92-4370-b2c1-f596c442d592.tmp</t>
  </si>
  <si>
    <t>01/23/2020 15:58:00</t>
  </si>
  <si>
    <t>cdb9ac00-a2b3-4303-8ba2-39b3907aa5f8.tmp</t>
  </si>
  <si>
    <t>\\acsfs\profiles$\THYAGOSP\Downloads\cdb9ac00-a2b3-4303-8ba2-39b3907aa5f8.tmp</t>
  </si>
  <si>
    <t>01/23/2020 15:59:18</t>
  </si>
  <si>
    <t>01/23/2020 16:02:52</t>
  </si>
  <si>
    <t>8eb5d199-708c-4b0e-a1ec-359ed339cb3d.tmp</t>
  </si>
  <si>
    <t>\\acsfs\profiles$\lorrainerdl\Downloads\8eb5d199-708c-4b0e-a1ec-359ed339cb3d.tmp</t>
  </si>
  <si>
    <t>01/23/2020 16:03:51</t>
  </si>
  <si>
    <t>01/23/2020 16:02:12</t>
  </si>
  <si>
    <t>01/23/2020 16:01:45</t>
  </si>
  <si>
    <t>XLOG_anacdos_23012020_145206.log</t>
  </si>
  <si>
    <t>\\acsfs\profiles$\anacdos\My Documents\xworkcenter\logs\XLOG_anacdos_23012020_145206.log</t>
  </si>
  <si>
    <t>01/23/2020 16:03:15</t>
  </si>
  <si>
    <t>01/23/2020 16:04:51</t>
  </si>
  <si>
    <t>01/23/2020 15:59:41</t>
  </si>
  <si>
    <t>01/23/2020 16:00:06</t>
  </si>
  <si>
    <t>01/23/2020 16:00:14</t>
  </si>
  <si>
    <t>01/23/2020 16:01:07</t>
  </si>
  <si>
    <t>01/23/2020 16:01:19</t>
  </si>
  <si>
    <t>01/23/2020 16:01:29</t>
  </si>
  <si>
    <t>01/23/2020 16:01:47</t>
  </si>
  <si>
    <t>01/23/2020 16:02:28</t>
  </si>
  <si>
    <t>01/23/2020 16:02:35</t>
  </si>
  <si>
    <t>01/23/2020 16:02:55</t>
  </si>
  <si>
    <t>01/23/2020 16:03:16</t>
  </si>
  <si>
    <t>01/23/2020 16:03:29</t>
  </si>
  <si>
    <t>01/23/2020 16:03:38</t>
  </si>
  <si>
    <t>01/23/2020 16:03:45</t>
  </si>
  <si>
    <t>01/23/2020 16:03:52</t>
  </si>
  <si>
    <t>01/23/2020 16:04:06</t>
  </si>
  <si>
    <t>01/23/2020 16:04:11</t>
  </si>
  <si>
    <t>01/23/2020 16:05:51</t>
  </si>
  <si>
    <t>01/23/2020 16:01:55</t>
  </si>
  <si>
    <t>01/23/2020 16:03:06</t>
  </si>
  <si>
    <t>01/23/2020 16:07:51</t>
  </si>
  <si>
    <t>01/23/2020 16:03:14</t>
  </si>
  <si>
    <t>01/23/2020 16:03:26</t>
  </si>
  <si>
    <t>01/23/2020 16:03:37</t>
  </si>
  <si>
    <t>01/23/2020 16:03:43</t>
  </si>
  <si>
    <t>01/23/2020 16:03:57</t>
  </si>
  <si>
    <t>01/23/2020 16:04:33</t>
  </si>
  <si>
    <t>01/23/2020 16:05:40</t>
  </si>
  <si>
    <t>01/23/2020 16:06:08</t>
  </si>
  <si>
    <t>01/23/2020 16:06:18</t>
  </si>
  <si>
    <t>01/23/2020 16:06:24</t>
  </si>
  <si>
    <t>01/23/2020 16:06:31</t>
  </si>
  <si>
    <t>01/23/2020 16:06:40</t>
  </si>
  <si>
    <t>01/23/2020 16:06:43</t>
  </si>
  <si>
    <t>01/23/2020 16:03:07</t>
  </si>
  <si>
    <t>01/23/2020 16:08:52</t>
  </si>
  <si>
    <t>01/23/2020 16:04:00</t>
  </si>
  <si>
    <t>LAIS LIMA GONCALVES_1_6780333959674927469_1_32.wav</t>
  </si>
  <si>
    <t>\\acsfs\Deptos\EDUCACAO EMPRESARIAL\KÉSIA\Ligações 3º ciclo - Janeiro 2020\LAIS LIMA GONCALVES_1_6780333959674927469_1_32.wav</t>
  </si>
  <si>
    <t>01/23/2020 16:09:51</t>
  </si>
  <si>
    <t>01/23/2020 16:04:29</t>
  </si>
  <si>
    <t>01/23/2020 16:04:39</t>
  </si>
  <si>
    <t>01/23/2020 16:04:40</t>
  </si>
  <si>
    <t>01/23/2020 16:07:26</t>
  </si>
  <si>
    <t>229ed3de-4408-40aa-9379-1be9b53b1a05.tmp</t>
  </si>
  <si>
    <t>\\acsfs\profiles$\geovannasm\Downloads\229ed3de-4408-40aa-9379-1be9b53b1a05.tmp</t>
  </si>
  <si>
    <t>01/23/2020 16:07:39</t>
  </si>
  <si>
    <t>32502f19-8a95-4135-94a1-b2148a70426b.tmp</t>
  </si>
  <si>
    <t>\\acsfs\profiles$\nycolleemdj\Downloads\32502f19-8a95-4135-94a1-b2148a70426b.tmp</t>
  </si>
  <si>
    <t>01/23/2020 16:09:14</t>
  </si>
  <si>
    <t>01/23/2020 16:09:26</t>
  </si>
  <si>
    <t>01/23/2020 16:10:52</t>
  </si>
  <si>
    <t>01/23/2020 16:07:15</t>
  </si>
  <si>
    <t>01/23/2020 16:12:52</t>
  </si>
  <si>
    <t>01/23/2020 16:07:16</t>
  </si>
  <si>
    <t>lu152205k7cwn.tmp</t>
  </si>
  <si>
    <t>\\acsfs\profiles$\jalilebds\Downloads\lu152205k7cwn.tmp</t>
  </si>
  <si>
    <t>01/23/2020 16:09:23</t>
  </si>
  <si>
    <t>01/23/2020 16:13:51</t>
  </si>
  <si>
    <t>01/23/2020 16:14:52</t>
  </si>
  <si>
    <t>01/23/2020 16:09:32</t>
  </si>
  <si>
    <t>01/23/2020 16:09:58</t>
  </si>
  <si>
    <t>01/23/2020 16:10:19</t>
  </si>
  <si>
    <t>01/23/2020 16:10:23</t>
  </si>
  <si>
    <t>01/23/2020 16:10:38</t>
  </si>
  <si>
    <t>01/23/2020 16:10:57</t>
  </si>
  <si>
    <t>01/23/2020 16:11:25</t>
  </si>
  <si>
    <t>01/23/2020 16:11:53</t>
  </si>
  <si>
    <t>01/23/2020 16:12:14</t>
  </si>
  <si>
    <t>01/23/2020 16:13:02</t>
  </si>
  <si>
    <t>01/23/2020 16:13:03</t>
  </si>
  <si>
    <t>01/23/2020 16:10:12</t>
  </si>
  <si>
    <t>01/23/2020 16:15:51</t>
  </si>
  <si>
    <t>01/23/2020 16:16:51</t>
  </si>
  <si>
    <t>01/23/2020 16:14:11</t>
  </si>
  <si>
    <t>01/23/2020 16:17:52</t>
  </si>
  <si>
    <t>lu152205k7cwr.tmp</t>
  </si>
  <si>
    <t>\\acsfs\profiles$\jalilebds\Downloads\lu152205k7cwr.tmp</t>
  </si>
  <si>
    <t>01/23/2020 16:13:42</t>
  </si>
  <si>
    <t>5e87fd8c-e326-481e-8b4d-e684bd74d2f3.tmp</t>
  </si>
  <si>
    <t>\\acsfs\profiles$\erichds\Downloads\5e87fd8c-e326-481e-8b4d-e684bd74d2f3.tmp</t>
  </si>
  <si>
    <t>01/23/2020 16:15:27</t>
  </si>
  <si>
    <t>01/23/2020 16:18:51</t>
  </si>
  <si>
    <t>ea7ceb15-0b37-455f-ba8e-2f88f5266835.tmp</t>
  </si>
  <si>
    <t>\\acsfs\profiles$\henriqueco\Downloads\ea7ceb15-0b37-455f-ba8e-2f88f5266835.tmp</t>
  </si>
  <si>
    <t>01/23/2020 16:17:22</t>
  </si>
  <si>
    <t>01/23/2020 16:19:52</t>
  </si>
  <si>
    <t>e4cb6c34-fe04-417d-a870-a58ec9741792.tmp</t>
  </si>
  <si>
    <t>\\acsfs\profiles$\KARENJSS\Downloads\e4cb6c34-fe04-417d-a870-a58ec9741792.tmp</t>
  </si>
  <si>
    <t>01/23/2020 16:17:36</t>
  </si>
  <si>
    <t>01/23/2020 16:20:51</t>
  </si>
  <si>
    <t>01/23/2020 16:16:01</t>
  </si>
  <si>
    <t>01/23/2020 16:16:02</t>
  </si>
  <si>
    <t>01/23/2020 16:21:52</t>
  </si>
  <si>
    <t>01/23/2020 16:22:42</t>
  </si>
  <si>
    <t>01/23/2020 16:23:51</t>
  </si>
  <si>
    <t>LAYLA APARECIDA MACEDO SILVEIRA_1_6781178990195454656_1_32.wav</t>
  </si>
  <si>
    <t>\\acsfs\Deptos\EDUCACAO EMPRESARIAL\KÉSIA\Ligações 3º ciclo - Janeiro 2020\LAYLA APARECIDA MACEDO SILVEIRA_1_6781178990195454656_1_32.wav</t>
  </si>
  <si>
    <t>01/23/2020 16:24:52</t>
  </si>
  <si>
    <t>01/23/2020 16:20:32</t>
  </si>
  <si>
    <t>5da6b559-6256-4328-9576-3c4b36bdbc68.tmp</t>
  </si>
  <si>
    <t>\\acsfs\profiles$\philipegsf\Downloads\5da6b559-6256-4328-9576-3c4b36bdbc68.tmp</t>
  </si>
  <si>
    <t>01/23/2020 16:21:47</t>
  </si>
  <si>
    <t>df32af63-214f-4313-9872-2a416e99e5e2.tmp</t>
  </si>
  <si>
    <t>\\acsfs\profiles$\philipegsf\Downloads\df32af63-214f-4313-9872-2a416e99e5e2.tmp</t>
  </si>
  <si>
    <t>01/23/2020 16:25:52</t>
  </si>
  <si>
    <t>01/23/2020 16:26:51</t>
  </si>
  <si>
    <t>01/23/2020 16:25:35</t>
  </si>
  <si>
    <t>ddf29af3-3838-4994-bd58-05641baa150c.tmp</t>
  </si>
  <si>
    <t>\\acsfs\profiles$\fernandofs\Downloads\ddf29af3-3838-4994-bd58-05641baa150c.tmp</t>
  </si>
  <si>
    <t>01/23/2020 16:26:37</t>
  </si>
  <si>
    <t>3958c766-e7b2-4899-989a-3732d0e89445.tmp</t>
  </si>
  <si>
    <t>\\acsfs\profiles$\fernandofs\Downloads\3958c766-e7b2-4899-989a-3732d0e89445.tmp</t>
  </si>
  <si>
    <t>01/23/2020 16:27:12</t>
  </si>
  <si>
    <t>01/23/2020 16:27:51</t>
  </si>
  <si>
    <t>cd7e7ce0-47d3-4029-8e55-c7dd828ace31.tmp</t>
  </si>
  <si>
    <t>\\acsfs\profiles$\francislayneads\Downloads\cd7e7ce0-47d3-4029-8e55-c7dd828ace31.tmp</t>
  </si>
  <si>
    <t>01/23/2020 16:27:42</t>
  </si>
  <si>
    <t>01/23/2020 16:28:51</t>
  </si>
  <si>
    <t>568d7830-b322-4bb1-a0b4-dfd3e67f2cf9.tmp</t>
  </si>
  <si>
    <t>\\acsfs\profiles$\kellzylenneasr\Downloads\568d7830-b322-4bb1-a0b4-dfd3e67f2cf9.tmp</t>
  </si>
  <si>
    <t>01/23/2020 16:29:51</t>
  </si>
  <si>
    <t>01/23/2020 16:24:38</t>
  </si>
  <si>
    <t>01/23/2020 16:24:39</t>
  </si>
  <si>
    <t>lu711329wwuon.tmp</t>
  </si>
  <si>
    <t>\\acsfs\profiles$\LUCASBS\RENEG BV\Consolidado\lu711329wwuon.tmp</t>
  </si>
  <si>
    <t>\\acsfs\profiles$\LUCASBS\RENEG BV\Consolidado\lu711329wwuon.tmp\</t>
  </si>
  <si>
    <t>\\acsfs\profiles$\LUCASBS\RENEG BV\Consolidado\lu711329wwuon.tmp\META-INF\</t>
  </si>
  <si>
    <t>\\acsfs\profiles$\LUCASBS\RENEG BV\Consolidado\lu711329wwuon.tmp\Thumbnails\</t>
  </si>
  <si>
    <t>01/23/2020 16:27:09</t>
  </si>
  <si>
    <t>01/23/2020 16:27:10</t>
  </si>
  <si>
    <t>lu711329wwuos.tmp</t>
  </si>
  <si>
    <t>\\acsfs\profiles$\LUCASBS\RENEG BV\Consolidado\lu711329wwuos.tmp</t>
  </si>
  <si>
    <t>\\acsfs\profiles$\LUCASBS\RENEG BV\Consolidado\lu711329wwuos.tmp\</t>
  </si>
  <si>
    <t>\\acsfs\profiles$\LUCASBS\RENEG BV\Consolidado\lu711329wwuos.tmp\META-INF\</t>
  </si>
  <si>
    <t>\\acsfs\profiles$\LUCASBS\RENEG BV\Consolidado\lu711329wwuos.tmp\Thumbnails\</t>
  </si>
  <si>
    <t>01/23/2020 16:27:26</t>
  </si>
  <si>
    <t>01/23/2020 16:27:27</t>
  </si>
  <si>
    <t>lu711329wwuox.tmp</t>
  </si>
  <si>
    <t>\\acsfs\profiles$\LUCASBS\RENEG BV\Consolidado\lu711329wwuox.tmp</t>
  </si>
  <si>
    <t>\\acsfs\profiles$\LUCASBS\RENEG BV\Consolidado\lu711329wwuox.tmp\</t>
  </si>
  <si>
    <t>\\acsfs\profiles$\LUCASBS\RENEG BV\Consolidado\lu711329wwuox.tmp\META-INF\</t>
  </si>
  <si>
    <t>\\acsfs\profiles$\LUCASBS\RENEG BV\Consolidado\lu711329wwuox.tmp\Thumbnails\</t>
  </si>
  <si>
    <t>01/23/2020 16:28:10</t>
  </si>
  <si>
    <t>01/23/2020 16:28:14</t>
  </si>
  <si>
    <t>mail.google.com/sync/u/0/i/s?hl=pt-BR&amp;c=911</t>
  </si>
  <si>
    <t>01/23/2020 16:28:17</t>
  </si>
  <si>
    <t>01/23/2020 16:28:21</t>
  </si>
  <si>
    <t>01/23/2020 16:28:37</t>
  </si>
  <si>
    <t>kesiadof@algartech.com;thiagordu@algartech.com;</t>
  </si>
  <si>
    <t>kesiadof@algartech.com,thiagordu@algartech.com</t>
  </si>
  <si>
    <t>01/23/2020 16:28:55</t>
  </si>
  <si>
    <t>bvs-centralcartoes@bv.com.br;fernandorsju@algartech.com;kesiadof@algartech.com;larisacc@algartech.com;marianeps@algartech.com;talmaiardo@algartech.com;thiagordu@algartech.com;</t>
  </si>
  <si>
    <t>bvs-centralcartoes@bv.com.br,fernandorsju@algartech.com,kesiadof@algartech.com,larisacc@algartech.com,marianeps@algartech.com,talmaiardo@algartech.com,thiagordu@algartech.com</t>
  </si>
  <si>
    <t>01/23/2020 16:28:58</t>
  </si>
  <si>
    <t>bvs-centralcartoes@bv.com.br;fernandorsju@algartech.com;kesiadof@algartech.com;larisacc@algartech.com;marianeps@algartech.com;marianerdo@algartech.com;talmaiardo@algartech.com;thiagordu@algartech.com;</t>
  </si>
  <si>
    <t>bvs-centralcartoes@bv.com.br,fernandorsju@algartech.com,kesiadof@algartech.com,larisacc@algartech.com,marianeps@algartech.com,marianerdo@algartech.com,talmaiardo@algartech.com,thiagordu@algartech.com</t>
  </si>
  <si>
    <t>01/23/2020 16:26:23</t>
  </si>
  <si>
    <t>01/23/2020 16:30:52</t>
  </si>
  <si>
    <t>01/23/2020 16:31:51</t>
  </si>
  <si>
    <t>01/23/2020 16:28:08</t>
  </si>
  <si>
    <t>c278592d-4d21-4bfb-8e0e-004ff52834cc.tmp</t>
  </si>
  <si>
    <t>\\acsfs\profiles$\fernandofs\Downloads\c278592d-4d21-4bfb-8e0e-004ff52834cc.tmp</t>
  </si>
  <si>
    <t>01/23/2020 16:31:44</t>
  </si>
  <si>
    <t>669d323b-fece-43eb-890d-7994c0a70e40.tmp</t>
  </si>
  <si>
    <t>\\acsfs\profiles$\regisedsj\Downloads\669d323b-fece-43eb-890d-7994c0a70e40.tmp</t>
  </si>
  <si>
    <t>01/23/2020 16:28:42</t>
  </si>
  <si>
    <t>01/23/2020 16:32:51</t>
  </si>
  <si>
    <t>01/23/2020 16:28:47</t>
  </si>
  <si>
    <t>01/23/2020 16:29:05</t>
  </si>
  <si>
    <t>01/23/2020 16:29:10</t>
  </si>
  <si>
    <t>01/23/2020 16:30:03</t>
  </si>
  <si>
    <t>01/23/2020 16:30:09</t>
  </si>
  <si>
    <t>01/23/2020 16:30:22</t>
  </si>
  <si>
    <t>01/23/2020 16:32:27</t>
  </si>
  <si>
    <t>01/23/2020 16:33:52</t>
  </si>
  <si>
    <t>01/23/2020 16:29:38</t>
  </si>
  <si>
    <t>01/23/2020 16:34:51</t>
  </si>
  <si>
    <t>72da0a48-407e-4e18-9699-e876a860cb80.tmp</t>
  </si>
  <si>
    <t>\\acsfs\profiles$\laurandos\Downloads\72da0a48-407e-4e18-9699-e876a860cb80.tmp</t>
  </si>
  <si>
    <t>01/23/2020 16:29:43</t>
  </si>
  <si>
    <t>10e0a5fe-8de0-454f-b95a-f9e49b75eaa6.tmp</t>
  </si>
  <si>
    <t>\\acsfs\profiles$\laurandos\Downloads\10e0a5fe-8de0-454f-b95a-f9e49b75eaa6.tmp</t>
  </si>
  <si>
    <t>01/23/2020 16:30:49</t>
  </si>
  <si>
    <t>5919c531-fb00-4a69-aeb6-d6e25a80cd84.tmp</t>
  </si>
  <si>
    <t>\\acsfs\profiles$\laurandos\Downloads\5919c531-fb00-4a69-aeb6-d6e25a80cd84.tmp</t>
  </si>
  <si>
    <t>01/23/2020 16:33:39</t>
  </si>
  <si>
    <t>54ab2281-4198-4ea5-ae79-dbb19ed8f7ea.tmp</t>
  </si>
  <si>
    <t>\\acsfs\profiles$\laurandos\Downloads\54ab2281-4198-4ea5-ae79-dbb19ed8f7ea.tmp</t>
  </si>
  <si>
    <t>01/23/2020 16:33:42</t>
  </si>
  <si>
    <t>b2c7b411-8a77-44fd-a46e-609541927c4f.tmp</t>
  </si>
  <si>
    <t>\\acsfs\profiles$\laurandos\Downloads\b2c7b411-8a77-44fd-a46e-609541927c4f.tmp</t>
  </si>
  <si>
    <t>01/23/2020 16:29:37</t>
  </si>
  <si>
    <t>01/23/2020 16:30:30</t>
  </si>
  <si>
    <t>01/23/2020 16:30:45</t>
  </si>
  <si>
    <t>mail.google.com/sync/u/0/i/fd?hl=pt-BR&amp;c=935</t>
  </si>
  <si>
    <t>01/23/2020 16:32:14</t>
  </si>
  <si>
    <t>01/23/2020 16:34:30</t>
  </si>
  <si>
    <t>01/23/2020 16:31:58</t>
  </si>
  <si>
    <t>01/23/2020 16:35:52</t>
  </si>
  <si>
    <t>10.200.66.155</t>
  </si>
  <si>
    <t>34-E6-D7-FC-B8-73</t>
  </si>
  <si>
    <t>VOTORANT-MB016</t>
  </si>
  <si>
    <t>484d9af9-d2f8-4973-ad1f-d78d806f6300.tmp</t>
  </si>
  <si>
    <t>\\acsfs\profiles$\esterasg\Downloads\484d9af9-d2f8-4973-ad1f-d78d806f6300.tmp</t>
  </si>
  <si>
    <t>01/23/2020 16:32:08</t>
  </si>
  <si>
    <t>4b3d7ea0-1069-41a3-b23a-3fea8a2eb3df.tmp</t>
  </si>
  <si>
    <t>\\acsfs\profiles$\esterasg\Downloads\4b3d7ea0-1069-41a3-b23a-3fea8a2eb3df.tmp</t>
  </si>
  <si>
    <t>01/23/2020 16:32:41</t>
  </si>
  <si>
    <t>9b1eb425-cad4-4471-b9b7-aa0c933bc3cb.tmp</t>
  </si>
  <si>
    <t>\\acsfs\profiles$\esterasg\Downloads\9b1eb425-cad4-4471-b9b7-aa0c933bc3cb.tmp</t>
  </si>
  <si>
    <t>01/23/2020 16:36:51</t>
  </si>
  <si>
    <t>01/23/2020 16:34:49</t>
  </si>
  <si>
    <t>01/23/2020 16:37:51</t>
  </si>
  <si>
    <t>01/23/2020 16:34:52</t>
  </si>
  <si>
    <t>01/23/2020 16:34:55</t>
  </si>
  <si>
    <t>01/23/2020 16:35:53</t>
  </si>
  <si>
    <t>01/23/2020 16:35:58</t>
  </si>
  <si>
    <t>01/23/2020 16:36:04</t>
  </si>
  <si>
    <t>01/23/2020 16:36:01</t>
  </si>
  <si>
    <t>01/23/2020 16:38:51</t>
  </si>
  <si>
    <t>01/23/2020 16:36:11</t>
  </si>
  <si>
    <t>01/23/2020 16:36:15</t>
  </si>
  <si>
    <t>01/23/2020 16:36:23</t>
  </si>
  <si>
    <t>01/23/2020 16:36:30</t>
  </si>
  <si>
    <t>fernandaab@algartech.com;larisacc@algartech.com;marianerdo@algartech.com;suportebv@mutantbr.com;talmaiardo@algartech.com;tatiane.biassi@mutantbr.com;thiagordu@algartech.com;</t>
  </si>
  <si>
    <t>fernandaab@algartech.com,larisacc@algartech.com,marianerdo@algartech.com,suportebv@mutantbr.com,talmaiardo@algartech.com,tatiane.biassi@mutantbr.com,thiagordu@algartech.com</t>
  </si>
  <si>
    <t>01/23/2020 16:37:22</t>
  </si>
  <si>
    <t>01/23/2020 16:38:00</t>
  </si>
  <si>
    <t>01/23/2020 16:38:05</t>
  </si>
  <si>
    <t>01/23/2020 16:39:51</t>
  </si>
  <si>
    <t>01/23/2020 16:37:21</t>
  </si>
  <si>
    <t>5e29c13e-778c-4512-b03e-f3449987cd64.tmp</t>
  </si>
  <si>
    <t>\\acsfs\profiles$\nycolleemdj\Downloads\5e29c13e-778c-4512-b03e-f3449987cd64.tmp</t>
  </si>
  <si>
    <t>01/23/2020 16:38:21</t>
  </si>
  <si>
    <t>0066e3c6-d439-46ee-aebc-5e63ab6ca4f2.tmp</t>
  </si>
  <si>
    <t>\\acsfs\profiles$\nycolleemdj\Downloads\0066e3c6-d439-46ee-aebc-5e63ab6ca4f2.tmp</t>
  </si>
  <si>
    <t>01/23/2020 16:39:16</t>
  </si>
  <si>
    <t>01/23/2020 16:36:07</t>
  </si>
  <si>
    <t>01/23/2020 16:40:51</t>
  </si>
  <si>
    <t>01/23/2020 16:41:51</t>
  </si>
  <si>
    <t>01/23/2020 16:40:04</t>
  </si>
  <si>
    <t>575a49c6-75de-4a10-aec2-787417952eed.tmp</t>
  </si>
  <si>
    <t>\\acsfs\profiles$\NatanaelLF\Downloads\575a49c6-75de-4a10-aec2-787417952eed.tmp</t>
  </si>
  <si>
    <t>01/23/2020 16:41:04</t>
  </si>
  <si>
    <t>01/23/2020 16:42:51</t>
  </si>
  <si>
    <t>01/23/2020 16:41:06</t>
  </si>
  <si>
    <t>lu104085p75j.tmp</t>
  </si>
  <si>
    <t>\\acsfs\profiles$\victoriaksr\My Documents\lu104085p75j.tmp</t>
  </si>
  <si>
    <t>01/23/2020 16:41:12</t>
  </si>
  <si>
    <t>01/23/2020 16:43:52</t>
  </si>
  <si>
    <t>MARIA GABRIELA SILVA GOMES_1_6781073905230619751_1_32.wav</t>
  </si>
  <si>
    <t>\\acsfs\Deptos\EDUCACAO EMPRESARIAL\KÉSIA\Ligações 3º ciclo - Janeiro 2020\MARIA GABRIELA SILVA GOMES_1_6781073905230619751_1_32.wav</t>
  </si>
  <si>
    <t>01/23/2020 16:42:01</t>
  </si>
  <si>
    <t>01/23/2020 16:44:51</t>
  </si>
  <si>
    <t>mail.google.com/sync/u/0/i/s?hl=pt-BR&amp;c=961</t>
  </si>
  <si>
    <t>01/23/2020 16:42:10</t>
  </si>
  <si>
    <t>01/23/2020 16:42:20</t>
  </si>
  <si>
    <t>01/23/2020 16:42:26</t>
  </si>
  <si>
    <t>01/23/2020 16:42:30</t>
  </si>
  <si>
    <t>01/23/2020 16:42:42</t>
  </si>
  <si>
    <t>01/23/2020 16:42:46</t>
  </si>
  <si>
    <t>01/23/2020 16:43:50</t>
  </si>
  <si>
    <t>Rosileia Maria da Cruz_1_6780450379058449906_1_32.wav</t>
  </si>
  <si>
    <t>\\acsfs\Deptos\EDUCACAO EMPRESARIAL\FERNANDA MONIT\Fernanda\MONITORIA JANEIRO\Ligaçoes para MUTANT terceiro ciclo janeiro\Rosileia Maria da Cruz_1_6780450379058449906_1_32.wav</t>
  </si>
  <si>
    <t>01/23/2020 16:41:39</t>
  </si>
  <si>
    <t>01/23/2020 16:46:52</t>
  </si>
  <si>
    <t>01/23/2020 16:48:51</t>
  </si>
  <si>
    <t>01/23/2020 16:46:34</t>
  </si>
  <si>
    <t>01/23/2020 16:46:37</t>
  </si>
  <si>
    <t>01/23/2020 16:46:38</t>
  </si>
  <si>
    <t>01/23/2020 16:46:40</t>
  </si>
  <si>
    <t>01/23/2020 16:46:43</t>
  </si>
  <si>
    <t>01/23/2020 16:46:46</t>
  </si>
  <si>
    <t>01/23/2020 16:46:48</t>
  </si>
  <si>
    <t>01/23/2020 16:46:51</t>
  </si>
  <si>
    <t>01/23/2020 16:46:53</t>
  </si>
  <si>
    <t>01/23/2020 16:46:55</t>
  </si>
  <si>
    <t>01/23/2020 16:46:58</t>
  </si>
  <si>
    <t>01/23/2020 16:47:00</t>
  </si>
  <si>
    <t>01/23/2020 16:47:02</t>
  </si>
  <si>
    <t>01/23/2020 16:47:03</t>
  </si>
  <si>
    <t>01/23/2020 16:47:06</t>
  </si>
  <si>
    <t>01/23/2020 16:47:07</t>
  </si>
  <si>
    <t>01/23/2020 16:47:10</t>
  </si>
  <si>
    <t>01/23/2020 16:47:12</t>
  </si>
  <si>
    <t>01/23/2020 16:47:14</t>
  </si>
  <si>
    <t>01/23/2020 16:47:16</t>
  </si>
  <si>
    <t>01/23/2020 16:47:18</t>
  </si>
  <si>
    <t>01/23/2020 16:47:20</t>
  </si>
  <si>
    <t>01/23/2020 16:47:21</t>
  </si>
  <si>
    <t>01/23/2020 16:47:23</t>
  </si>
  <si>
    <t>01/23/2020 16:47:26</t>
  </si>
  <si>
    <t>01/23/2020 16:47:27</t>
  </si>
  <si>
    <t>01/23/2020 16:47:29</t>
  </si>
  <si>
    <t>01/23/2020 16:47:31</t>
  </si>
  <si>
    <t>01/23/2020 16:47:33</t>
  </si>
  <si>
    <t>01/23/2020 16:47:35</t>
  </si>
  <si>
    <t>01/23/2020 16:47:38</t>
  </si>
  <si>
    <t>01/23/2020 16:47:40</t>
  </si>
  <si>
    <t>01/23/2020 16:47:42</t>
  </si>
  <si>
    <t>01/23/2020 16:47:45</t>
  </si>
  <si>
    <t>01/23/2020 16:47:47</t>
  </si>
  <si>
    <t>01/23/2020 16:47:50</t>
  </si>
  <si>
    <t>01/23/2020 16:47:52</t>
  </si>
  <si>
    <t>01/23/2020 16:47:53</t>
  </si>
  <si>
    <t>01/23/2020 16:47:55</t>
  </si>
  <si>
    <t>01/23/2020 16:47:57</t>
  </si>
  <si>
    <t>01/23/2020 16:47:59</t>
  </si>
  <si>
    <t>01/23/2020 16:48:03</t>
  </si>
  <si>
    <t>01/23/2020 16:48:06</t>
  </si>
  <si>
    <t>01/23/2020 16:46:06</t>
  </si>
  <si>
    <t>01/23/2020 16:49:51</t>
  </si>
  <si>
    <t>01/23/2020 16:46:22</t>
  </si>
  <si>
    <t>01/23/2020 16:51:52</t>
  </si>
  <si>
    <t>01/23/2020 16:49:54</t>
  </si>
  <si>
    <t>http:///batch/drive/v2internal?%24ct=multipart%2Fmixed%3B%20boundary%3D%22%3D%3D%3D%3D%3Diueeh0swo5ga%3D%3D%3D%3D%3D%22&amp;key=AIzaSyAy9VVXHSpS2IJpptzYtGbLP3-3_l0aBk4</t>
  </si>
  <si>
    <t>7;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http://7,ancestorhasaugmentedpermissions,containsunsubscribedchildren,displayname,domain,emailaddress,filesize,hasthumbnail,hasvisitorpermissions,id),items(kind,ken,lastmodifyinguser(kind,lastviewedbymedate,modifiedbymedate,modifieddate,ontainsunsubscribedchildren,owners(kind,permission,permissionid,picture,thumbnailversion,workspaceids</t>
  </si>
  <si>
    <t>01/23/2020 16:49:56</t>
  </si>
  <si>
    <t>http:///batch/drive/v2internal?%24ct=multipart%2Fmixed%3B%20boundary%3D%22%3D%3D%3D%3D%3Dhv6up1371nl1%3D%3D%3D%3D%3D%22&amp;key=AIzaSyAy9VVXHSpS2IJpptzYtGbLP3-3_l0aBk4</t>
  </si>
  <si>
    <t>1579715567616;1579719179571;326881640;49;61;7;[];[]]];ancestorhasaugmentedpermissions;containsunsubscribedchildren;displayname;domain;emailaddress;false;file(kind;fileid;filesize;hasthumbnail;hasvisitorpermissions;id;id);items(deleted;ken;kind;lastmodifyinguser(kind;lastviewedbymedate;modifiedbymedate;modifieddate;null;ontainsunsubscribedchildren;owners(kind;per;permissionid;picture;rus9ehrdptcvlo8dugd4roc1oixhzsv9uwmvemxzl7s0vbvvixqotjoqw-mxtu\";rus9ehrdptcvlo8dugd7roc1oi591mpxuea2usq0em8gruzcpdzccroa1ehakm\";shared;sharedwithmedate;thumbnailversion;title;true]";userpermission(role);workspaceids;</t>
  </si>
  <si>
    <t>http://1579715567616,1579719179571,326881640,49,61,7,[],[]]],ancestorhasaugmentedpermissions,containsunsubscribedchildren,displayname,domain,emailaddress,false,file(kind,fileid,filesize,hasthumbnail,hasvisitorpermissions,id,id),items(deleted,ken,kind,lastmodifyinguser(kind,lastviewedbymedate,modifiedbymedate,modifieddate,null,ontainsunsubscribedchildren,owners(kind,per,permissionid,picture,rus9ehrdptcvlo8dugd4roc1oixhzsv9uwmvemxzl7s0vbvvixqotjoqw-mxtu\",rus9ehrdptcvlo8dugd7roc1oi591mpxuea2usq0em8gruzcpdzccroa1ehakm\",shared,sharedwithmedate,thumbnailversion,title,true]",userpermission(role),workspaceids</t>
  </si>
  <si>
    <t>01/23/2020 16:50:04</t>
  </si>
  <si>
    <t>http:///batch/drive/v2internal?%24ct=multipart%2Fmixed%3B%20boundary%3D%22%3D%3D%3D%3D%3D9ta780l3hov0%3D%3D%3D%3D%3D%22&amp;key=AIzaSyAy9VVXHSpS2IJpptzYtGbLP3-3_l0aBk4</t>
  </si>
  <si>
    <t>http:///batch/drive/v2internal?%24ct=multipart%2Fmixed%3B%20boundary%3D%22%3D%3D%3D%3D%3De93pb4jqc68s%3D%3D%3D%3D%3D%22&amp;key=AIzaSyAy9VVXHSpS2IJpptzYtGbLP3-3_l0aBk4</t>
  </si>
  <si>
    <t>01/23/2020 16:50:55</t>
  </si>
  <si>
    <t>http:///batch/drive/v2internal?%24ct=multipart%2Fmixed%3B%20boundary%3D%22%3D%3D%3D%3D%3Dwvyhl627svtx%3D%3D%3D%3D%3D%22&amp;key=AIzaSyAy9VVXHSpS2IJpptzYtGbLP3-3_l0aBk4</t>
  </si>
  <si>
    <t>ancestorhasaugmentedpermissions;containsunsubscribedchildren;displayname;domain;emailaddress;explicitlytrashed;filesize;hasthumbnail;hasvisitorpermissions;id;id);items(kind;ken;lastmodifyinguser(kind;lastviewedbymedate;modifiedbymedate;modifieddate;ontainsunsubscribedchildren;owners(kind;permissionid;picture;shared;sharedwithmedate;thumbnailversion;title;userpermission(role);workspaceids;</t>
  </si>
  <si>
    <t>http://ancestorhasaugmentedpermissions,containsunsubscribedchildren,displayname,domain,emailaddress,explicitlytrashed,filesize,hasthumbnail,hasvisitorpermissions,id,id),items(kind,ken,lastmodifyinguser(kind,lastviewedbymedate,modifiedbymedate,modifieddate,ontainsunsubscribedchildren,owners(kind,permissionid,picture,shared,sharedwithmedate,thumbnailversion,title,userpermission(role),workspaceids</t>
  </si>
  <si>
    <t>01/23/2020 16:50:57</t>
  </si>
  <si>
    <t>Aderencia Fevereiro.xls</t>
  </si>
  <si>
    <t>ancestorhasaugmentedpermissions,containsunsubscribedchildren,displayname,domain,emailaddress,explicitlytrashed,filesize,hasthumbnail,hasvisitorpermissions,id,id),items(kind,ken,lastmodifyinguser(kind,lastviewedbymedate,modifiedbymedate,modifieddate,ontainsunsubscribedchildren,owners(kind,permissionid,picture,shared,sharedwithmedate,thumbnailversion,title,userpermission(role),workspaceids</t>
  </si>
  <si>
    <t>01/23/2020 16:51:01</t>
  </si>
  <si>
    <t>http://drive.google.com/upload/drive/v2internal/files?uploadType=multipart&amp;supportsTeamDrives=true&amp;pinned=true&amp;convert=false&amp;fields=kind%2CmodifiedDate%2ChasVisitorPermissions%2CcontainsUnsubscribedChildren%2CmodifiedByMeDate%2ClastViewedByMeDate%2CworkspaceIds%2CfileSize%2Cowners(kind%2CpermissionId%2CdisplayName%2Cpicture%2CemailAddress%2Cdomain%2Cid)%2ClastModifyingUser(kind%2CpermissionId%2CdisplayName%2Cpicture%2CemailAddress%2Cid)%2CancestorHasAugmentedPermissions%2ChasThumbnail%2CthumbnailVersion%2Ctitle%2Cid%2Cshared%2CsharedWithMeDate%2CuserPermission(role)%2CexplicitlyTrashed%2CmimeType%2CquotaBytesUsed%2Cshareable%2Ccopyable%2Csubscribed%2CfolderColor%2ChasChildFolders%2CfileExtension%2CprimarySyncParentId%2CsharingUser(kind%2CpermissionId%2CdisplayName%2Cpicture%2CemailAddress%2Cid)%2CflaggedForAbuse%2CfolderFeatures%2Cspaces%2CsourceAppId%2Crecency%2CrecencyReason%2Cversion%2CactionItems%2CteamDriveId%2ChasAugmentedPermissions%2CcreatedDate%2CprimaryDomainName%2CorganizationDisplayName%2Cpassivel</t>
  </si>
  <si>
    <t>ancestorhasaugmentedpermissions;containsunsubscribedchildren;displayname;domain;emailaddress;explicitlytrashed;file(kind;fileid;filesize;hasthumbnail;hasvisitorpermissions;id;id);items(deleted;items(kind;ken;kind;lastmodifyinguser(kind;lastviewedbymedate;modifiedbymedate;modifieddate;ontainsunsubscribedchildren;owners(kind;per;permissionid;picture;shared;sharedwithmedate;thumbnailversion;title;userpermission(role);workspaceids;</t>
  </si>
  <si>
    <t>http://ancestorhasaugmentedpermissions,containsunsubscribedchildren,displayname,domain,emailaddress,explicitlytrashed,file(kind,fileid,filesize,hasthumbnail,hasvisitorpermissions,id,id),items(deleted,items(kind,ken,kind,lastmodifyinguser(kind,lastviewedbymedate,modifiedbymedate,modifieddate,ontainsunsubscribedchildren,owners(kind,per,permissionid,picture,shared,sharedwithmedate,thumbnailversion,title,userpermission(role),workspaceids</t>
  </si>
  <si>
    <t>http:///batch/drive/v2internal?%24ct=multipart%2Fmixed%3B%20boundary%3D%22%3D%3D%3D%3D%3D243fp7acdxw8%3D%3D%3D%3D%3D%22&amp;key=AIzaSyAy9VVXHSpS2IJpptzYtGbLP3-3_l0aBk4</t>
  </si>
  <si>
    <t>01/23/2020 16:51:02</t>
  </si>
  <si>
    <t>http:///batch/drive/v2internal?%24ct=multipart%2Fmixed%3B%20boundary%3D%22%3D%3D%3D%3D%3Dl1daq2xi7ecw%3D%3D%3D%3D%3D%22&amp;key=AIzaSyAy9VVXHSpS2IJpptzYtGbLP3-3_l0aBk4</t>
  </si>
  <si>
    <t>01/23/2020 16:48:30</t>
  </si>
  <si>
    <t>01/23/2020 16:53:52</t>
  </si>
  <si>
    <t>01/23/2020 16:52:56</t>
  </si>
  <si>
    <t>5a1a8688-0ed1-4727-88cd-7dbab78ae7b0.tmp</t>
  </si>
  <si>
    <t>\\acsfs\profiles$\erichds\Downloads\5a1a8688-0ed1-4727-88cd-7dbab78ae7b0.tmp</t>
  </si>
  <si>
    <t>01/23/2020 16:48:23</t>
  </si>
  <si>
    <t>01/23/2020 16:48:26</t>
  </si>
  <si>
    <t>01/23/2020 16:48:37</t>
  </si>
  <si>
    <t>C:\Users\gabrieleods\Links\</t>
  </si>
  <si>
    <t>01/23/2020 16:48:39</t>
  </si>
  <si>
    <t>C:\Users\gabrieleods\documents\</t>
  </si>
  <si>
    <t>01/23/2020 16:48:45</t>
  </si>
  <si>
    <t>01/23/2020 16:48:46</t>
  </si>
  <si>
    <t>01/23/2020 16:50:23</t>
  </si>
  <si>
    <t>7ea91da2-e1e3-4a7d-a6c9-4e74ac2c43a0.tmp</t>
  </si>
  <si>
    <t>\\acsfs\profiles$\fabianobmf\Downloads\7ea91da2-e1e3-4a7d-a6c9-4e74ac2c43a0.tmp</t>
  </si>
  <si>
    <t>01/23/2020 16:51:16</t>
  </si>
  <si>
    <t>01/23/2020 16:54:51</t>
  </si>
  <si>
    <t>c0984577-c0ce-4371-97c5-04205510d42a.tmp</t>
  </si>
  <si>
    <t>\\acsfs\profiles$\brunalas\Downloads\c0984577-c0ce-4371-97c5-04205510d42a.tmp</t>
  </si>
  <si>
    <t>01/23/2020 16:52:14</t>
  </si>
  <si>
    <t>63f6d018-fcbd-4566-b573-4d34f1de1328.tmp</t>
  </si>
  <si>
    <t>\\acsfs\profiles$\brunalas\Downloads\63f6d018-fcbd-4566-b573-4d34f1de1328.tmp</t>
  </si>
  <si>
    <t>01/23/2020 16:53:53</t>
  </si>
  <si>
    <t>01/23/2020 16:53:59</t>
  </si>
  <si>
    <t>01/23/2020 16:54:04</t>
  </si>
  <si>
    <t>01/23/2020 16:54:13</t>
  </si>
  <si>
    <t>01/23/2020 16:56:51</t>
  </si>
  <si>
    <t>01/23/2020 16:51:10</t>
  </si>
  <si>
    <t>http:///batch/drive/v2internal?%24ct=multipart%2Fmixed%3B%20boundary%3D%22%3D%3D%3D%3D%3D6ptyujdo5yz6%3D%3D%3D%3D%3D%22&amp;key=AIzaSyAy9VVXHSpS2IJpptzYtGbLP3-3_l0aBk4</t>
  </si>
  <si>
    <t>01/23/2020 16:51:17</t>
  </si>
  <si>
    <t>http:///batch/drive/v2internal?%24ct=multipart%2Fmixed%3B%20boundary%3D%22%3D%3D%3D%3D%3Dt1mi7dvgmm83%3D%3D%3D%3D%3D%22&amp;key=AIzaSyAy9VVXHSpS2IJpptzYtGbLP3-3_l0aBk4</t>
  </si>
  <si>
    <t>http:///batch/drive/v2internal?%24ct=multipart%2Fmixed%3B%20boundary%3D%22%3D%3D%3D%3D%3Dkbphix5l05bk%3D%3D%3D%3D%3D%22&amp;key=AIzaSyAy9VVXHSpS2IJpptzYtGbLP3-3_l0aBk4</t>
  </si>
  <si>
    <t>http:///batch/drive/v2internal?%24ct=multipart%2Fmixed%3B%20boundary%3D%22%3D%3D%3D%3D%3D237k6lvzmqfm%3D%3D%3D%3D%3D%22&amp;key=AIzaSyAy9VVXHSpS2IJpptzYtGbLP3-3_l0aBk4</t>
  </si>
  <si>
    <t>01/23/2020 16:51:19</t>
  </si>
  <si>
    <t>http:///batch/drive/v2internal?%24ct=multipart%2Fmixed%3B%20boundary%3D%22%3D%3D%3D%3D%3Dkk297p9nygi1%3D%3D%3D%3D%3D%22&amp;key=AIzaSyAy9VVXHSpS2IJpptzYtGbLP3-3_l0aBk4</t>
  </si>
  <si>
    <t>01/23/2020 16:51:20</t>
  </si>
  <si>
    <t>http:///batch/drive/v2internal?%24ct=multipart%2Fmixed%3B%20boundary%3D%22%3D%3D%3D%3D%3D4i2yllyjsvpo%3D%3D%3D%3D%3D%22&amp;key=AIzaSyAy9VVXHSpS2IJpptzYtGbLP3-3_l0aBk4</t>
  </si>
  <si>
    <t>01/23/2020 16:58:52</t>
  </si>
  <si>
    <t>01/23/2020 16:56:53</t>
  </si>
  <si>
    <t>01/23/2020 16:57:28</t>
  </si>
  <si>
    <t>01/23/2020 16:57:37</t>
  </si>
  <si>
    <t>01/23/2020 16:57:51</t>
  </si>
  <si>
    <t>5f832807-a499-4403-92f8-29df66feeb79.tmp</t>
  </si>
  <si>
    <t>\\acsfs\profiles$\erichds\Downloads\5f832807-a499-4403-92f8-29df66feeb79.tmp</t>
  </si>
  <si>
    <t>01/23/2020 16:54:22</t>
  </si>
  <si>
    <t>f175c898-4493-42d6-a1c5-a00b2c14b554.tmp</t>
  </si>
  <si>
    <t>\\acsfs\profiles$\fabianobmf\Downloads\f175c898-4493-42d6-a1c5-a00b2c14b554.tmp</t>
  </si>
  <si>
    <t>01/23/2020 16:58:46</t>
  </si>
  <si>
    <t>01/23/2020 16:59:51</t>
  </si>
  <si>
    <t>da835f9f-41ba-4377-95f0-d6ddc761d51a.tmp</t>
  </si>
  <si>
    <t>\\acsfs\profiles$\philipegsf\Downloads\da835f9f-41ba-4377-95f0-d6ddc761d51a.tmp</t>
  </si>
  <si>
    <t>01/23/2020 17:01:51</t>
  </si>
  <si>
    <t>01/23/2020 17:00:33</t>
  </si>
  <si>
    <t>193a308a-fd51-4f08-8ab5-499fc5332c32.tmp</t>
  </si>
  <si>
    <t>\\acsfs\profiles$\fernandofs\Downloads\193a308a-fd51-4f08-8ab5-499fc5332c32.tmp</t>
  </si>
  <si>
    <t>01/23/2020 16:59:01</t>
  </si>
  <si>
    <t>836a0667-703a-4606-a6cd-a56c0bb8c5b0.tmp</t>
  </si>
  <si>
    <t>\\acsfs\profiles$\regisedsj\Downloads\836a0667-703a-4606-a6cd-a56c0bb8c5b0.tmp</t>
  </si>
  <si>
    <t>66a1ae42-23f8-436b-b5e5-ccc3a9b0518c.tmp</t>
  </si>
  <si>
    <t>\\acsfs\profiles$\regisedsj\Downloads\66a1ae42-23f8-436b-b5e5-ccc3a9b0518c.tmp</t>
  </si>
  <si>
    <t>01/23/2020 17:02:41</t>
  </si>
  <si>
    <t>01/23/2020 17:02:52</t>
  </si>
  <si>
    <t>d87e9bc4-5182-4636-874d-778bdb543864.tmp</t>
  </si>
  <si>
    <t>\\acsfs\profiles$\andreapdsg\Downloads\d87e9bc4-5182-4636-874d-778bdb543864.tmp</t>
  </si>
  <si>
    <t>01/23/2020 16:59:57</t>
  </si>
  <si>
    <t>01/23/2020 17:04:52</t>
  </si>
  <si>
    <t>c6dbcd98-3370-400d-a9d0-07c4b03a0e14.tmp</t>
  </si>
  <si>
    <t>\\acsfs\profiles$\brunalas\Downloads\c6dbcd98-3370-400d-a9d0-07c4b03a0e14.tmp</t>
  </si>
  <si>
    <t>01/23/2020 17:01:58</t>
  </si>
  <si>
    <t>Aliny Alves_1_6780292899787573346_1_32.wav</t>
  </si>
  <si>
    <t>\\acsfs\Deptos\EDUCACAO EMPRESARIAL\FERNANDA MONIT\Fernanda\MONITORIA JANEIRO\Ligaçoes para MUTANT terceiro ciclo janeiro\Aliny Alves_1_6780292899787573346_1_32.wav</t>
  </si>
  <si>
    <t>01/23/2020 17:02:25</t>
  </si>
  <si>
    <t>01/23/2020 17:02:44</t>
  </si>
  <si>
    <t>01/23/2020 17:03:16</t>
  </si>
  <si>
    <t>01/23/2020 17:03:36</t>
  </si>
  <si>
    <t>01/23/2020 17:03:37</t>
  </si>
  <si>
    <t>01/23/2020 17:03:55</t>
  </si>
  <si>
    <t>01/23/2020 17:04:05</t>
  </si>
  <si>
    <t>01/23/2020 17:04:17</t>
  </si>
  <si>
    <t>01/23/2020 17:04:23</t>
  </si>
  <si>
    <t>01/23/2020 17:04:34</t>
  </si>
  <si>
    <t>01/23/2020 16:59:53</t>
  </si>
  <si>
    <t>e68621c4-e14a-44c5-89ec-dd9d20e22cfd.tmp</t>
  </si>
  <si>
    <t>\\acsfs\profiles$\philipegsf\Downloads\e68621c4-e14a-44c5-89ec-dd9d20e22cfd.tmp</t>
  </si>
  <si>
    <t>01/23/2020 17:00:11</t>
  </si>
  <si>
    <t>af3b6bf8-30a1-4e1b-8847-1b2c22e68b7d.tmp</t>
  </si>
  <si>
    <t>\\acsfs\profiles$\philipegsf\Downloads\af3b6bf8-30a1-4e1b-8847-1b2c22e68b7d.tmp</t>
  </si>
  <si>
    <t>01/23/2020 17:00:40</t>
  </si>
  <si>
    <t>4f23c639-12ea-44c6-afe7-46dca21ff64c.tmp</t>
  </si>
  <si>
    <t>\\acsfs\profiles$\philipegsf\Downloads\4f23c639-12ea-44c6-afe7-46dca21ff64c.tmp</t>
  </si>
  <si>
    <t>01/23/2020 17:00:52</t>
  </si>
  <si>
    <t>01/23/2020 17:03:31</t>
  </si>
  <si>
    <t>01/23/2020 17:05:51</t>
  </si>
  <si>
    <t>01/23/2020 17:06:51</t>
  </si>
  <si>
    <t>01/23/2020 17:01:40</t>
  </si>
  <si>
    <t>01/23/2020 17:01:44</t>
  </si>
  <si>
    <t>01/23/2020 17:01:59</t>
  </si>
  <si>
    <t>01/23/2020 17:02:00</t>
  </si>
  <si>
    <t>01/23/2020 17:02:10</t>
  </si>
  <si>
    <t>01/23/2020 17:05:02</t>
  </si>
  <si>
    <t>dc1f677e-a6ef-4a23-ba6b-67034bdac0eb.tmp</t>
  </si>
  <si>
    <t>\\acsfs\profiles$\myllenardl\Downloads\dc1f677e-a6ef-4a23-ba6b-67034bdac0eb.tmp</t>
  </si>
  <si>
    <t>01/23/2020 17:05:11</t>
  </si>
  <si>
    <t>01/23/2020 17:08:51</t>
  </si>
  <si>
    <t>mail.google.com/sync/u/0/i/s?hl=pt-BR&amp;c=2165</t>
  </si>
  <si>
    <t>01/23/2020 17:05:18</t>
  </si>
  <si>
    <t>mail.google.com/sync/u/0/i/s?hl=pt-BR&amp;c=2167</t>
  </si>
  <si>
    <t>01/23/2020 17:06:34</t>
  </si>
  <si>
    <t>mail.google.com/sync/u/0/i/s?hl=pt-BR&amp;c=2173</t>
  </si>
  <si>
    <t>01/23/2020 17:06:56</t>
  </si>
  <si>
    <t>mail.google.com/sync/u/0/i/s?hl=pt-BR&amp;c=2176</t>
  </si>
  <si>
    <t>01/23/2020 17:07:02</t>
  </si>
  <si>
    <t>mail.google.com/sync/u/0/i/s?hl=pt-BR&amp;c=2178</t>
  </si>
  <si>
    <t>01/23/2020 17:07:12</t>
  </si>
  <si>
    <t>mail.google.com/sync/u/0/i/s?hl=pt-BR&amp;c=2180</t>
  </si>
  <si>
    <t>01/23/2020 17:05:34</t>
  </si>
  <si>
    <t>01/23/2020 17:09:51</t>
  </si>
  <si>
    <t>e24d80d6-1f6f-465a-a325-f6a113bb179e.tmp</t>
  </si>
  <si>
    <t>\\acsfs\profiles$\edicarlosdl\Downloads\e24d80d6-1f6f-465a-a325-f6a113bb179e.tmp</t>
  </si>
  <si>
    <t>01/23/2020 17:04:36</t>
  </si>
  <si>
    <t>01/23/2020 17:04:37</t>
  </si>
  <si>
    <t>01/23/2020 17:04:42</t>
  </si>
  <si>
    <t>01/23/2020 17:05:06</t>
  </si>
  <si>
    <t>01/23/2020 17:05:13</t>
  </si>
  <si>
    <t>01/23/2020 17:05:42</t>
  </si>
  <si>
    <t>01/23/2020 17:05:45</t>
  </si>
  <si>
    <t>01/23/2020 17:06:01</t>
  </si>
  <si>
    <t>01/23/2020 17:05:46</t>
  </si>
  <si>
    <t>01/23/2020 17:10:51</t>
  </si>
  <si>
    <t>eec72ece-6aa2-4aff-94a6-ea6e06f2d237.tmp</t>
  </si>
  <si>
    <t>\\acsfs\profiles$\andressamf\Downloads\eec72ece-6aa2-4aff-94a6-ea6e06f2d237.tmp</t>
  </si>
  <si>
    <t>01/23/2020 17:08:45</t>
  </si>
  <si>
    <t>0691cd21-2334-4200-b138-3db3e1978af5.tmp</t>
  </si>
  <si>
    <t>\\acsfs\profiles$\andressamf\Downloads\0691cd21-2334-4200-b138-3db3e1978af5.tmp</t>
  </si>
  <si>
    <t>01/23/2020 17:08:11</t>
  </si>
  <si>
    <t>01/23/2020 17:11:52</t>
  </si>
  <si>
    <t>01/23/2020 17:08:56</t>
  </si>
  <si>
    <t>01/23/2020 17:13:51</t>
  </si>
  <si>
    <t>mail.google.com/sync/u/0/i/s?hl=pt-BR&amp;c=2184</t>
  </si>
  <si>
    <t>01/23/2020 17:09:12</t>
  </si>
  <si>
    <t>mail.google.com/sync/u/0/i/s?hl=pt-BR&amp;c=2186</t>
  </si>
  <si>
    <t>03/01/2020;</t>
  </si>
  <si>
    <t>01/23/2020 17:09:57</t>
  </si>
  <si>
    <t>mail.google.com/sync/u/0/i/s?hl=pt-BR&amp;c=2189</t>
  </si>
  <si>
    <t>01/23/2020 17:10:20</t>
  </si>
  <si>
    <t>mail.google.com/sync/u/0/i/s?hl=pt-BR&amp;c=2191</t>
  </si>
  <si>
    <t>01/23/2020 17:10:36</t>
  </si>
  <si>
    <t>mail.google.com/sync/u/0/i/s?hl=pt-BR&amp;c=2194</t>
  </si>
  <si>
    <t>01/23/2020 17:10:50</t>
  </si>
  <si>
    <t>mail.google.com/sync/u/0/i/s?hl=pt-BR&amp;c=2197</t>
  </si>
  <si>
    <t>01/23/2020 17:11:01</t>
  </si>
  <si>
    <t>mail.google.com/sync/u/0/i/s?hl=pt-BR&amp;c=2199</t>
  </si>
  <si>
    <t>01/23/2020 17:12:02</t>
  </si>
  <si>
    <t>mail.google.com/sync/u/0/i/s?hl=pt-BR&amp;c=2202</t>
  </si>
  <si>
    <t>01/23/2020 17:12:26</t>
  </si>
  <si>
    <t>KIT_PRE_DESLIG_PEDIDO_DEMISSAO_AUSENTE_100487_KAMILLA CAROLINA RODRIGUES (5).pdf</t>
  </si>
  <si>
    <t>01/23/2020 17:12:27</t>
  </si>
  <si>
    <t>mail.google.com/sync/u/0/i/s?hl=pt-BR&amp;c=2204</t>
  </si>
  <si>
    <t>01/23/2020 17:12:29</t>
  </si>
  <si>
    <t>mail.google.com/sync/u/0/i/s?hl=pt-BR&amp;c=2207</t>
  </si>
  <si>
    <t>01/23/2020 17:12:32</t>
  </si>
  <si>
    <t>mail.google.com/sync/u/0/i/s?hl=pt-BR&amp;c=2209</t>
  </si>
  <si>
    <t>01/23/2020 17:12:37</t>
  </si>
  <si>
    <t>mail.google.com/sync/u/0/i/s?hl=pt-BR&amp;c=2211</t>
  </si>
  <si>
    <t>01/23/2020 17:12:44</t>
  </si>
  <si>
    <t>mail.google.com/sync/u/0/i/s?hl=pt-BR&amp;c=2214</t>
  </si>
  <si>
    <t>01/23/2020 17:12:57</t>
  </si>
  <si>
    <t>mail.google.com/sync/u/0/i/s?hl=pt-BR&amp;c=2216</t>
  </si>
  <si>
    <t>01/23/2020 17:13:05</t>
  </si>
  <si>
    <t>mail.google.com/sync/u/0/i/s?hl=pt-BR&amp;c=2218</t>
  </si>
  <si>
    <t>01/23/2020 17:13:14</t>
  </si>
  <si>
    <t>mail.google.com/sync/u/0/i/s?hl=pt-BR&amp;c=2220</t>
  </si>
  <si>
    <t>01/23/2020 17:09:55</t>
  </si>
  <si>
    <t>01/23/2020 17:09:56</t>
  </si>
  <si>
    <t>01/23/2020 17:14:51</t>
  </si>
  <si>
    <t>01/23/2020 17:11:59</t>
  </si>
  <si>
    <t>f15b4dcd-3964-41d3-836f-830abf8235b7.tmp</t>
  </si>
  <si>
    <t>\\acsfs\profiles$\KARENJSS\Downloads\f15b4dcd-3964-41d3-836f-830abf8235b7.tmp</t>
  </si>
  <si>
    <t>01/23/2020 17:09:50</t>
  </si>
  <si>
    <t>Bruna Assunção Rosa_1_6780990045994162444_1_32.wav</t>
  </si>
  <si>
    <t>\\acsfs\Deptos\EDUCACAO EMPRESARIAL\FERNANDA MONIT\Fernanda\MONITORIA JANEIRO\Ligaçoes para MUTANT terceiro ciclo janeiro\Bruna Assunção Rosa_1_6780990045994162444_1_32.wav</t>
  </si>
  <si>
    <t>01/23/2020 17:14:09</t>
  </si>
  <si>
    <t>01/23/2020 17:15:52</t>
  </si>
  <si>
    <t>01/23/2020 17:16:51</t>
  </si>
  <si>
    <t>01/23/2020 17:13:23</t>
  </si>
  <si>
    <t>01/23/2020 17:18:51</t>
  </si>
  <si>
    <t>mail.google.com/sync/u/0/i/s?hl=pt-BR&amp;c=2222</t>
  </si>
  <si>
    <t>03/02/2020;qualidadealgarbv@algartech.com;thiagordu@algartech.com;</t>
  </si>
  <si>
    <t>03/02/2020,qualidadealgarbv@algartech.com,thiagordu@algartech.com</t>
  </si>
  <si>
    <t>01/23/2020 17:13:36</t>
  </si>
  <si>
    <t>mail.google.com/sync/u/0/i/s?hl=pt-BR&amp;c=2224</t>
  </si>
  <si>
    <t>01/23/2020 17:13:42</t>
  </si>
  <si>
    <t>mail.google.com/sync/u/0/i/s?hl=pt-BR&amp;c=2227</t>
  </si>
  <si>
    <t>01/23/2020 17:13:55</t>
  </si>
  <si>
    <t>mail.google.com/sync/u/0/i/s?hl=pt-BR&amp;c=2229</t>
  </si>
  <si>
    <t>01/23/2020 17:14:04</t>
  </si>
  <si>
    <t>mail.google.com/sync/u/0/i/s?hl=pt-BR&amp;c=2231</t>
  </si>
  <si>
    <t>01/23/2020 17:16:22</t>
  </si>
  <si>
    <t>01/23/2020 17:19:51</t>
  </si>
  <si>
    <t>01/23/2020 17:17:16</t>
  </si>
  <si>
    <t>01/23/2020 17:17:25</t>
  </si>
  <si>
    <t>01/23/2020 17:17:36</t>
  </si>
  <si>
    <t>01/23/2020 17:17:39</t>
  </si>
  <si>
    <t>01/23/2020 17:17:48</t>
  </si>
  <si>
    <t>01/23/2020 17:18:12</t>
  </si>
  <si>
    <t>01/23/2020 17:18:30</t>
  </si>
  <si>
    <t>01/23/2020 17:18:35</t>
  </si>
  <si>
    <t>01/23/2020 17:18:46</t>
  </si>
  <si>
    <t>01/23/2020 17:18:47</t>
  </si>
  <si>
    <t>01/23/2020 17:20:51</t>
  </si>
  <si>
    <t>01/23/2020 17:17:21</t>
  </si>
  <si>
    <t>image2020-01-23-150848.pdf</t>
  </si>
  <si>
    <t>\\acsfs\Deptos\Operacao\Banco_Votorantim\Supervisao\Maristela\CRBV vendas\Desligamento\image2020-01-23-150848.pdf</t>
  </si>
  <si>
    <t>01/23/2020 17:21:51</t>
  </si>
  <si>
    <t>6cefddc3-1534-4fe4-917d-2bc52fb27b3b.tmp</t>
  </si>
  <si>
    <t>\\acsfs\profiles$\myllenardl\Downloads\6cefddc3-1534-4fe4-917d-2bc52fb27b3b.tmp</t>
  </si>
  <si>
    <t>01/23/2020 17:18:25</t>
  </si>
  <si>
    <t>01/23/2020 17:23:51</t>
  </si>
  <si>
    <t>01/23/2020 17:21:12</t>
  </si>
  <si>
    <t>01/23/2020 17:24:51</t>
  </si>
  <si>
    <t>bdcbf13b-a133-4e66-9560-dfe678d4439d.tmp</t>
  </si>
  <si>
    <t>\\acsfs\profiles$\claudiajca\Downloads\bdcbf13b-a133-4e66-9560-dfe678d4439d.tmp</t>
  </si>
  <si>
    <t>01/23/2020 17:20:36</t>
  </si>
  <si>
    <t>Cintia da Costa Ferreira_1_6780624325233944126_1_32.wav</t>
  </si>
  <si>
    <t>\\acsfs\Deptos\EDUCACAO EMPRESARIAL\FERNANDA MONIT\Fernanda\MONITORIA JANEIRO\Ligaçoes para MUTANT terceiro ciclo janeiro\Cintia da Costa Ferreira_1_6780624325233944126_1_32.wav</t>
  </si>
  <si>
    <t>01/23/2020 17:21:50</t>
  </si>
  <si>
    <t>01/23/2020 17:25:51</t>
  </si>
  <si>
    <t>01/23/2020 17:24:02</t>
  </si>
  <si>
    <t>01/23/2020 17:26:52</t>
  </si>
  <si>
    <t>01/23/2020 17:27:03</t>
  </si>
  <si>
    <t>01/23/2020 17:29:51</t>
  </si>
  <si>
    <t>01/23/2020 17:27:08</t>
  </si>
  <si>
    <t>01/23/2020 17:27:27</t>
  </si>
  <si>
    <t>01/23/2020 17:27:37</t>
  </si>
  <si>
    <t>01/23/2020 17:27:42</t>
  </si>
  <si>
    <t>01/23/2020 17:27:46</t>
  </si>
  <si>
    <t>01/23/2020 17:27:54</t>
  </si>
  <si>
    <t>01/23/2020 17:25:34</t>
  </si>
  <si>
    <t>01/23/2020 17:26:12</t>
  </si>
  <si>
    <t>01/23/2020 17:30:51</t>
  </si>
  <si>
    <t>01/23/2020 16:13:47</t>
  </si>
  <si>
    <t>lu514767qd4h8.tmp</t>
  </si>
  <si>
    <t>\\acsfs\profiles$\rafaelacdoc\Desktop\lu514767qd4h8.tmp</t>
  </si>
  <si>
    <t>\\acsfs\profiles$\rafaelacdoc\Desktop\lu514767qd4h8.tmp\</t>
  </si>
  <si>
    <t>\\acsfs\profiles$\rafaelacdoc\Desktop\lu514767qd4h8.tmp\META-INF\</t>
  </si>
  <si>
    <t>01/23/2020 17:31:52</t>
  </si>
  <si>
    <t>\\acsfs\profiles$\rafaelacdoc\Desktop\lu514767qd4h8.tmp\Thumbnails\</t>
  </si>
  <si>
    <t>01/23/2020 17:28:20</t>
  </si>
  <si>
    <t>90c4a590-1fa9-4b84-aea9-8f6721e8688b.tmp</t>
  </si>
  <si>
    <t>\\acsfs\profiles$\cassianogc\Downloads\90c4a590-1fa9-4b84-aea9-8f6721e8688b.tmp</t>
  </si>
  <si>
    <t>01/23/2020 17:30:29</t>
  </si>
  <si>
    <t>357914d7-dd3a-4a39-b5f4-8b6b678e523b.tmp</t>
  </si>
  <si>
    <t>\\acsfs\profiles$\layonmof\Downloads\357914d7-dd3a-4a39-b5f4-8b6b678e523b.tmp</t>
  </si>
  <si>
    <t>01/23/2020 17:30:40</t>
  </si>
  <si>
    <t>d51bf61d-40e6-40c1-8f22-c2c1eca92f63.tmp</t>
  </si>
  <si>
    <t>\\acsfs\profiles$\layonmof\Downloads\d51bf61d-40e6-40c1-8f22-c2c1eca92f63.tmp</t>
  </si>
  <si>
    <t>01/23/2020 17:31:08</t>
  </si>
  <si>
    <t>85a4c95d-6a69-4c14-859c-fd8823b61bec.tmp</t>
  </si>
  <si>
    <t>\\acsfs\profiles$\layonmof\Downloads\85a4c95d-6a69-4c14-859c-fd8823b61bec.tmp</t>
  </si>
  <si>
    <t>01/23/2020 17:28:58</t>
  </si>
  <si>
    <t>f3e6d9e7-6f52-4eb8-91a6-ae5ee875b805.tmp</t>
  </si>
  <si>
    <t>\\acsfs\profiles$\myllenardl\Downloads\f3e6d9e7-6f52-4eb8-91a6-ae5ee875b805.tmp</t>
  </si>
  <si>
    <t>01/23/2020 17:29:09</t>
  </si>
  <si>
    <t>d9ee7e4c-9105-4679-bd05-71aab32095d5.tmp</t>
  </si>
  <si>
    <t>\\acsfs\profiles$\myllenardl\Downloads\d9ee7e4c-9105-4679-bd05-71aab32095d5.tmp</t>
  </si>
  <si>
    <t>01/23/2020 17:29:11</t>
  </si>
  <si>
    <t>6df6b785-d6ce-4e22-830e-81d2e2aaaf65.tmp</t>
  </si>
  <si>
    <t>\\acsfs\profiles$\myllenardl\Downloads\6df6b785-d6ce-4e22-830e-81d2e2aaaf65.tmp</t>
  </si>
  <si>
    <t>01/23/2020 17:33:52</t>
  </si>
  <si>
    <t>01/23/2020 17:31:58</t>
  </si>
  <si>
    <t>mail.google.com/sync/u/0/i/s?hl=pt-BR&amp;c=2259</t>
  </si>
  <si>
    <t>03/02/2020;04/02/2020;bvcartes-supervisores@algarnet.onmicrosoft.com;bvs-centralcartoes@bv.com.br;ricardodfm@algartech.com.br;</t>
  </si>
  <si>
    <t>03/02/2020,04/02/2020,bvcartes-supervisores@algarnet.onmicrosoft.com,bvs-centralcartoes@bv.com.br,ricardodfm@algartech.com.br</t>
  </si>
  <si>
    <t>01/23/2020 17:32:05</t>
  </si>
  <si>
    <t>mail.google.com/sync/u/0/i/s?hl=pt-BR&amp;c=2261</t>
  </si>
  <si>
    <t>01/23/2020 17:32:22</t>
  </si>
  <si>
    <t>mail.google.com/sync/u/0/i/s?hl=pt-BR&amp;c=2263</t>
  </si>
  <si>
    <t>7;bvcartes-supervisores@algarnet.onmicrosoft.com;bvs-centralcartoes@bv.com.br;eduardo.santana@bv.com.br;fabio.ernest@bv.com.br;jean.loiola@bv.com.br;thiagordu@algartech.com;vitorgmp@algartech.com;</t>
  </si>
  <si>
    <t>7,bvcartes-supervisores@algarnet.onmicrosoft.com,bvs-centralcartoes@bv.com.br,eduardo.santana@bv.com.br,fabio.ernest@bv.com.br,jean.loiola@bv.com.br,thiagordu@algartech.com,vitorgmp@algartech.com</t>
  </si>
  <si>
    <t>01/23/2020 17:32:26</t>
  </si>
  <si>
    <t>mail.google.com/sync/u/0/i/s?hl=pt-BR&amp;c=2265</t>
  </si>
  <si>
    <t>01/23/2020 17:32:30</t>
  </si>
  <si>
    <t>mail.google.com/sync/u/0/i/s?hl=pt-BR&amp;c=2267</t>
  </si>
  <si>
    <t>03/01/2020;bvs-centralcartoes@bv.com.br;</t>
  </si>
  <si>
    <t>03/01/2020,bvs-centralcartoes@bv.com.br</t>
  </si>
  <si>
    <t>01/23/2020 17:32:45</t>
  </si>
  <si>
    <t>mail.google.com/sync/u/0/i/s?hl=pt-BR&amp;c=2270</t>
  </si>
  <si>
    <t>03/02/2020;bvs-centralcartoes@bv.com.br;</t>
  </si>
  <si>
    <t>03/02/2020,bvs-centralcartoes@bv.com.br</t>
  </si>
  <si>
    <t>01/23/2020 17:32:49</t>
  </si>
  <si>
    <t>mail.google.com/sync/u/0/i/s?hl=pt-BR&amp;c=2272</t>
  </si>
  <si>
    <t>01/23/2020 17:32:56</t>
  </si>
  <si>
    <t>mail.google.com/sync/u/0/i/s?hl=pt-BR&amp;c=2274</t>
  </si>
  <si>
    <t>01/23/2020 17:33:02</t>
  </si>
  <si>
    <t>mail.google.com/sync/u/0/i/s?hl=pt-BR&amp;c=2276</t>
  </si>
  <si>
    <t>bvs-centralcartoes@bv.com.br;consultivotrabalhista@algartech.com;thiagordu@algartech.com;</t>
  </si>
  <si>
    <t>bvs-centralcartoes@bv.com.br,consultivotrabalhista@algartech.com,thiagordu@algartech.com</t>
  </si>
  <si>
    <t>01/23/2020 17:33:07</t>
  </si>
  <si>
    <t>mail.google.com/sync/u/0/i/s?hl=pt-BR&amp;c=2278</t>
  </si>
  <si>
    <t>bvcartes-supervisores@algarnet.onmicrosoft.com;bvs-centralcartoes@bv.com.br;consultivotrabalhista@algartech.com;thiagordu@algartech.com;</t>
  </si>
  <si>
    <t>bvcartes-supervisores@algarnet.onmicrosoft.com,bvs-centralcartoes@bv.com.br,consultivotrabalhista@algartech.com,thiagordu@algartech.com</t>
  </si>
  <si>
    <t>01/23/2020 17:33:54</t>
  </si>
  <si>
    <t>01/23/2020 17:34:51</t>
  </si>
  <si>
    <t>01/23/2020 17:34:08</t>
  </si>
  <si>
    <t>01/23/2020 17:34:37</t>
  </si>
  <si>
    <t>01/23/2020 17:34:10</t>
  </si>
  <si>
    <t>01/23/2020 17:36:51</t>
  </si>
  <si>
    <t>01/23/2020 17:32:06</t>
  </si>
  <si>
    <t>4702a61c-727b-4612-a508-00a865a4e4ef.tmp</t>
  </si>
  <si>
    <t>\\acsfs\profiles$\leonardocb\Downloads\4702a61c-727b-4612-a508-00a865a4e4ef.tmp</t>
  </si>
  <si>
    <t>01/23/2020 17:33:39</t>
  </si>
  <si>
    <t>be35c085-327a-4271-9027-07dc2381792a.tmp</t>
  </si>
  <si>
    <t>\\acsfs\profiles$\leonardocb\Downloads\be35c085-327a-4271-9027-07dc2381792a.tmp</t>
  </si>
  <si>
    <t>01/23/2020 17:33:03</t>
  </si>
  <si>
    <t>44846f44-5a76-4751-982d-869086a48354.tmp</t>
  </si>
  <si>
    <t>\\acsfs\profiles$\nathaliaos\Downloads\44846f44-5a76-4751-982d-869086a48354.tmp</t>
  </si>
  <si>
    <t>01/23/2020 17:34:21</t>
  </si>
  <si>
    <t>ee6f2414-f998-41e7-bf91-80c39bc78b39.tmp</t>
  </si>
  <si>
    <t>\\acsfs\profiles$\nathaliaos\Downloads\ee6f2414-f998-41e7-bf91-80c39bc78b39.tmp</t>
  </si>
  <si>
    <t>0573cf58-2387-4c7f-9866-16ce1c9f5fda.tmp</t>
  </si>
  <si>
    <t>\\acsfs\profiles$\layonmof\Downloads\0573cf58-2387-4c7f-9866-16ce1c9f5fda.tmp</t>
  </si>
  <si>
    <t>01/23/2020 17:33:23</t>
  </si>
  <si>
    <t>eaa47d8c-cb34-4d80-8f9b-21065ccfabf4.tmp</t>
  </si>
  <si>
    <t>\\acsfs\profiles$\layonmof\Downloads\eaa47d8c-cb34-4d80-8f9b-21065ccfabf4.tmp</t>
  </si>
  <si>
    <t>01/23/2020 17:35:40</t>
  </si>
  <si>
    <t>3e3ff5c9-736a-492b-9b37-035a2105e427.tmp</t>
  </si>
  <si>
    <t>\\acsfs\profiles$\fernandofs\Downloads\3e3ff5c9-736a-492b-9b37-035a2105e427.tmp</t>
  </si>
  <si>
    <t>01/23/2020 17:34:38</t>
  </si>
  <si>
    <t>01/23/2020 17:38:51</t>
  </si>
  <si>
    <t>01/23/2020 17:34:39</t>
  </si>
  <si>
    <t>mail.google.com/sync/u/0/i/s?hl=pt-BR&amp;c=2281</t>
  </si>
  <si>
    <t>01/23/2020 17:33:47</t>
  </si>
  <si>
    <t>mail.google.com/sync/u/0/i/s?hl=pt-BR&amp;c=2285</t>
  </si>
  <si>
    <t>01/23/2020 17:36:48</t>
  </si>
  <si>
    <t>01/23/2020 17:37:49</t>
  </si>
  <si>
    <t>mail.google.com/sync/u/0/i/s?hl=pt-BR&amp;c=2298</t>
  </si>
  <si>
    <t>01/23/2020 17:37:52</t>
  </si>
  <si>
    <t>mail.google.com/sync/u/0/i/s?hl=pt-BR&amp;c=2300</t>
  </si>
  <si>
    <t>01/23/2020 17:38:11</t>
  </si>
  <si>
    <t>01/23/2020 17:39:52</t>
  </si>
  <si>
    <t>01/23/2020 17:34:49</t>
  </si>
  <si>
    <t>01/23/2020 17:35:08</t>
  </si>
  <si>
    <t>01/23/2020 17:35:24</t>
  </si>
  <si>
    <t>01/23/2020 17:35:48</t>
  </si>
  <si>
    <t>01/23/2020 17:35:54</t>
  </si>
  <si>
    <t>01/23/2020 17:38:25</t>
  </si>
  <si>
    <t>01/23/2020 17:38:55</t>
  </si>
  <si>
    <t>01/23/2020 17:38:58</t>
  </si>
  <si>
    <t>01/23/2020 17:39:15</t>
  </si>
  <si>
    <t>01/23/2020 17:40:51</t>
  </si>
  <si>
    <t>01/23/2020 17:41:51</t>
  </si>
  <si>
    <t>01/23/2020 17:43:51</t>
  </si>
  <si>
    <t>01/23/2020 17:39:46</t>
  </si>
  <si>
    <t>01/23/2020 17:39:48</t>
  </si>
  <si>
    <t>01/23/2020 17:39:49</t>
  </si>
  <si>
    <t>01/23/2020 17:39:50</t>
  </si>
  <si>
    <t>01/23/2020 17:39:51</t>
  </si>
  <si>
    <t>01/23/2020 17:42:16</t>
  </si>
  <si>
    <t>mail.google.com/sync/u/0/i/s?hl=pt-BR&amp;c=2314</t>
  </si>
  <si>
    <t>01/23/2020 17:43:05</t>
  </si>
  <si>
    <t>mail.google.com/sync/u/0/i/s?hl=pt-BR&amp;c=2317</t>
  </si>
  <si>
    <t>01/23/2020 17:43:15</t>
  </si>
  <si>
    <t>mail.google.com/sync/u/0/i/s?hl=pt-BR&amp;c=2320</t>
  </si>
  <si>
    <t>01/23/2020 17:43:22</t>
  </si>
  <si>
    <t>mail.google.com/sync/u/0/i/s?hl=pt-BR&amp;c=2322</t>
  </si>
  <si>
    <t>01/23/2020 17:39:06</t>
  </si>
  <si>
    <t>56101ce5-9d40-4533-9e05-7872fb4944e3.tmp</t>
  </si>
  <si>
    <t>\\acsfs\profiles$\victorgl\Downloads\56101ce5-9d40-4533-9e05-7872fb4944e3.tmp</t>
  </si>
  <si>
    <t>01/23/2020 17:39:38</t>
  </si>
  <si>
    <t>3220f01d-dbcf-40e3-a3e3-d9e696a32101.tmp</t>
  </si>
  <si>
    <t>\\acsfs\profiles$\victorgl\Downloads\3220f01d-dbcf-40e3-a3e3-d9e696a32101.tmp</t>
  </si>
  <si>
    <t>01/23/2020 17:40:06</t>
  </si>
  <si>
    <t>b333a308-56a7-4d88-be16-f3cbd9d394d3.tmp</t>
  </si>
  <si>
    <t>\\acsfs\profiles$\victorgl\Downloads\b333a308-56a7-4d88-be16-f3cbd9d394d3.tmp</t>
  </si>
  <si>
    <t>01/23/2020 17:44:51</t>
  </si>
  <si>
    <t>01/23/2020 17:44:22</t>
  </si>
  <si>
    <t>01/23/2020 17:44:28</t>
  </si>
  <si>
    <t>01/23/2020 17:44:29</t>
  </si>
  <si>
    <t>01/23/2020 17:45:51</t>
  </si>
  <si>
    <t>01/23/2020 17:44:43</t>
  </si>
  <si>
    <t>01/23/2020 17:46:51</t>
  </si>
  <si>
    <t>01/23/2020 17:43:27</t>
  </si>
  <si>
    <t>01/23/2020 17:47:51</t>
  </si>
  <si>
    <t>6703e9b5-957c-4ad3-88e1-84220846ec5e.tmp</t>
  </si>
  <si>
    <t>\\acsfs\profiles$\Adrieledgc\Downloads\6703e9b5-957c-4ad3-88e1-84220846ec5e.tmp</t>
  </si>
  <si>
    <t>01/23/2020 17:44:27</t>
  </si>
  <si>
    <t>ed6229bc-f3d3-4485-8866-c5deb94112e2.tmp</t>
  </si>
  <si>
    <t>\\acsfs\profiles$\Adrieledgc\Downloads\ed6229bc-f3d3-4485-8866-c5deb94112e2.tmp</t>
  </si>
  <si>
    <t>01/23/2020 17:43:30</t>
  </si>
  <si>
    <t>01/23/2020 17:48:51</t>
  </si>
  <si>
    <t>mail.google.com/sync/u/0/i/s?hl=pt-BR&amp;c=2324</t>
  </si>
  <si>
    <t>01/23/2020 17:43:37</t>
  </si>
  <si>
    <t>mail.google.com/sync/u/0/i/s?hl=pt-BR&amp;c=2326</t>
  </si>
  <si>
    <t>01/23/2020 17:43:40</t>
  </si>
  <si>
    <t>mail.google.com/sync/u/0/i/s?hl=pt-BR&amp;c=2329</t>
  </si>
  <si>
    <t>01/23/2020 17:43:44</t>
  </si>
  <si>
    <t>mail.google.com/sync/u/0/i/s?hl=pt-BR&amp;c=2331</t>
  </si>
  <si>
    <t>01/23/2020 17:43:49</t>
  </si>
  <si>
    <t>mail.google.com/sync/u/0/i/s?hl=pt-BR&amp;c=2333</t>
  </si>
  <si>
    <t>01/23/2020 17:43:59</t>
  </si>
  <si>
    <t>mail.google.com/sync/u/0/i/s?hl=pt-BR&amp;c=2335</t>
  </si>
  <si>
    <t>01/23/2020 17:44:13</t>
  </si>
  <si>
    <t>mail.google.com/sync/u/0/i/s?hl=pt-BR&amp;c=2337</t>
  </si>
  <si>
    <t>01/23/2020 17:44:17</t>
  </si>
  <si>
    <t>mail.google.com/sync/u/0/i/s?hl=pt-BR&amp;c=2339</t>
  </si>
  <si>
    <t>01/23/2020 17:44:26</t>
  </si>
  <si>
    <t>mail.google.com/sync/u/0/i/s?hl=pt-BR&amp;c=2341</t>
  </si>
  <si>
    <t>01/23/2020 17:44:30</t>
  </si>
  <si>
    <t>mail.google.com/sync/u/0/i/s?hl=pt-BR&amp;c=2343</t>
  </si>
  <si>
    <t>IMG_1241.jpg</t>
  </si>
  <si>
    <t>mail.google.com/sync/u/0/i/s?hl=pt-BR&amp;c=2352</t>
  </si>
  <si>
    <t>01/23/2020 17:45:12</t>
  </si>
  <si>
    <t>mail.google.com/sync/u/0/i/s?hl=pt-BR&amp;c=2361</t>
  </si>
  <si>
    <t>01/23/2020 17:45:20</t>
  </si>
  <si>
    <t>mail.google.com/sync/u/0/i/s?hl=pt-BR&amp;c=2363</t>
  </si>
  <si>
    <t>01/23/2020 17:45:24</t>
  </si>
  <si>
    <t>mail.google.com/sync/u/0/i/s?hl=pt-BR&amp;c=2365</t>
  </si>
  <si>
    <t>01/23/2020 17:45:33</t>
  </si>
  <si>
    <t>mail.google.com/sync/u/0/i/s?hl=pt-BR&amp;c=2367</t>
  </si>
  <si>
    <t>mail.google.com/sync/u/0/i/s?hl=pt-BR&amp;c=2370</t>
  </si>
  <si>
    <t>01/23/2020 17:45:55</t>
  </si>
  <si>
    <t>mail.google.com/sync/u/0/i/s?hl=pt-BR&amp;c=2372</t>
  </si>
  <si>
    <t>01/23/2020 17:46:03</t>
  </si>
  <si>
    <t>mail.google.com/sync/u/0/i/s?hl=pt-BR&amp;c=2374</t>
  </si>
  <si>
    <t>01/23/2020 17:46:11</t>
  </si>
  <si>
    <t>mail.google.com/sync/u/0/i/s?hl=pt-BR&amp;c=2376</t>
  </si>
  <si>
    <t>01/23/2020 17:46:16</t>
  </si>
  <si>
    <t>mail.google.com/sync/u/0/i/s?hl=pt-BR&amp;c=2378</t>
  </si>
  <si>
    <t>01/23/2020 17:46:23</t>
  </si>
  <si>
    <t>mail.google.com/sync/u/0/i/s?hl=pt-BR&amp;c=2380</t>
  </si>
  <si>
    <t>01/23/2020 17:46:36</t>
  </si>
  <si>
    <t>IMG_1243.jpg</t>
  </si>
  <si>
    <t>01/23/2020 17:46:39</t>
  </si>
  <si>
    <t>mail.google.com/sync/u/0/i/s?hl=pt-BR&amp;c=2389</t>
  </si>
  <si>
    <t>01/23/2020 17:46:40</t>
  </si>
  <si>
    <t>mail.google.com/sync/u/0/i/s?hl=pt-BR&amp;c=2391</t>
  </si>
  <si>
    <t>mail.google.com/sync/u/0/i/s?hl=pt-BR&amp;c=2393</t>
  </si>
  <si>
    <t>01/23/2020 17:47:05</t>
  </si>
  <si>
    <t>mail.google.com/sync/u/0/i/s?hl=pt-BR&amp;c=2404</t>
  </si>
  <si>
    <t>01/23/2020 17:47:14</t>
  </si>
  <si>
    <t>mail.google.com/sync/u/0/i/s?hl=pt-BR&amp;c=2406</t>
  </si>
  <si>
    <t>01/23/2020 17:47:21</t>
  </si>
  <si>
    <t>mail.google.com/sync/u/0/i/s?hl=pt-BR&amp;c=2408</t>
  </si>
  <si>
    <t>01/23/2020 17:47:27</t>
  </si>
  <si>
    <t>mail.google.com/sync/u/0/i/s?hl=pt-BR&amp;c=2410</t>
  </si>
  <si>
    <t>01/23/2020 17:47:34</t>
  </si>
  <si>
    <t>mail.google.com/sync/u/0/i/s?hl=pt-BR&amp;c=2412</t>
  </si>
  <si>
    <t>01/23/2020 17:47:58</t>
  </si>
  <si>
    <t>mail.google.com/sync/u/0/i/s?hl=pt-BR&amp;c=2415</t>
  </si>
  <si>
    <t>01/23/2020 17:48:04</t>
  </si>
  <si>
    <t>IMG_1242.jpg</t>
  </si>
  <si>
    <t>01/23/2020 17:49:51</t>
  </si>
  <si>
    <t>Claudia Janaina Celeste de Andrade_1_6780662301334773168_1_32.wav</t>
  </si>
  <si>
    <t>\\acsfs\Deptos\EDUCACAO EMPRESARIAL\FERNANDA MONIT\Fernanda\MONITORIA JANEIRO\Ligaçoes para MUTANT terceiro ciclo janeiro\Claudia Janaina Celeste de Andrade_1_6780662301334773168_1_32.wav</t>
  </si>
  <si>
    <t>01/23/2020 17:48:00</t>
  </si>
  <si>
    <t>01/23/2020 17:48:05</t>
  </si>
  <si>
    <t>01/23/2020 17:48:15</t>
  </si>
  <si>
    <t>01/23/2020 17:48:20</t>
  </si>
  <si>
    <t>01/23/2020 17:48:21</t>
  </si>
  <si>
    <t>01/23/2020 17:48:26</t>
  </si>
  <si>
    <t>01/23/2020 17:48:33</t>
  </si>
  <si>
    <t>01/23/2020 17:49:01</t>
  </si>
  <si>
    <t>01/23/2020 17:50:52</t>
  </si>
  <si>
    <t>01/23/2020 17:50:28</t>
  </si>
  <si>
    <t>406715df-943d-448d-8495-99d5828f0ea2.tmp</t>
  </si>
  <si>
    <t>\\acsfs\profiles$\mariajaf\Downloads\406715df-943d-448d-8495-99d5828f0ea2.tmp</t>
  </si>
  <si>
    <t>01/23/2020 17:51:51</t>
  </si>
  <si>
    <t>01/23/2020 17:49:50</t>
  </si>
  <si>
    <t>c9cd6a0b-2682-4ed1-82de-dc40ab3d35c5.tmp</t>
  </si>
  <si>
    <t>\\acsfs\profiles$\layonmof\Downloads\c9cd6a0b-2682-4ed1-82de-dc40ab3d35c5.tmp</t>
  </si>
  <si>
    <t>01/23/2020 17:49:10</t>
  </si>
  <si>
    <t>01/23/2020 17:53:51</t>
  </si>
  <si>
    <t>mail.google.com/sync/u/0/i/s?hl=pt-BR&amp;c=2449</t>
  </si>
  <si>
    <t>01/23/2020 17:50:12</t>
  </si>
  <si>
    <t>mail.google.com/sync/u/0/i/s?hl=pt-BR&amp;c=2453</t>
  </si>
  <si>
    <t>01/23/2020 17:50:26</t>
  </si>
  <si>
    <t>mail.google.com/sync/u/0/i/s?hl=pt-BR&amp;c=2456</t>
  </si>
  <si>
    <t>01/23/2020 17:50:38</t>
  </si>
  <si>
    <t>mail.google.com/sync/u/0/i/s?hl=pt-BR&amp;c=2458</t>
  </si>
  <si>
    <t>01/23/2020 17:50:43</t>
  </si>
  <si>
    <t>mail.google.com/sync/u/0/i/s?hl=pt-BR&amp;c=2461</t>
  </si>
  <si>
    <t>01/23/2020 17:51:00</t>
  </si>
  <si>
    <t>mail.google.com/sync/u/0/i/s?hl=pt-BR&amp;c=2463</t>
  </si>
  <si>
    <t>01/23/2020 17:51:12</t>
  </si>
  <si>
    <t>mail.google.com/sync/u/0/i/s?hl=pt-BR&amp;c=2465</t>
  </si>
  <si>
    <t>01/23/2020 17:51:26</t>
  </si>
  <si>
    <t>mail.google.com/sync/u/0/i/s?hl=pt-BR&amp;c=2467</t>
  </si>
  <si>
    <t>01/23/2020 17:51:39</t>
  </si>
  <si>
    <t>mail.google.com/sync/u/0/i/s?hl=pt-BR&amp;c=2470</t>
  </si>
  <si>
    <t>01/23/2020 17:51:46</t>
  </si>
  <si>
    <t>mail.google.com/sync/u/0/i/s?hl=pt-BR&amp;c=2472</t>
  </si>
  <si>
    <t>01/23/2020 17:51:48</t>
  </si>
  <si>
    <t>mail.google.com/sync/u/0/i/s?hl=pt-BR&amp;c=2474</t>
  </si>
  <si>
    <t>01/23/2020 17:51:54</t>
  </si>
  <si>
    <t>mail.google.com/sync/u/0/i/s?hl=pt-BR&amp;c=2476</t>
  </si>
  <si>
    <t>01/23/2020 17:52:03</t>
  </si>
  <si>
    <t>mail.google.com/sync/u/0/i/s?hl=pt-BR&amp;c=2478</t>
  </si>
  <si>
    <t>01/23/2020 17:52:11</t>
  </si>
  <si>
    <t>mail.google.com/sync/u/0/i/s?hl=pt-BR&amp;c=2480</t>
  </si>
  <si>
    <t>01/23/2020 17:52:50</t>
  </si>
  <si>
    <t>IMG_1244.jpg</t>
  </si>
  <si>
    <t>01/23/2020 17:52:53</t>
  </si>
  <si>
    <t>mail.google.com/sync/u/0/i/s?hl=pt-BR&amp;c=2487</t>
  </si>
  <si>
    <t>01/23/2020 17:52:54</t>
  </si>
  <si>
    <t>mail.google.com/sync/u/0/i/s?hl=pt-BR&amp;c=2489</t>
  </si>
  <si>
    <t>01/23/2020 17:53:01</t>
  </si>
  <si>
    <t>mail.google.com/sync/u/0/i/s?hl=pt-BR&amp;c=2492</t>
  </si>
  <si>
    <t>01/23/2020 17:53:08</t>
  </si>
  <si>
    <t>mail.google.com/sync/u/0/i/s?hl=pt-BR&amp;c=2494</t>
  </si>
  <si>
    <t>01/23/2020 17:53:16</t>
  </si>
  <si>
    <t>mail.google.com/sync/u/0/i/s?hl=pt-BR&amp;c=2498</t>
  </si>
  <si>
    <t>01/23/2020 17:53:36</t>
  </si>
  <si>
    <t>01/23/2020 17:54:51</t>
  </si>
  <si>
    <t>01/23/2020 17:49:52</t>
  </si>
  <si>
    <t>01/23/2020 17:50:01</t>
  </si>
  <si>
    <t>01/23/2020 17:50:10</t>
  </si>
  <si>
    <t>01/23/2020 17:51:13</t>
  </si>
  <si>
    <t>01/23/2020 17:52:26</t>
  </si>
  <si>
    <t>Daniela Costa_1_6780263453491797292_1_32.wav</t>
  </si>
  <si>
    <t>\\acsfs\Deptos\EDUCACAO EMPRESARIAL\FERNANDA MONIT\Fernanda\MONITORIA JANEIRO\Ligaçoes para MUTANT terceiro ciclo janeiro\Daniela Costa_1_6780263453491797292_1_32.wav</t>
  </si>
  <si>
    <t>01/23/2020 17:51:47</t>
  </si>
  <si>
    <t>01/23/2020 17:55:52</t>
  </si>
  <si>
    <t>6c1fe62d-6587-4709-88d7-a198ed7dec0f.tmp</t>
  </si>
  <si>
    <t>\\acsfs\profiles$\mariajaf\Downloads\6c1fe62d-6587-4709-88d7-a198ed7dec0f.tmp</t>
  </si>
  <si>
    <t>01/23/2020 17:56:51</t>
  </si>
  <si>
    <t>01/23/2020 17:53:27</t>
  </si>
  <si>
    <t>3fae92e5-7fd8-44b8-87b3-2ec50edbac4c.tmp</t>
  </si>
  <si>
    <t>\\acsfs\profiles$\fernandofs\Downloads\3fae92e5-7fd8-44b8-87b3-2ec50edbac4c.tmp</t>
  </si>
  <si>
    <t>01/23/2020 17:57:51</t>
  </si>
  <si>
    <t>01/23/2020 17:54:06</t>
  </si>
  <si>
    <t>foto gabriel.jpg</t>
  </si>
  <si>
    <t>01/23/2020 17:55:50</t>
  </si>
  <si>
    <t>foto kamila.jpg</t>
  </si>
  <si>
    <t>01/23/2020 17:53:24</t>
  </si>
  <si>
    <t>01/23/2020 17:58:51</t>
  </si>
  <si>
    <t>mail.google.com/sync/u/0/i/s?hl=pt-BR&amp;c=2500</t>
  </si>
  <si>
    <t>01/23/2020 17:53:35</t>
  </si>
  <si>
    <t>mail.google.com/sync/u/0/i/s?hl=pt-BR&amp;c=2502</t>
  </si>
  <si>
    <t>01/23/2020 17:53:42</t>
  </si>
  <si>
    <t>mail.google.com/sync/u/0/i/s?hl=pt-BR&amp;c=2505</t>
  </si>
  <si>
    <t>01/23/2020 17:53:47</t>
  </si>
  <si>
    <t>mail.google.com/sync/u/0/i/s?hl=pt-BR&amp;c=2507</t>
  </si>
  <si>
    <t>01/23/2020 17:53:49</t>
  </si>
  <si>
    <t>IMG_1245.jpg</t>
  </si>
  <si>
    <t>01/23/2020 17:55:13</t>
  </si>
  <si>
    <t>mail.google.com/sync/u/0/i/s?hl=pt-BR&amp;c=2540</t>
  </si>
  <si>
    <t>01/23/2020 17:55:23</t>
  </si>
  <si>
    <t>mail.google.com/sync/u/0/i/s?hl=pt-BR&amp;c=2542</t>
  </si>
  <si>
    <t>01/23/2020 17:55:27</t>
  </si>
  <si>
    <t>mail.google.com/sync/u/0/i/s?hl=pt-BR&amp;c=2544</t>
  </si>
  <si>
    <t>01/23/2020 17:55:32</t>
  </si>
  <si>
    <t>mail.google.com/sync/u/0/i/s?hl=pt-BR&amp;c=2546</t>
  </si>
  <si>
    <t>01/23/2020 17:55:38</t>
  </si>
  <si>
    <t>mail.google.com/sync/u/0/i/s?hl=pt-BR&amp;c=2548</t>
  </si>
  <si>
    <t>01/23/2020 17:55:47</t>
  </si>
  <si>
    <t>mail.google.com/sync/u/0/i/s?hl=pt-BR&amp;c=2551</t>
  </si>
  <si>
    <t>01/23/2020 17:55:56</t>
  </si>
  <si>
    <t>mail.google.com/sync/u/0/i/s?hl=pt-BR&amp;c=2553</t>
  </si>
  <si>
    <t>01/23/2020 17:56:00</t>
  </si>
  <si>
    <t>mail.google.com/sync/u/0/i/s?hl=pt-BR&amp;c=2555</t>
  </si>
  <si>
    <t>01/23/2020 17:56:08</t>
  </si>
  <si>
    <t>mail.google.com/sync/u/0/i/s?hl=pt-BR&amp;c=2557</t>
  </si>
  <si>
    <t>01/23/2020 17:56:13</t>
  </si>
  <si>
    <t>mail.google.com/sync/u/0/i/s?hl=pt-BR&amp;c=2560</t>
  </si>
  <si>
    <t>01/23/2020 17:56:20</t>
  </si>
  <si>
    <t>IMG_1246.jpg</t>
  </si>
  <si>
    <t>01/23/2020 17:56:24</t>
  </si>
  <si>
    <t>mail.google.com/sync/u/0/i/s?hl=pt-BR&amp;c=2567</t>
  </si>
  <si>
    <t>01/23/2020 17:59:40</t>
  </si>
  <si>
    <t>01/23/2020 17:59:51</t>
  </si>
  <si>
    <t>01/23/2020 18:01:51</t>
  </si>
  <si>
    <t>01/23/2020 17:59:30</t>
  </si>
  <si>
    <t>01/23/2020 18:02:52</t>
  </si>
  <si>
    <t>01/23/2020 18:01:00</t>
  </si>
  <si>
    <t>01/23/2020 18:01:28</t>
  </si>
  <si>
    <t>01/23/2020 18:01:35</t>
  </si>
  <si>
    <t>01/23/2020 18:02:17</t>
  </si>
  <si>
    <t>c95b4732-b7e4-4ece-af1d-71355550028f.tmp</t>
  </si>
  <si>
    <t>\\acsfs\profiles$\andreapdsg\Downloads\c95b4732-b7e4-4ece-af1d-71355550028f.tmp</t>
  </si>
  <si>
    <t>01/23/2020 18:03:51</t>
  </si>
  <si>
    <t>01/23/2020 18:01:43</t>
  </si>
  <si>
    <t>mail.google.com/sync/u/0/i/s?hl=pt-BR&amp;c=2595</t>
  </si>
  <si>
    <t>01/23/2020 18:01:47</t>
  </si>
  <si>
    <t>mail.google.com/sync/u/0/i/s?hl=pt-BR&amp;c=2598</t>
  </si>
  <si>
    <t>01/23/2020 18:01:55</t>
  </si>
  <si>
    <t>mail.google.com/sync/u/0/i/s?hl=pt-BR&amp;c=2600</t>
  </si>
  <si>
    <t>01/23/2020 18:02:12</t>
  </si>
  <si>
    <t>mail.google.com/sync/u/0/i/s?hl=pt-BR&amp;c=2602</t>
  </si>
  <si>
    <t>01/23/2020 18:02:13</t>
  </si>
  <si>
    <t>01/23/2020 18:02:18</t>
  </si>
  <si>
    <t>mail.google.com/sync/u/0/i/s?hl=pt-BR&amp;c=2604</t>
  </si>
  <si>
    <t>01/23/2020 18:02:23</t>
  </si>
  <si>
    <t>mail.google.com/sync/u/0/i/s?hl=pt-BR&amp;c=2606</t>
  </si>
  <si>
    <t>01/23/2020 18:02:32</t>
  </si>
  <si>
    <t>mail.google.com/sync/u/0/i/s?hl=pt-BR&amp;c=2609</t>
  </si>
  <si>
    <t>01/23/2020 18:02:34</t>
  </si>
  <si>
    <t>mail.google.com/sync/u/0/i/s?hl=pt-BR&amp;c=2611</t>
  </si>
  <si>
    <t>01/23/2020 18:03:01</t>
  </si>
  <si>
    <t>mail.google.com/sync/u/0/i/s?hl=pt-BR&amp;c=2614</t>
  </si>
  <si>
    <t>01/23/2020 18:04:43</t>
  </si>
  <si>
    <t>01/23/2020 18:04:52</t>
  </si>
  <si>
    <t>01/23/2020 18:00:11</t>
  </si>
  <si>
    <t>01/23/2020 18:00:16</t>
  </si>
  <si>
    <t>01/23/2020 18:05:51</t>
  </si>
  <si>
    <t>01/23/2020 18:02:35</t>
  </si>
  <si>
    <t>01/23/2020 18:02:46</t>
  </si>
  <si>
    <t>01/23/2020 18:02:48</t>
  </si>
  <si>
    <t>01/23/2020 18:02:49</t>
  </si>
  <si>
    <t>01/23/2020 18:02:57</t>
  </si>
  <si>
    <t>01/23/2020 18:03:22</t>
  </si>
  <si>
    <t>01/23/2020 18:03:32</t>
  </si>
  <si>
    <t>01/23/2020 18:03:45</t>
  </si>
  <si>
    <t>01/23/2020 18:03:56</t>
  </si>
  <si>
    <t>01/23/2020 18:03:57</t>
  </si>
  <si>
    <t>01/23/2020 18:04:17</t>
  </si>
  <si>
    <t>mail.google.com/sync/u/0/i/s?hl=pt-BR&amp;c=1204</t>
  </si>
  <si>
    <t>01/23/2020 18:04:32</t>
  </si>
  <si>
    <t>mail.google.com/sync/u/0/i/s?hl=pt-BR&amp;c=1207</t>
  </si>
  <si>
    <t>01/23/2020 18:03:17</t>
  </si>
  <si>
    <t>01/23/2020 18:06:52</t>
  </si>
  <si>
    <t>0a7d66d3-5e1e-4673-b2b3-160fe34c41fc.tmp</t>
  </si>
  <si>
    <t>\\acsfs\profiles$\nathaliaos\Downloads\0a7d66d3-5e1e-4673-b2b3-160fe34c41fc.tmp</t>
  </si>
  <si>
    <t>01/23/2020 18:03:23</t>
  </si>
  <si>
    <t>b6c0f4d3-4243-4293-8cbe-84704ff41a80.tmp</t>
  </si>
  <si>
    <t>\\acsfs\profiles$\nathaliaos\Downloads\b6c0f4d3-4243-4293-8cbe-84704ff41a80.tmp</t>
  </si>
  <si>
    <t>01/23/2020 18:04:07</t>
  </si>
  <si>
    <t>01/23/2020 18:07:52</t>
  </si>
  <si>
    <t>01/23/2020 18:04:33</t>
  </si>
  <si>
    <t>01/23/2020 18:04:44</t>
  </si>
  <si>
    <t>01/23/2020 18:05:07</t>
  </si>
  <si>
    <t>01/23/2020 18:05:21</t>
  </si>
  <si>
    <t>01/23/2020 18:05:40</t>
  </si>
  <si>
    <t>01/23/2020 18:05:50</t>
  </si>
  <si>
    <t>01/23/2020 18:05:54</t>
  </si>
  <si>
    <t>01/23/2020 18:06:11</t>
  </si>
  <si>
    <t>01/23/2020 18:06:16</t>
  </si>
  <si>
    <t>01/23/2020 18:06:21</t>
  </si>
  <si>
    <t>01/23/2020 18:06:26</t>
  </si>
  <si>
    <t>01/23/2020 18:06:38</t>
  </si>
  <si>
    <t>01/23/2020 18:06:49</t>
  </si>
  <si>
    <t>01/23/2020 18:07:13</t>
  </si>
  <si>
    <t>01/23/2020 18:03:42</t>
  </si>
  <si>
    <t>01/23/2020 18:08:51</t>
  </si>
  <si>
    <t>IMG_1248.jpg</t>
  </si>
  <si>
    <t>01/23/2020 18:03:47</t>
  </si>
  <si>
    <t>mail.google.com/sync/u/0/i/s?hl=pt-BR&amp;c=2622</t>
  </si>
  <si>
    <t>01/23/2020 18:03:48</t>
  </si>
  <si>
    <t>mail.google.com/sync/u/0/i/s?hl=pt-BR&amp;c=2625</t>
  </si>
  <si>
    <t>01/23/2020 18:06:55</t>
  </si>
  <si>
    <t>IMG_1247.jpg</t>
  </si>
  <si>
    <t>01/23/2020 18:05:06</t>
  </si>
  <si>
    <t>01/23/2020 18:10:51</t>
  </si>
  <si>
    <t>mail.google.com/sync/u/0/i/s?hl=pt-BR&amp;c=1209</t>
  </si>
  <si>
    <t>01/23/2020 18:05:14</t>
  </si>
  <si>
    <t>mail.google.com/sync/u/0/i/s?hl=pt-BR&amp;c=1211</t>
  </si>
  <si>
    <t>01/23/2020 18:05:19</t>
  </si>
  <si>
    <t>mail.google.com/sync/u/0/i/s?hl=pt-BR&amp;c=1213</t>
  </si>
  <si>
    <t>01/23/2020 18:05:53</t>
  </si>
  <si>
    <t>01/23/2020 18:06:56</t>
  </si>
  <si>
    <t>mail.google.com/sync/u/0/i/s?hl=pt-BR&amp;c=1220</t>
  </si>
  <si>
    <t>01/23/2020 18:06:59</t>
  </si>
  <si>
    <t>01/23/2020 18:07:10</t>
  </si>
  <si>
    <t>01/23/2020 18:06:23</t>
  </si>
  <si>
    <t>01/23/2020 18:11:52</t>
  </si>
  <si>
    <t>e3f3aa86-bc5c-47e7-9aa4-f695229b0829.tmp</t>
  </si>
  <si>
    <t>\\acsfs\profiles$\leonardocb\Downloads\e3f3aa86-bc5c-47e7-9aa4-f695229b0829.tmp</t>
  </si>
  <si>
    <t>01/23/2020 18:10:18</t>
  </si>
  <si>
    <t>807c7900-a0d6-4c37-8c84-8c2786a40bcd.tmp</t>
  </si>
  <si>
    <t>\\acsfs\profiles$\welidicdj\Downloads\807c7900-a0d6-4c37-8c84-8c2786a40bcd.tmp</t>
  </si>
  <si>
    <t>01/23/2020 18:12:51</t>
  </si>
  <si>
    <t>01/23/2020 18:07:20</t>
  </si>
  <si>
    <t>01/23/2020 18:07:27</t>
  </si>
  <si>
    <t>01/23/2020 18:09:04</t>
  </si>
  <si>
    <t>01/23/2020 18:09:22</t>
  </si>
  <si>
    <t>01/23/2020 18:09:31</t>
  </si>
  <si>
    <t>01/23/2020 18:10:00</t>
  </si>
  <si>
    <t>01/23/2020 18:10:22</t>
  </si>
  <si>
    <t>01/23/2020 18:10:26</t>
  </si>
  <si>
    <t>01/23/2020 18:10:54</t>
  </si>
  <si>
    <t>01/23/2020 18:11:05</t>
  </si>
  <si>
    <t>01/23/2020 18:11:09</t>
  </si>
  <si>
    <t>01/23/2020 18:11:32</t>
  </si>
  <si>
    <t>01/23/2020 18:11:42</t>
  </si>
  <si>
    <t>01/23/2020 18:11:46</t>
  </si>
  <si>
    <t>01/23/2020 18:12:03</t>
  </si>
  <si>
    <t>01/23/2020 18:12:17</t>
  </si>
  <si>
    <t>01/23/2020 18:09:01</t>
  </si>
  <si>
    <t>01/23/2020 18:13:52</t>
  </si>
  <si>
    <t>01/23/2020 18:12:58</t>
  </si>
  <si>
    <t>\\acsfs\DEPTOS\Operacao\Banco_Votorantim\Supervisao\SUPERS BV CARTÕES\ADILSON\Thumbs.db</t>
  </si>
  <si>
    <t>01/23/2020 18:12:59</t>
  </si>
  <si>
    <t>ENVIADO CARTOES.xlsx</t>
  </si>
  <si>
    <t>\\acsfs\DEPTOS\Operacao\Banco_Votorantim\Supervisao\SUPERS BV CARTÕES\VITOR\ENVIADO CARTOES.xlsx</t>
  </si>
  <si>
    <t>01/23/2020 18:11:19</t>
  </si>
  <si>
    <t>99420f32-c384-4377-8705-8ae51e3c704f.tmp</t>
  </si>
  <si>
    <t>\\acsfs\profiles$\henriqueco\Downloads\99420f32-c384-4377-8705-8ae51e3c704f.tmp</t>
  </si>
  <si>
    <t>01/23/2020 18:11:58</t>
  </si>
  <si>
    <t>97d1e521-ac25-492a-a943-c4afc6b842e9.tmp</t>
  </si>
  <si>
    <t>\\acsfs\profiles$\henriqueco\Downloads\97d1e521-ac25-492a-a943-c4afc6b842e9.tmp</t>
  </si>
  <si>
    <t>01/23/2020 18:14:51</t>
  </si>
  <si>
    <t>01/23/2020 18:14:00</t>
  </si>
  <si>
    <t>01/23/2020 18:14:50</t>
  </si>
  <si>
    <t>01/23/2020 18:15:51</t>
  </si>
  <si>
    <t>01/23/2020 18:11:40</t>
  </si>
  <si>
    <t>01/23/2020 18:12:54</t>
  </si>
  <si>
    <t>01/23/2020 18:14:53</t>
  </si>
  <si>
    <t>\\acsfs\Deptos\Operacao\Banco_Votorantim\Supervisao\Maristela\CRBV vendas\Cópia de NPS CRBV.xlsx\</t>
  </si>
  <si>
    <t>\\acsfs\Deptos\Operacao\Banco_Votorantim\Supervisao\Maristela\CRBV vendas\Cópia de NPS CRBV.xlsx</t>
  </si>
  <si>
    <t>Cópia de NPS CRBV.xlsx</t>
  </si>
  <si>
    <t>01/23/2020 18:14:55</t>
  </si>
  <si>
    <t>01/23/2020 18:16:52</t>
  </si>
  <si>
    <t>01/23/2020 18:12:33</t>
  </si>
  <si>
    <t>01/23/2020 18:17:51</t>
  </si>
  <si>
    <t>01/23/2020 18:13:11</t>
  </si>
  <si>
    <t>01/23/2020 18:13:36</t>
  </si>
  <si>
    <t>01/23/2020 18:13:53</t>
  </si>
  <si>
    <t>01/23/2020 18:13:56</t>
  </si>
  <si>
    <t>01/23/2020 18:14:02</t>
  </si>
  <si>
    <t>01/23/2020 18:14:05</t>
  </si>
  <si>
    <t>01/23/2020 18:15:07</t>
  </si>
  <si>
    <t>01/23/2020 18:15:11</t>
  </si>
  <si>
    <t>01/23/2020 18:15:30</t>
  </si>
  <si>
    <t>01/23/2020 18:15:40</t>
  </si>
  <si>
    <t>01/23/2020 18:15:48</t>
  </si>
  <si>
    <t>01/23/2020 18:15:52</t>
  </si>
  <si>
    <t>01/23/2020 18:16:01</t>
  </si>
  <si>
    <t>01/23/2020 18:16:12</t>
  </si>
  <si>
    <t>01/23/2020 18:16:24</t>
  </si>
  <si>
    <t>01/23/2020 18:16:39</t>
  </si>
  <si>
    <t>01/23/2020 18:16:40</t>
  </si>
  <si>
    <t>01/23/2020 18:18:27</t>
  </si>
  <si>
    <t>01/23/2020 18:21:51</t>
  </si>
  <si>
    <t>01/23/2020 18:17:49</t>
  </si>
  <si>
    <t>01/23/2020 18:22:51</t>
  </si>
  <si>
    <t>01/23/2020 18:17:59</t>
  </si>
  <si>
    <t>01/23/2020 18:18:21</t>
  </si>
  <si>
    <t>01/23/2020 18:18:54</t>
  </si>
  <si>
    <t>01/23/2020 18:18:51</t>
  </si>
  <si>
    <t>01/23/2020 18:23:52</t>
  </si>
  <si>
    <t>2b98cdb7-da81-498d-9479-f5d83ddf7fca.tmp</t>
  </si>
  <si>
    <t>\\acsfs\profiles$\erichds\Downloads\2b98cdb7-da81-498d-9479-f5d83ddf7fca.tmp</t>
  </si>
  <si>
    <t>01/23/2020 18:21:50</t>
  </si>
  <si>
    <t>1f05c798-d9d2-46e7-be74-d6ec1e98a8b6.tmp</t>
  </si>
  <si>
    <t>\\acsfs\profiles$\fabianobmf\Downloads\1f05c798-d9d2-46e7-be74-d6ec1e98a8b6.tmp</t>
  </si>
  <si>
    <t>01/23/2020 18:21:24</t>
  </si>
  <si>
    <t>01/23/2020 18:25:51</t>
  </si>
  <si>
    <t>01/23/2020 18:26:52</t>
  </si>
  <si>
    <t>01/23/2020 18:24:43</t>
  </si>
  <si>
    <t>METLIFE VENDA.txt</t>
  </si>
  <si>
    <t>\\acsfs\profiles$\julianeas\My Documents\METLIFE VENDA.txt</t>
  </si>
  <si>
    <t>01/23/2020 18:27:06</t>
  </si>
  <si>
    <t>01/23/2020 18:29:52</t>
  </si>
  <si>
    <t>01/23/2020 18:31:51</t>
  </si>
  <si>
    <t>01/23/2020 18:32:51</t>
  </si>
  <si>
    <t>01/23/2020 18:34:52</t>
  </si>
  <si>
    <t>92ec9163-348b-4898-bfd4-d4f4fe843d27.tmp</t>
  </si>
  <si>
    <t>\\acsfs\profiles$\brunalas\Downloads\92ec9163-348b-4898-bfd4-d4f4fe843d27.tmp</t>
  </si>
  <si>
    <t>01/23/2020 18:29:55</t>
  </si>
  <si>
    <t>01/23/2020 18:30:44</t>
  </si>
  <si>
    <t>01/23/2020 18:35:51</t>
  </si>
  <si>
    <t>01/23/2020 18:32:58</t>
  </si>
  <si>
    <t>01/23/2020 18:33:39</t>
  </si>
  <si>
    <t>01/23/2020 18:36:52</t>
  </si>
  <si>
    <t>218cab12-1c4c-4713-9ed8-2e052437f70d.tmp</t>
  </si>
  <si>
    <t>\\acsfs\profiles$\cassianogc\Downloads\218cab12-1c4c-4713-9ed8-2e052437f70d.tmp</t>
  </si>
  <si>
    <t>01/23/2020 18:33:19</t>
  </si>
  <si>
    <t>01/23/2020 18:33:03</t>
  </si>
  <si>
    <t>01/23/2020 18:37:51</t>
  </si>
  <si>
    <t>01/23/2020 18:33:07</t>
  </si>
  <si>
    <t>01/23/2020 18:33:16</t>
  </si>
  <si>
    <t>01/23/2020 18:33:25</t>
  </si>
  <si>
    <t>01/23/2020 18:33:32</t>
  </si>
  <si>
    <t>01/23/2020 18:33:53</t>
  </si>
  <si>
    <t>01/23/2020 18:34:17</t>
  </si>
  <si>
    <t>01/23/2020 18:34:27</t>
  </si>
  <si>
    <t>01/23/2020 18:34:33</t>
  </si>
  <si>
    <t>01/23/2020 18:34:37</t>
  </si>
  <si>
    <t>01/23/2020 18:34:55</t>
  </si>
  <si>
    <t>01/23/2020 18:34:59</t>
  </si>
  <si>
    <t>01/23/2020 18:35:03</t>
  </si>
  <si>
    <t>01/23/2020 18:35:06</t>
  </si>
  <si>
    <t>01/23/2020 18:39:52</t>
  </si>
  <si>
    <t>01/23/2020 18:35:13</t>
  </si>
  <si>
    <t>01/23/2020 18:39:21</t>
  </si>
  <si>
    <t>01/23/2020 18:36:15</t>
  </si>
  <si>
    <t>01/23/2020 18:40:51</t>
  </si>
  <si>
    <t>61845b03-15f8-4ddf-b413-22dd82b64045.tmp</t>
  </si>
  <si>
    <t>\\acsfs\profiles$\mariajaf\Downloads\61845b03-15f8-4ddf-b413-22dd82b64045.tmp</t>
  </si>
  <si>
    <t>01/23/2020 18:39:43</t>
  </si>
  <si>
    <t>01/23/2020 18:41:51</t>
  </si>
  <si>
    <t>92b274e5-3b24-4a38-8f18-5e21ff4d698b.tmp</t>
  </si>
  <si>
    <t>\\acsfs\profiles$\leonardocb\Downloads\92b274e5-3b24-4a38-8f18-5e21ff4d698b.tmp</t>
  </si>
  <si>
    <t>01/23/2020 18:44:52</t>
  </si>
  <si>
    <t>01/23/2020 18:40:45</t>
  </si>
  <si>
    <t>4b015f07-af89-4f57-a928-d2a9b6c50bbf.tmp</t>
  </si>
  <si>
    <t>\\acsfs\profiles$\laurandos\Downloads\4b015f07-af89-4f57-a928-d2a9b6c50bbf.tmp</t>
  </si>
  <si>
    <t>01/23/2020 18:40:48</t>
  </si>
  <si>
    <t>723d0328-a735-49c6-b993-2c401560eb38.tmp</t>
  </si>
  <si>
    <t>\\acsfs\profiles$\laurandos\Downloads\723d0328-a735-49c6-b993-2c401560eb38.tmp</t>
  </si>
  <si>
    <t>01/23/2020 18:42:35</t>
  </si>
  <si>
    <t>01/23/2020 18:45:51</t>
  </si>
  <si>
    <t>01/23/2020 18:43:37</t>
  </si>
  <si>
    <t>01/23/2020 18:44:05</t>
  </si>
  <si>
    <t>01/23/2020 18:44:20</t>
  </si>
  <si>
    <t>01/23/2020 18:46:52</t>
  </si>
  <si>
    <t>01/23/2020 18:45:14</t>
  </si>
  <si>
    <t>C:\Users\nayaranao\AppData\Roaming\Adobe\LogTransport2\Logs\</t>
  </si>
  <si>
    <t>ulog_Acrobat12_Reader_3352b431-15c5-4a3c-ad6e-d675f4b97c6d_f1f6910e-6a97-48c0-a9e3-acc2eee73231_0.log</t>
  </si>
  <si>
    <t>C:\Users\nayaranao\AppData\Roaming\Adobe\LogTransport2\Logs\ulog_Acrobat12_Reader_3352b431-15c5-4a3c-ad6e-d675f4b97c6d_f1f6910e-6a97-48c0-a9e3-acc2eee73231_0.log\</t>
  </si>
  <si>
    <t>01/23/2020 18:48:52</t>
  </si>
  <si>
    <t>01/23/2020 18:48:18</t>
  </si>
  <si>
    <t>ce2a5729-6d63-4176-8dff-6c0b097f4961.tmp</t>
  </si>
  <si>
    <t>\\acsfs\profiles$\fabianobmf\Downloads\ce2a5729-6d63-4176-8dff-6c0b097f4961.tmp</t>
  </si>
  <si>
    <t>01/23/2020 18:45:48</t>
  </si>
  <si>
    <t>01/23/2020 18:49:51</t>
  </si>
  <si>
    <t>ef01a116-ce30-488b-9bac-ecbd4228f965.tmp</t>
  </si>
  <si>
    <t>\\acsfs\profiles$\laurandos\Downloads\ef01a116-ce30-488b-9bac-ecbd4228f965.tmp</t>
  </si>
  <si>
    <t>01/23/2020 18:51:51</t>
  </si>
  <si>
    <t>01/23/2020 18:52:51</t>
  </si>
  <si>
    <t>01/23/2020 18:50:51</t>
  </si>
  <si>
    <t>dee7d144-aa9c-4d33-ad58-43463907fdb5.tmp</t>
  </si>
  <si>
    <t>\\acsfs\profiles$\Adrieledgc\Downloads\dee7d144-aa9c-4d33-ad58-43463907fdb5.tmp</t>
  </si>
  <si>
    <t>01/23/2020 18:50:54</t>
  </si>
  <si>
    <t>0dfbe3eb-5e9c-4825-b0e7-28dff2df9800.tmp</t>
  </si>
  <si>
    <t>\\acsfs\profiles$\Adrieledgc\Downloads\0dfbe3eb-5e9c-4825-b0e7-28dff2df9800.tmp</t>
  </si>
  <si>
    <t>01/23/2020 18:51:02</t>
  </si>
  <si>
    <t>77adb99e-dd62-45d9-9c58-62d2df984f4a.tmp</t>
  </si>
  <si>
    <t>\\acsfs\profiles$\Adrieledgc\Downloads\77adb99e-dd62-45d9-9c58-62d2df984f4a.tmp</t>
  </si>
  <si>
    <t>01/23/2020 18:48:13</t>
  </si>
  <si>
    <t>19a64ee6-7bcc-4be9-9494-23e8367b70c6.tmp</t>
  </si>
  <si>
    <t>\\acsfs\profiles$\joycemmdl\Downloads\19a64ee6-7bcc-4be9-9494-23e8367b70c6.tmp</t>
  </si>
  <si>
    <t>01/23/2020 18:49:13</t>
  </si>
  <si>
    <t>01/23/2020 18:53:52</t>
  </si>
  <si>
    <t>0a51dbb9-87e2-4d81-8dd3-7eb1dac03749.tmp</t>
  </si>
  <si>
    <t>\\acsfs\profiles$\victorgl\Downloads\0a51dbb9-87e2-4d81-8dd3-7eb1dac03749.tmp</t>
  </si>
  <si>
    <t>01/23/2020 18:50:47</t>
  </si>
  <si>
    <t>01/23/2020 18:55:51</t>
  </si>
  <si>
    <t>01/23/2020 18:56:51</t>
  </si>
  <si>
    <t>01/23/2020 18:57:51</t>
  </si>
  <si>
    <t>01/23/2020 18:56:50</t>
  </si>
  <si>
    <t>df911593-1b44-4db2-af55-dbcb6686c0f8.tmp</t>
  </si>
  <si>
    <t>\\acsfs\profiles$\Adrieledgc\Downloads\df911593-1b44-4db2-af55-dbcb6686c0f8.tmp</t>
  </si>
  <si>
    <t>01/23/2020 18:55:54</t>
  </si>
  <si>
    <t>01/23/2020 18:58:51</t>
  </si>
  <si>
    <t>06a9711d-2196-4d8b-afa9-92da5b130f40.tmp</t>
  </si>
  <si>
    <t>\\acsfs\profiles$\alinepp\Downloads\06a9711d-2196-4d8b-afa9-92da5b130f40.tmp</t>
  </si>
  <si>
    <t>01/23/2020 19:01:51</t>
  </si>
  <si>
    <t>01/23/2020 19:02:51</t>
  </si>
  <si>
    <t>01/23/2020 18:59:43</t>
  </si>
  <si>
    <t>7636cbff-b454-48f8-8c62-71a2d759bdae.tmp</t>
  </si>
  <si>
    <t>\\acsfs\profiles$\Adrieledgc\Downloads\7636cbff-b454-48f8-8c62-71a2d759bdae.tmp</t>
  </si>
  <si>
    <t>01/23/2020 19:06:51</t>
  </si>
  <si>
    <t>01/23/2020 19:06:25</t>
  </si>
  <si>
    <t>01/23/2020 19:10:51</t>
  </si>
  <si>
    <t>01/23/2020 19:11:51</t>
  </si>
  <si>
    <t>01/23/2020 19:11:40</t>
  </si>
  <si>
    <t>01/23/2020 19:14:51</t>
  </si>
  <si>
    <t>6a4e4c49-395e-4c6c-ae8d-cb3328d4f1ff.tmp</t>
  </si>
  <si>
    <t>\\acsfs\profiles$\nycolleemdj\Downloads\6a4e4c49-395e-4c6c-ae8d-cb3328d4f1ff.tmp</t>
  </si>
  <si>
    <t>01/23/2020 19:15:51</t>
  </si>
  <si>
    <t>01/23/2020 19:10:27</t>
  </si>
  <si>
    <t>01/23/2020 19:16:51</t>
  </si>
  <si>
    <t>01/23/2020 19:11:49</t>
  </si>
  <si>
    <t>00617e8a-ccde-4caf-882d-cb62696b6e49.tmp</t>
  </si>
  <si>
    <t>\\acsfs\profiles$\NatanaelLF\Downloads\00617e8a-ccde-4caf-882d-cb62696b6e49.tmp</t>
  </si>
  <si>
    <t>01/23/2020 19:19:01</t>
  </si>
  <si>
    <t>01/23/2020 19:19:51</t>
  </si>
  <si>
    <t>01/23/2020 19:16:56</t>
  </si>
  <si>
    <t>e97c3208-fc97-48ed-b59e-2814a63c8467.tmp</t>
  </si>
  <si>
    <t>\\acsfs\profiles$\laurandos\Downloads\e97c3208-fc97-48ed-b59e-2814a63c8467.tmp</t>
  </si>
  <si>
    <t>01/23/2020 19:21:51</t>
  </si>
  <si>
    <t>01/23/2020 19:26:52</t>
  </si>
  <si>
    <t>01/23/2020 19:23:14</t>
  </si>
  <si>
    <t>ulog_HeadlightsOptinProductFamily_HeadlightsOptinProduct_00000000-0000-0000-0000-000000000000_94a737c8-8222-4322-a999-944eae945c84.log</t>
  </si>
  <si>
    <t>C:\Users\nayaranao\AppData\Roaming\Adobe\LogTransport2\Logs\ulog_HeadlightsOptinProductFamily_HeadlightsOptinProduct_00000000-0000-0000-0000-000000000000_94a737c8-8222-4322-a999-944eae945c84.log\</t>
  </si>
  <si>
    <t>01/23/2020 19:21:57</t>
  </si>
  <si>
    <t>e2cbf06b-faa0-4ee9-bfcd-a1edfd5c23bb.tmp</t>
  </si>
  <si>
    <t>\\acsfs\profiles$\layonmof\Downloads\e2cbf06b-faa0-4ee9-bfcd-a1edfd5c23bb.tmp</t>
  </si>
  <si>
    <t>01/23/2020 19:31:51</t>
  </si>
  <si>
    <t>01/23/2020 19:32:23</t>
  </si>
  <si>
    <t>01/23/2020 19:34:51</t>
  </si>
  <si>
    <t>ad132710-db25-45c6-8d55-d267be3ee207.tmp</t>
  </si>
  <si>
    <t>\\acsfs\profiles$\brunalas\Downloads\ad132710-db25-45c6-8d55-d267be3ee207.tmp</t>
  </si>
  <si>
    <t>01/23/2020 19:31:08</t>
  </si>
  <si>
    <t>01/23/2020 19:35:51</t>
  </si>
  <si>
    <t>01/23/2020 19:36:51</t>
  </si>
  <si>
    <t>01/23/2020 19:41:51</t>
  </si>
  <si>
    <t>01/23/2020 19:43:51</t>
  </si>
  <si>
    <t>01/23/2020 19:41:03</t>
  </si>
  <si>
    <t>95afcc54-eae5-4d2c-920f-bec1f425cdcc.tmp</t>
  </si>
  <si>
    <t>\\acsfs\profiles$\alinepp\Downloads\95afcc54-eae5-4d2c-920f-bec1f425cdcc.tmp</t>
  </si>
  <si>
    <t>01/23/2020 19:42:52</t>
  </si>
  <si>
    <t>01/23/2020 19:46:52</t>
  </si>
  <si>
    <t>592d46f0-bcf2-4cc3-b80c-80a43d6aeab7.tmp</t>
  </si>
  <si>
    <t>\\acsfs\profiles$\leonardocb\Downloads\592d46f0-bcf2-4cc3-b80c-80a43d6aeab7.tmp</t>
  </si>
  <si>
    <t>01/23/2020 19:43:21</t>
  </si>
  <si>
    <t>36c39802-0751-46f0-8df5-06a4de12e082.tmp</t>
  </si>
  <si>
    <t>\\acsfs\profiles$\nathaliaos\Downloads\36c39802-0751-46f0-8df5-06a4de12e082.tmp</t>
  </si>
  <si>
    <t>01/23/2020 19:45:05</t>
  </si>
  <si>
    <t>8482df3a-fdf8-44c4-b020-3ab9d17984d7.tmp</t>
  </si>
  <si>
    <t>\\acsfs\profiles$\nathaliaos\Downloads\8482df3a-fdf8-44c4-b020-3ab9d17984d7.tmp</t>
  </si>
  <si>
    <t>01/23/2020 19:46:48</t>
  </si>
  <si>
    <t>01/23/2020 19:48:51</t>
  </si>
  <si>
    <t>835866e0-aca9-4d81-8819-01f395382475.tmp</t>
  </si>
  <si>
    <t>\\acsfs\profiles$\ingridsm\Downloads\835866e0-aca9-4d81-8819-01f395382475.tmp</t>
  </si>
  <si>
    <t>01/23/2020 19:48:37</t>
  </si>
  <si>
    <t>01/23/2020 19:49:51</t>
  </si>
  <si>
    <t>01/23/2020 19:48:38</t>
  </si>
  <si>
    <t>lu104004d6803g.tmp</t>
  </si>
  <si>
    <t>\\acsfs\profiles$\CLAUDIAJCA\Reneg 18-12\lu104004d6803g.tmp</t>
  </si>
  <si>
    <t>\\acsfs\profiles$\CLAUDIAJCA\Reneg 18-12\lu104004d6803g.tmp\</t>
  </si>
  <si>
    <t>\\acsfs\profiles$\CLAUDIAJCA\Reneg 18-12\lu104004d6803g.tmp\META-INF\</t>
  </si>
  <si>
    <t>\\acsfs\profiles$\CLAUDIAJCA\Reneg 18-12\lu104004d6803g.tmp\Thumbnails\</t>
  </si>
  <si>
    <t>01/23/2020 19:51:51</t>
  </si>
  <si>
    <t>01/23/2020 19:50:55</t>
  </si>
  <si>
    <t>01/23/2020 19:54:51</t>
  </si>
  <si>
    <t>01/23/2020 19:50:57</t>
  </si>
  <si>
    <t>lu711329wwuqr.tmp</t>
  </si>
  <si>
    <t>\\acsfs\profiles$\LUCASBS\RENEG BV\Consolidado\lu711329wwuqr.tmp</t>
  </si>
  <si>
    <t>\\acsfs\profiles$\LUCASBS\RENEG BV\Consolidado\lu711329wwuqr.tmp\</t>
  </si>
  <si>
    <t>\\acsfs\profiles$\LUCASBS\RENEG BV\Consolidado\lu711329wwuqr.tmp\META-INF\</t>
  </si>
  <si>
    <t>\\acsfs\profiles$\LUCASBS\RENEG BV\Consolidado\lu711329wwuqr.tmp\Thumbnails\</t>
  </si>
  <si>
    <t>01/23/2020 19:51:37</t>
  </si>
  <si>
    <t>01/23/2020 19:51:38</t>
  </si>
  <si>
    <t>lu711329wwuqw.tmp</t>
  </si>
  <si>
    <t>\\acsfs\profiles$\LUCASBS\RENEG BV\Consolidado\lu711329wwuqw.tmp</t>
  </si>
  <si>
    <t>\\acsfs\profiles$\LUCASBS\RENEG BV\Consolidado\lu711329wwuqw.tmp\</t>
  </si>
  <si>
    <t>\\acsfs\profiles$\LUCASBS\RENEG BV\Consolidado\lu711329wwuqw.tmp\META-INF\</t>
  </si>
  <si>
    <t>\\acsfs\profiles$\LUCASBS\RENEG BV\Consolidado\lu711329wwuqw.tmp\Thumbnails\</t>
  </si>
  <si>
    <t>01/23/2020 19:52:59</t>
  </si>
  <si>
    <t>01/23/2020 19:56:51</t>
  </si>
  <si>
    <t>cdcc51dd-f0a0-48f7-acf8-6438053ec8f8.tmp</t>
  </si>
  <si>
    <t>\\acsfs\profiles$\gabrielamdp\Downloads\cdcc51dd-f0a0-48f7-acf8-6438053ec8f8.tmp</t>
  </si>
  <si>
    <t>01/23/2020 19:57:23</t>
  </si>
  <si>
    <t>01/23/2020 19:59:51</t>
  </si>
  <si>
    <t>01/23/2020 19:56:44</t>
  </si>
  <si>
    <t>senhas.txt</t>
  </si>
  <si>
    <t>\\acsfs\profiles$\julianeas\My Documents\senhas.txt</t>
  </si>
  <si>
    <t>01/23/2020 20:01:51</t>
  </si>
  <si>
    <t>01/23/2020 20:02:51</t>
  </si>
  <si>
    <t>01/23/2020 20:04:51</t>
  </si>
  <si>
    <t>01/23/2020 20:05:09</t>
  </si>
  <si>
    <t>01/23/2020 20:06:51</t>
  </si>
  <si>
    <t>9f13c704-3601-49ce-96b7-8127a559c8a4.tmp</t>
  </si>
  <si>
    <t>\\acsfs\profiles$\nathaliaos\Downloads\9f13c704-3601-49ce-96b7-8127a559c8a4.tmp</t>
  </si>
  <si>
    <t>01/23/2020 20:10:05</t>
  </si>
  <si>
    <t>01/23/2020 20:10:52</t>
  </si>
  <si>
    <t>01/23/2020 20:11:51</t>
  </si>
  <si>
    <t>01/23/2020 20:12:55</t>
  </si>
  <si>
    <t>01/23/2020 20:13:51</t>
  </si>
  <si>
    <t>c70b80f8-b7e7-4ed1-b876-61c2b92cbfe2.tmp</t>
  </si>
  <si>
    <t>\\acsfs\profiles$\fabianobmf\Downloads\c70b80f8-b7e7-4ed1-b876-61c2b92cbfe2.tmp</t>
  </si>
  <si>
    <t>01/23/2020 20:15:51</t>
  </si>
  <si>
    <t>01/23/2020 20:10:31</t>
  </si>
  <si>
    <t>01/23/2020 20:16:52</t>
  </si>
  <si>
    <t>01/23/2020 20:17:18</t>
  </si>
  <si>
    <t>01/23/2020 20:18:52</t>
  </si>
  <si>
    <t>4d8cf39f-5838-4d38-af56-8e1feddf69d3.tmp</t>
  </si>
  <si>
    <t>\\acsfs\profiles$\erichds\Downloads\4d8cf39f-5838-4d38-af56-8e1feddf69d3.tmp</t>
  </si>
  <si>
    <t>01/23/2020 20:16:26</t>
  </si>
  <si>
    <t>52c98b71-23e3-4365-b04a-a265ffde1f74.tmp</t>
  </si>
  <si>
    <t>\\acsfs\profiles$\henriqueco\Downloads\52c98b71-23e3-4365-b04a-a265ffde1f74.tmp</t>
  </si>
  <si>
    <t>01/23/2020 20:16:58</t>
  </si>
  <si>
    <t>da29d56e-db5b-4641-8bbb-13e8308d7b51.tmp</t>
  </si>
  <si>
    <t>\\acsfs\profiles$\victorgl\Downloads\da29d56e-db5b-4641-8bbb-13e8308d7b51.tmp</t>
  </si>
  <si>
    <t>01/23/2020 20:15:22</t>
  </si>
  <si>
    <t>01/23/2020 20:19:51</t>
  </si>
  <si>
    <t>575fe4e3-58e0-49f9-aebc-5e37a443fe26.tmp</t>
  </si>
  <si>
    <t>\\acsfs\profiles$\laurandos\Downloads\575fe4e3-58e0-49f9-aebc-5e37a443fe26.tmp</t>
  </si>
  <si>
    <t>01/23/2020 20:15:31</t>
  </si>
  <si>
    <t>ef3cfd07-aa75-4a97-9e56-8fce4aba5b4b.tmp</t>
  </si>
  <si>
    <t>\\acsfs\profiles$\laurandos\Downloads\ef3cfd07-aa75-4a97-9e56-8fce4aba5b4b.tmp</t>
  </si>
  <si>
    <t>01/23/2020 20:15:39</t>
  </si>
  <si>
    <t>4ab5605a-ad0a-49c0-9b30-e275782a8a90.tmp</t>
  </si>
  <si>
    <t>\\acsfs\profiles$\laurandos\Downloads\4ab5605a-ad0a-49c0-9b30-e275782a8a90.tmp</t>
  </si>
  <si>
    <t>01/23/2020 20:18:30</t>
  </si>
  <si>
    <t>2f94fc78-10ec-47e0-b499-a866951e7790.tmp</t>
  </si>
  <si>
    <t>\\acsfs\profiles$\laurandos\Downloads\2f94fc78-10ec-47e0-b499-a866951e7790.tmp</t>
  </si>
  <si>
    <t>01/23/2020 20:21:51</t>
  </si>
  <si>
    <t>01/23/2020 20:17:01</t>
  </si>
  <si>
    <t>01/23/2020 20:22:51</t>
  </si>
  <si>
    <t>d68a295b-a6e9-4e40-9c23-03e47a71c421.tmp</t>
  </si>
  <si>
    <t>\\acsfs\profiles$\gabrielamdp\Downloads\d68a295b-a6e9-4e40-9c23-03e47a71c421.tmp</t>
  </si>
  <si>
    <t>3df5d915-8673-4ee2-aad7-089f83be37e0.tmp</t>
  </si>
  <si>
    <t>\\acsfs\profiles$\gabrielamdp\Downloads\3df5d915-8673-4ee2-aad7-089f83be37e0.tmp</t>
  </si>
  <si>
    <t>ee152f05-2920-4de5-a7a3-3ec3e156cae4.tmp</t>
  </si>
  <si>
    <t>\\acsfs\profiles$\gabrielamdp\Downloads\ee152f05-2920-4de5-a7a3-3ec3e156cae4.tmp</t>
  </si>
  <si>
    <t>d31066ee-3e74-490a-9aac-636049af544d.tmp</t>
  </si>
  <si>
    <t>\\acsfs\profiles$\gabrielamdp\Downloads\d31066ee-3e74-490a-9aac-636049af544d.tmp</t>
  </si>
  <si>
    <t>01/23/2020 20:21:50</t>
  </si>
  <si>
    <t>ff0b92e7-f550-45c4-bbad-26fe226f5bfb.tmp</t>
  </si>
  <si>
    <t>\\acsfs\profiles$\gabrielamdp\Downloads\ff0b92e7-f550-45c4-bbad-26fe226f5bfb.tmp</t>
  </si>
  <si>
    <t>3302cae7-1af0-408e-b464-8e9bae921b70.tmp</t>
  </si>
  <si>
    <t>\\acsfs\profiles$\gabrielamdp\Downloads\3302cae7-1af0-408e-b464-8e9bae921b70.tmp</t>
  </si>
  <si>
    <t>01/23/2020 20:21:52</t>
  </si>
  <si>
    <t>9327a9e3-7a54-4524-9aef-efae977c9763.tmp</t>
  </si>
  <si>
    <t>\\acsfs\profiles$\gabrielamdp\Downloads\9327a9e3-7a54-4524-9aef-efae977c9763.tmp</t>
  </si>
  <si>
    <t>01/23/2020 20:21:53</t>
  </si>
  <si>
    <t>71ec3e58-ac6c-4bd0-9f5d-aefe83a42841.tmp</t>
  </si>
  <si>
    <t>\\acsfs\profiles$\gabrielamdp\Downloads\71ec3e58-ac6c-4bd0-9f5d-aefe83a42841.tmp</t>
  </si>
  <si>
    <t>08aa436b-b3ff-4f16-90ee-9cce17126558.tmp</t>
  </si>
  <si>
    <t>\\acsfs\profiles$\gabrielamdp\Downloads\08aa436b-b3ff-4f16-90ee-9cce17126558.tmp</t>
  </si>
  <si>
    <t>01/23/2020 20:23:51</t>
  </si>
  <si>
    <t>01/23/2020 20:19:10</t>
  </si>
  <si>
    <t>10.200.66.154</t>
  </si>
  <si>
    <t>34-E6-D7-FC-BF-9E</t>
  </si>
  <si>
    <t>VOTORANT-WB013</t>
  </si>
  <si>
    <t>brunogdsi</t>
  </si>
  <si>
    <t>https://udpwfmniceap02/web/guest/home?p_auth=cuawdt9h&amp;p_p_id=58&amp;p_p_lifecycle=1&amp;p_p_state=maximized&amp;p_p_mode=view&amp;savelastpath=0&amp;_58_struts_action=/login/forgot_password</t>
  </si>
  <si>
    <t>01/23/2020 20:19:38</t>
  </si>
  <si>
    <t>685a65fa-af0e-49e1-8222-5ad29560f0d5.tmp</t>
  </si>
  <si>
    <t>\\acsfs\profiles$\victorgl\Downloads\685a65fa-af0e-49e1-8222-5ad29560f0d5.tmp</t>
  </si>
  <si>
    <t>01/23/2020 20:23:34</t>
  </si>
  <si>
    <t>6e7cab43-fa8e-4c01-b74a-ba992af3bd49.tmp</t>
  </si>
  <si>
    <t>\\acsfs\profiles$\victorgl\Downloads\6e7cab43-fa8e-4c01-b74a-ba992af3bd49.tmp</t>
  </si>
  <si>
    <t>01/23/2020 20:22:58</t>
  </si>
  <si>
    <t>01/23/2020 20:24:52</t>
  </si>
  <si>
    <t>a84dd715-60b8-4886-b62b-4f227d13b902.tmp</t>
  </si>
  <si>
    <t>\\acsfs\profiles$\laurandos\Downloads\a84dd715-60b8-4886-b62b-4f227d13b902.tmp</t>
  </si>
  <si>
    <t>e0b48606-317a-4dc8-90c3-f360b5430094.tmp</t>
  </si>
  <si>
    <t>\\acsfs\profiles$\laurandos\Downloads\e0b48606-317a-4dc8-90c3-f360b5430094.tmp</t>
  </si>
  <si>
    <t>01/23/2020 20:24:34</t>
  </si>
  <si>
    <t>a6b3be4d-6e31-4925-890d-3f3ad0d2eb4f.tmp</t>
  </si>
  <si>
    <t>\\acsfs\profiles$\nycolleemdj\Downloads\a6b3be4d-6e31-4925-890d-3f3ad0d2eb4f.tmp</t>
  </si>
  <si>
    <t>01/23/2020 20:21:13</t>
  </si>
  <si>
    <t>c0402b49-3a97-4de1-aae5-5358b78f1ab4.tmp</t>
  </si>
  <si>
    <t>\\acsfs\profiles$\philipegsf\Downloads\c0402b49-3a97-4de1-aae5-5358b78f1ab4.tmp</t>
  </si>
  <si>
    <t>01/23/2020 20:26:52</t>
  </si>
  <si>
    <t>01/23/2020 20:29:52</t>
  </si>
  <si>
    <t>01/23/2020 20:25:41</t>
  </si>
  <si>
    <t>ab71b119-c7fe-4a09-a95d-a4b73a60647c.tmp</t>
  </si>
  <si>
    <t>\\acsfs\profiles$\nycolleemdj\Downloads\ab71b119-c7fe-4a09-a95d-a4b73a60647c.tmp</t>
  </si>
  <si>
    <t>01/23/2020 20:31:51</t>
  </si>
  <si>
    <t>01/23/2020 20:29:54</t>
  </si>
  <si>
    <t>75b0c5a2-3c86-4ad7-94b5-403619d3bb0a.tmp</t>
  </si>
  <si>
    <t>\\acsfs\profiles$\LUISPLS\Downloads\75b0c5a2-3c86-4ad7-94b5-403619d3bb0a.tmp</t>
  </si>
  <si>
    <t>01/23/2020 20:29:27</t>
  </si>
  <si>
    <t>01/23/2020 20:33:52</t>
  </si>
  <si>
    <t>d3550b3a-a86e-4a68-ae13-fea927c64083.tmp</t>
  </si>
  <si>
    <t>\\acsfs\profiles$\fabianobmf\Downloads\d3550b3a-a86e-4a68-ae13-fea927c64083.tmp</t>
  </si>
  <si>
    <t>01/23/2020 20:29:32</t>
  </si>
  <si>
    <t>01/23/2020 20:34:51</t>
  </si>
  <si>
    <t>92aa637b-f871-41ac-baeb-737603c7e5c4.tmp</t>
  </si>
  <si>
    <t>\\acsfs\profiles$\brunalas\Downloads\92aa637b-f871-41ac-baeb-737603c7e5c4.tmp</t>
  </si>
  <si>
    <t>01/23/2020 20:32:32</t>
  </si>
  <si>
    <t>01/23/2020 20:35:51</t>
  </si>
  <si>
    <t>284e1e51-cf01-489b-9b4d-72531d9739e6.tmp</t>
  </si>
  <si>
    <t>\\acsfs\profiles$\victorgl\Downloads\284e1e51-cf01-489b-9b4d-72531d9739e6.tmp</t>
  </si>
  <si>
    <t>01/23/2020 20:32:43</t>
  </si>
  <si>
    <t>23b59fdc-29a8-44d4-a3e6-968d7591f9de.tmp</t>
  </si>
  <si>
    <t>\\acsfs\profiles$\victorgl\Downloads\23b59fdc-29a8-44d4-a3e6-968d7591f9de.tmp</t>
  </si>
  <si>
    <t>01/23/2020 20:33:25</t>
  </si>
  <si>
    <t>5c8a0a46-2762-4601-994f-33697f7d2506.tmp</t>
  </si>
  <si>
    <t>\\acsfs\profiles$\victorgl\Downloads\5c8a0a46-2762-4601-994f-33697f7d2506.tmp</t>
  </si>
  <si>
    <t>01/23/2020 20:36:51</t>
  </si>
  <si>
    <t>01/23/2020 20:33:59</t>
  </si>
  <si>
    <t>4f923af2-2d1d-4fc2-bdff-db29c64cbc2d.tmp</t>
  </si>
  <si>
    <t>\\acsfs\profiles$\layonmof\Downloads\4f923af2-2d1d-4fc2-bdff-db29c64cbc2d.tmp</t>
  </si>
  <si>
    <t>01/23/2020 20:31:52</t>
  </si>
  <si>
    <t>1ca378b5-2974-4f5d-82b3-f96bbd6a7f2d.tmp</t>
  </si>
  <si>
    <t>\\acsfs\profiles$\LUISPLS\Downloads\1ca378b5-2974-4f5d-82b3-f96bbd6a7f2d.tmp</t>
  </si>
  <si>
    <t>01/23/2020 20:39:10</t>
  </si>
  <si>
    <t>01/23/2020 20:41:51</t>
  </si>
  <si>
    <t>01/23/2020 20:42:00</t>
  </si>
  <si>
    <t>01/23/2020 20:43:51</t>
  </si>
  <si>
    <t>d436d54e-2d82-4304-903d-4a3b65539ab5.tmp</t>
  </si>
  <si>
    <t>\\acsfs\profiles$\fabianobmf\Downloads\d436d54e-2d82-4304-903d-4a3b65539ab5.tmp</t>
  </si>
  <si>
    <t>01/23/2020 20:42:15</t>
  </si>
  <si>
    <t>048c60d6-2b7e-4e5c-847a-db31efc1d334.tmp</t>
  </si>
  <si>
    <t>\\acsfs\profiles$\henriqueco\Downloads\048c60d6-2b7e-4e5c-847a-db31efc1d334.tmp</t>
  </si>
  <si>
    <t>01/23/2020 20:46:51</t>
  </si>
  <si>
    <t>01/23/2020 20:46:10</t>
  </si>
  <si>
    <t>01/23/2020 20:47:51</t>
  </si>
  <si>
    <t>57a511cc-a273-4364-864e-a5b3a96a5d9a.tmp</t>
  </si>
  <si>
    <t>\\acsfs\profiles$\gabrielamdp\Downloads\57a511cc-a273-4364-864e-a5b3a96a5d9a.tmp</t>
  </si>
  <si>
    <t>01/23/2020 20:46:12</t>
  </si>
  <si>
    <t>bf98b75e-8be8-4489-b98f-56d3b0c4336a.tmp</t>
  </si>
  <si>
    <t>\\acsfs\profiles$\gabrielamdp\Downloads\bf98b75e-8be8-4489-b98f-56d3b0c4336a.tmp</t>
  </si>
  <si>
    <t>01/23/2020 20:46:47</t>
  </si>
  <si>
    <t>bf6e82c1-69a5-403f-961c-de3687dad475.tmp</t>
  </si>
  <si>
    <t>\\acsfs\profiles$\gabrielamdp\Downloads\bf6e82c1-69a5-403f-961c-de3687dad475.tmp</t>
  </si>
  <si>
    <t>01/23/2020 20:46:33</t>
  </si>
  <si>
    <t>01/23/2020 20:48:51</t>
  </si>
  <si>
    <t>ce746a00-5175-495c-85e6-075a3afcf183.tmp</t>
  </si>
  <si>
    <t>\\acsfs\profiles$\fabianobmf\Downloads\ce746a00-5175-495c-85e6-075a3afcf183.tmp</t>
  </si>
  <si>
    <t>01/23/2020 20:48:40</t>
  </si>
  <si>
    <t>01/23/2020 20:49:51</t>
  </si>
  <si>
    <t>acfrogba0vv4eckeu09qchh58sfyagkn0qbccdmosylq095rhwu29j-k2g6kcv0jfmmifdcvkoa_g0im3ammboslkxx_t6_6z84uktii5vntezp1cb1ybw8rfvwkosuusdukjqt8i556auhv2bag.pdf</t>
  </si>
  <si>
    <t>01/23/2020 20:51:51</t>
  </si>
  <si>
    <t>01/23/2020 20:48:24</t>
  </si>
  <si>
    <t>01/23/2020 20:52:51</t>
  </si>
  <si>
    <t>7ecd80cb-b66d-4ac8-b06f-11d737498d78.tmp</t>
  </si>
  <si>
    <t>\\acsfs\profiles$\gabrielamdp\Downloads\7ecd80cb-b66d-4ac8-b06f-11d737498d78.tmp</t>
  </si>
  <si>
    <t>01/23/2020 20:50:18</t>
  </si>
  <si>
    <t>01/23/2020 20:54:51</t>
  </si>
  <si>
    <t>ulog_Acrobat12_Reader_3b8210f9-3618-47e4-b9cc-5aaaba62831a_4d819281-e136-4497-8fa3-03ee4dd93903_0.log</t>
  </si>
  <si>
    <t>C:\Users\flaviacno\AppData\Roaming\Adobe\LogTransport2\Logs\ulog_Acrobat12_Reader_3b8210f9-3618-47e4-b9cc-5aaaba62831a_4d819281-e136-4497-8fa3-03ee4dd93903_0.log\</t>
  </si>
  <si>
    <t>01/23/2020 20:50:19</t>
  </si>
  <si>
    <t>ulog_Acrobat12_Reader_3b8210f9-3618-47e4-b9cc-5aaaba62831a_67b1a95d-ffda-431a-a219-7a374caa9b87_0.log</t>
  </si>
  <si>
    <t>C:\Users\flaviacno\AppData\Roaming\Adobe\LogTransport2\Logs\ulog_Acrobat12_Reader_3b8210f9-3618-47e4-b9cc-5aaaba62831a_67b1a95d-ffda-431a-a219-7a374caa9b87_0.log\</t>
  </si>
  <si>
    <t>01/23/2020 20:56:52</t>
  </si>
  <si>
    <t>01/23/2020 21:01:52</t>
  </si>
  <si>
    <t>01/23/2020 20:58:50</t>
  </si>
  <si>
    <t>a6da185f-8542-422d-9978-497d4260cca0.tmp</t>
  </si>
  <si>
    <t>\\acsfs\profiles$\layonmof\Downloads\a6da185f-8542-422d-9978-497d4260cca0.tmp</t>
  </si>
  <si>
    <t>01/23/2020 21:06:51</t>
  </si>
  <si>
    <t>01/23/2020 21:05:22</t>
  </si>
  <si>
    <t>01/23/2020 21:07:51</t>
  </si>
  <si>
    <t>XLOG_anakcs_23012020_130729.log</t>
  </si>
  <si>
    <t>\\acsfs\profiles$\anakcs\My Documents\xworkcenter\logs\XLOG_anakcs_23012020_130729.log</t>
  </si>
  <si>
    <t>01/23/2020 21:04:33</t>
  </si>
  <si>
    <t>01/23/2020 21:09:52</t>
  </si>
  <si>
    <t>01/23/2020 21:06:56</t>
  </si>
  <si>
    <t>01/23/2020 21:09:05</t>
  </si>
  <si>
    <t>9df8365e-880d-43f4-836f-eb49c09e5b78.tmp</t>
  </si>
  <si>
    <t>\\acsfs\profiles$\gabrielamdp\Downloads\9df8365e-880d-43f4-836f-eb49c09e5b78.tmp</t>
  </si>
  <si>
    <t>c6c63ff9-7dc8-487c-88bc-023db1563fad.tmp</t>
  </si>
  <si>
    <t>\\acsfs\profiles$\gabrielamdp\Downloads\c6c63ff9-7dc8-487c-88bc-023db1563fad.tmp</t>
  </si>
  <si>
    <t>01/23/2020 21:09:06</t>
  </si>
  <si>
    <t>2a326002-e858-42e3-8478-5d4f02b3989f.tmp</t>
  </si>
  <si>
    <t>\\acsfs\profiles$\gabrielamdp\Downloads\2a326002-e858-42e3-8478-5d4f02b3989f.tmp</t>
  </si>
  <si>
    <t>01/23/2020 21:09:07</t>
  </si>
  <si>
    <t>7f19f519-8c6f-4bd1-9b44-9fa4a1f1f236.tmp</t>
  </si>
  <si>
    <t>\\acsfs\profiles$\gabrielamdp\Downloads\7f19f519-8c6f-4bd1-9b44-9fa4a1f1f236.tmp</t>
  </si>
  <si>
    <t>01/23/2020 21:09:08</t>
  </si>
  <si>
    <t>4b7435cf-e306-4923-a0c6-e1560edf7cbc.tmp</t>
  </si>
  <si>
    <t>\\acsfs\profiles$\gabrielamdp\Downloads\4b7435cf-e306-4923-a0c6-e1560edf7cbc.tmp</t>
  </si>
  <si>
    <t>01/23/2020 21:09:53</t>
  </si>
  <si>
    <t>01/23/2020 21:10:51</t>
  </si>
  <si>
    <t>01/23/2020 21:11:52</t>
  </si>
  <si>
    <t>01/23/2020 21:11:45</t>
  </si>
  <si>
    <t>01/23/2020 21:15:51</t>
  </si>
  <si>
    <t>47ef0db7-9bae-4f6d-88f0-e510cb91edf5.tmp</t>
  </si>
  <si>
    <t>\\acsfs\profiles$\edicarlosdl\Downloads\47ef0db7-9bae-4f6d-88f0-e510cb91edf5.tmp</t>
  </si>
  <si>
    <t>01/23/2020 21:11:13</t>
  </si>
  <si>
    <t>01/23/2020 21:16:51</t>
  </si>
  <si>
    <t>01/23/2020 21:21:51</t>
  </si>
  <si>
    <t>01/23/2020 21:23:29</t>
  </si>
  <si>
    <t>01/23/2020 21:24:51</t>
  </si>
  <si>
    <t>\\acsfs\profiles$\julianeas\My Documents\VENDAS.txt</t>
  </si>
  <si>
    <t>01/23/2020 21:23:30</t>
  </si>
  <si>
    <t>01/23/2020 21:25:51</t>
  </si>
  <si>
    <t>d0f0ae6a-ba70-4f3c-8d57-afb10492ab66.tmp</t>
  </si>
  <si>
    <t>\\acsfs\profiles$\mariajaf\Downloads\d0f0ae6a-ba70-4f3c-8d57-afb10492ab66.tmp</t>
  </si>
  <si>
    <t>01/23/2020 21:26:51</t>
  </si>
  <si>
    <t>01/23/2020 21:29:46</t>
  </si>
  <si>
    <t>01/23/2020 21:30:51</t>
  </si>
  <si>
    <t>01/23/2020 21:31:52</t>
  </si>
  <si>
    <t>01/23/2020 21:36:52</t>
  </si>
  <si>
    <t>01/23/2020 21:41:52</t>
  </si>
  <si>
    <t>01/23/2020 21:46:52</t>
  </si>
  <si>
    <t>01/23/2020 21:51:51</t>
  </si>
  <si>
    <t>01/23/2020 21:53:13</t>
  </si>
  <si>
    <t>01/23/2020 21:55:52</t>
  </si>
  <si>
    <t>01/23/2020 21:56:51</t>
  </si>
  <si>
    <t>01/23/2020 21:55:09</t>
  </si>
  <si>
    <t>01/23/2020 21:59:51</t>
  </si>
  <si>
    <t>2e27d718-85cf-4807-96b1-bb5ed5ae5a5e.tmp</t>
  </si>
  <si>
    <t>\\acsfs\profiles$\ROBERTM\Downloads\2e27d718-85cf-4807-96b1-bb5ed5ae5a5e.tmp</t>
  </si>
  <si>
    <t>01/23/2020 21:55:36</t>
  </si>
  <si>
    <t>51de95d1-300c-4d6c-a770-ef9dd7bfd1ea.tmp</t>
  </si>
  <si>
    <t>\\acsfs\profiles$\ROBERTM\Downloads\51de95d1-300c-4d6c-a770-ef9dd7bfd1ea.tmp</t>
  </si>
  <si>
    <t>01/23/2020 21:56:25</t>
  </si>
  <si>
    <t>fcb22c0b-9c2f-4e75-9d84-30f99164e91a.tmp</t>
  </si>
  <si>
    <t>\\acsfs\profiles$\ROBERTM\Downloads\fcb22c0b-9c2f-4e75-9d84-30f99164e91a.tmp</t>
  </si>
  <si>
    <t>01/23/2020 22:01:51</t>
  </si>
  <si>
    <t>01/23/2020 21:59:31</t>
  </si>
  <si>
    <t>01/23/2020 22:02:51</t>
  </si>
  <si>
    <t>XLOG_thaisdss_23012020_134822.log</t>
  </si>
  <si>
    <t>\\acsfs\profiles$\thaisdss\My Documents\xworkcenter\logs\XLOG_thaisdss_23012020_134822.log</t>
  </si>
  <si>
    <t>01/23/2020 21:59:50</t>
  </si>
  <si>
    <t>XLOG_thaisdss_23012020_134814.log</t>
  </si>
  <si>
    <t>\\acsfs\profiles$\thaisdss\My Documents\xworkcenter\logs\XLOG_thaisdss_23012020_134814.log</t>
  </si>
  <si>
    <t>01/23/2020 22:05:52</t>
  </si>
  <si>
    <t>01/23/2020 22:01:15</t>
  </si>
  <si>
    <t>c886f84e-9af6-46a4-86a0-33bd3755f9d2.tmp</t>
  </si>
  <si>
    <t>\\acsfs\profiles$\edicarlosdl\Downloads\c886f84e-9af6-46a4-86a0-33bd3755f9d2.tmp</t>
  </si>
  <si>
    <t>01/23/2020 22:06:51</t>
  </si>
  <si>
    <t>01/23/2020 22:02:32</t>
  </si>
  <si>
    <t>4a95c7fb-324e-49b7-ba66-925cfa9db70b.tmp</t>
  </si>
  <si>
    <t>\\acsfs\profiles$\taylaedoa\Downloads\4a95c7fb-324e-49b7-ba66-925cfa9db70b.tmp</t>
  </si>
  <si>
    <t>01/23/2020 22:03:32</t>
  </si>
  <si>
    <t>52a4f27e-f497-4857-aef2-4416fffe7ba0.tmp</t>
  </si>
  <si>
    <t>\\acsfs\profiles$\taylaedoa\Downloads\52a4f27e-f497-4857-aef2-4416fffe7ba0.tmp</t>
  </si>
  <si>
    <t>01/23/2020 22:03:44</t>
  </si>
  <si>
    <t>26bf00ef-0ac2-4bc6-9777-ad08c6927e87.tmp</t>
  </si>
  <si>
    <t>\\acsfs\profiles$\taylaedoa\Downloads\26bf00ef-0ac2-4bc6-9777-ad08c6927e87.tmp</t>
  </si>
  <si>
    <t>01/23/2020 22:04:10</t>
  </si>
  <si>
    <t>d77018c9-9715-4667-835d-c3786c42394b.tmp</t>
  </si>
  <si>
    <t>\\acsfs\profiles$\taylaedoa\Downloads\d77018c9-9715-4667-835d-c3786c42394b.tmp</t>
  </si>
  <si>
    <t>01/23/2020 22:05:05</t>
  </si>
  <si>
    <t>f0454bb6-95e6-4908-b97c-5c3214dc1a07.tmp</t>
  </si>
  <si>
    <t>\\acsfs\profiles$\taylaedoa\Downloads\f0454bb6-95e6-4908-b97c-5c3214dc1a07.tmp</t>
  </si>
  <si>
    <t>01/23/2020 22:05:35</t>
  </si>
  <si>
    <t>01978a4c-06ff-4429-b85d-6c8705591953.tmp</t>
  </si>
  <si>
    <t>\\acsfs\profiles$\taylaedoa\Downloads\01978a4c-06ff-4429-b85d-6c8705591953.tmp</t>
  </si>
  <si>
    <t>01/23/2020 22:05:45</t>
  </si>
  <si>
    <t>b0e4a408-7f1c-40de-aba8-fbc83dba573c.tmp</t>
  </si>
  <si>
    <t>\\acsfs\profiles$\taylaedoa\Downloads\b0e4a408-7f1c-40de-aba8-fbc83dba573c.tmp</t>
  </si>
  <si>
    <t>01/23/2020 22:06:05</t>
  </si>
  <si>
    <t>c8e7c6e8-efe7-4867-87b3-2d39cb58bb85.tmp</t>
  </si>
  <si>
    <t>\\acsfs\profiles$\taylaedoa\Downloads\c8e7c6e8-efe7-4867-87b3-2d39cb58bb85.tmp</t>
  </si>
  <si>
    <t>01/23/2020 22:11:51</t>
  </si>
  <si>
    <t>01/23/2020 22:06:48</t>
  </si>
  <si>
    <t>82715378-a293-4060-b2ee-309ed7ea368f.tmp</t>
  </si>
  <si>
    <t>\\acsfs\profiles$\taylaedoa\Downloads\82715378-a293-4060-b2ee-309ed7ea368f.tmp</t>
  </si>
  <si>
    <t>01/23/2020 22:11:09</t>
  </si>
  <si>
    <t>01/23/2020 22:16:51</t>
  </si>
  <si>
    <t>38f8e32e-1b5f-4a9f-9ee8-ec24c0b54d5a.tmp</t>
  </si>
  <si>
    <t>\\acsfs\profiles$\mariajaf\Downloads\38f8e32e-1b5f-4a9f-9ee8-ec24c0b54d5a.tmp</t>
  </si>
  <si>
    <t>01/23/2020 22:13:32</t>
  </si>
  <si>
    <t>b84cc751-6ae1-4b4c-ad99-f596e2657821.tmp</t>
  </si>
  <si>
    <t>\\acsfs\profiles$\nathaliaos\Downloads\b84cc751-6ae1-4b4c-ad99-f596e2657821.tmp</t>
  </si>
  <si>
    <t>01/23/2020 22:12:49</t>
  </si>
  <si>
    <t>01/23/2020 22:17:51</t>
  </si>
  <si>
    <t>01/23/2020 22:16:30</t>
  </si>
  <si>
    <t>01/23/2020 22:18:51</t>
  </si>
  <si>
    <t>\\acsfs\Deptos\Operacao\Banco_Votorantim\Supervisao\SUPERS BV CARTÕES\JOAO VICTOR\</t>
  </si>
  <si>
    <t>Inclusão Metlife Dependente JANEIRO.xlsx</t>
  </si>
  <si>
    <t>\\acsfs\Deptos\Operacao\Banco_Votorantim\Supervisao\SUPERS BV CARTÕES\JOAO VICTOR\Inclusão Metlife Dependente JANEIRO.xlsx</t>
  </si>
  <si>
    <t>01/23/2020 22:16:39</t>
  </si>
  <si>
    <t>01/23/2020 22:17:24</t>
  </si>
  <si>
    <t>Passo a Passo METLIFE.txt</t>
  </si>
  <si>
    <t>\\acsfs\Deptos\Operacao\Banco_Votorantim\Supervisao\SUPERS BV CARTÕES\JOAO VICTOR\Passo a Passo METLIFE.txt</t>
  </si>
  <si>
    <t>01/23/2020 22:21:52</t>
  </si>
  <si>
    <t>01/23/2020 22:26:52</t>
  </si>
  <si>
    <t>01/23/2020 22:31:52</t>
  </si>
  <si>
    <t>01/23/2020 22:36:52</t>
  </si>
  <si>
    <t>01/23/2020 22:41:52</t>
  </si>
  <si>
    <t>01/23/2020 22:40:12</t>
  </si>
  <si>
    <t>01/23/2020 22:42:51</t>
  </si>
  <si>
    <t>bf1c5cca-808b-4f70-a3e4-8bba6fdcd59c.tmp</t>
  </si>
  <si>
    <t>\\acsfs\profiles$\leonardocb\Downloads\bf1c5cca-808b-4f70-a3e4-8bba6fdcd59c.tmp</t>
  </si>
  <si>
    <t>01/23/2020 22:40:28</t>
  </si>
  <si>
    <t>Q29udHJvbGxlci5QYXl3YXJlLU5vaXRl (48).ica</t>
  </si>
  <si>
    <t>\\acsfs\profiles$\leonardocb\Downloads\Q29udHJvbGxlci5QYXl3YXJlLU5vaXRl (48).ica</t>
  </si>
  <si>
    <t>01/23/2020 22:41:32</t>
  </si>
  <si>
    <t>b1cf98fd-6b39-46a7-a852-7b7e55ee055d.tmp</t>
  </si>
  <si>
    <t>\\acsfs\profiles$\leonardocb\Downloads\b1cf98fd-6b39-46a7-a852-7b7e55ee055d.tmp</t>
  </si>
  <si>
    <t>01/23/2020 22:46:51</t>
  </si>
  <si>
    <t>01/23/2020 22:45:42</t>
  </si>
  <si>
    <t>01/23/2020 22:47:51</t>
  </si>
  <si>
    <t>dc964f39-0b97-48dd-96df-688e22eb37e3.tmp</t>
  </si>
  <si>
    <t>\\acsfs\profiles$\leonardocb\Downloads\dc964f39-0b97-48dd-96df-688e22eb37e3.tmp</t>
  </si>
  <si>
    <t>01/23/2020 22:51:52</t>
  </si>
  <si>
    <t>01/23/2020 22:56:51</t>
  </si>
  <si>
    <t>01/23/2020 23:01:51</t>
  </si>
  <si>
    <t>01/23/2020 23:06:51</t>
  </si>
  <si>
    <t>01/23/2020 23:11:51</t>
  </si>
  <si>
    <t>01/23/2020 23:16:51</t>
  </si>
  <si>
    <t>01/23/2020 23:21:51</t>
  </si>
  <si>
    <t>01/23/2020 23:26:52</t>
  </si>
  <si>
    <t>01/23/2020 23:31:51</t>
  </si>
  <si>
    <t>01/23/2020 23:36:51</t>
  </si>
  <si>
    <t>01/23/2020 23:41:51</t>
  </si>
  <si>
    <t>01/23/2020 23:42:13</t>
  </si>
  <si>
    <t>01/23/2020 23:46:51</t>
  </si>
  <si>
    <t>051aabc0-3b2a-4a10-8099-f74d56cc0b40.tmp</t>
  </si>
  <si>
    <t>\\acsfs\profiles$\marlyannegdls\Downloads\051aabc0-3b2a-4a10-8099-f74d56cc0b40.tmp</t>
  </si>
  <si>
    <t>01/23/2020 23:44:17</t>
  </si>
  <si>
    <t>e9ec7163-3607-4100-a985-84bc3a140d75.tmp</t>
  </si>
  <si>
    <t>\\acsfs\profiles$\marlyannegdls\Downloads\e9ec7163-3607-4100-a985-84bc3a140d75.tmp</t>
  </si>
  <si>
    <t>01/23/2020 23:45:14</t>
  </si>
  <si>
    <t>01/23/2020 23:49:51</t>
  </si>
  <si>
    <t>1a35b721-ca3b-4676-8ac1-0af1ed3ded33.tmp</t>
  </si>
  <si>
    <t>\\acsfs\profiles$\mariaavds\Downloads\1a35b721-ca3b-4676-8ac1-0af1ed3ded33.tmp</t>
  </si>
  <si>
    <t>01/23/2020 23:45:30</t>
  </si>
  <si>
    <t>9d481dca-48df-45d5-a734-602841f23bfa.tmp</t>
  </si>
  <si>
    <t>\\acsfs\profiles$\mariaavds\Downloads\9d481dca-48df-45d5-a734-602841f23bfa.tmp</t>
  </si>
  <si>
    <t>01/23/2020 23:45:40</t>
  </si>
  <si>
    <t>b78eac9b-16a6-47a7-8411-e0fa0811d902.tmp</t>
  </si>
  <si>
    <t>\\acsfs\profiles$\mariaavds\Downloads\b78eac9b-16a6-47a7-8411-e0fa0811d902.tmp</t>
  </si>
  <si>
    <t>8e22daaf-22f5-4f6a-81ac-b48a78281892.tmp</t>
  </si>
  <si>
    <t>\\acsfs\profiles$\mariaavds\Downloads\8e22daaf-22f5-4f6a-81ac-b48a78281892.tmp</t>
  </si>
  <si>
    <t>01/23/2020 23:51:51</t>
  </si>
  <si>
    <t>01/23/2020 23:56:51</t>
  </si>
  <si>
    <t>01/24/2020 00:01:51</t>
  </si>
  <si>
    <t>01/24/2020 00:06:51</t>
  </si>
  <si>
    <t>01/24/2020 00:07:55</t>
  </si>
  <si>
    <t>01/24/2020 00:09:52</t>
  </si>
  <si>
    <t>cb7c9e3a-bf12-458c-acfd-a2e8cbfa6d07.tmp</t>
  </si>
  <si>
    <t>\\acsfs\profiles$\mariaavds\Downloads\cb7c9e3a-bf12-458c-acfd-a2e8cbfa6d07.tmp</t>
  </si>
  <si>
    <t>01/24/2020 00:11:51</t>
  </si>
  <si>
    <t>01/24/2020 00:16:51</t>
  </si>
  <si>
    <t>01/24/2020 00:21:51</t>
  </si>
  <si>
    <t>01/24/2020 00:26:51</t>
  </si>
  <si>
    <t>01/24/2020 00:31:51</t>
  </si>
  <si>
    <t>01/24/2020 00:36:51</t>
  </si>
  <si>
    <t>01/24/2020 00:41:51</t>
  </si>
  <si>
    <t>01/24/2020 00:46:51</t>
  </si>
  <si>
    <t>01/24/2020 00:51:51</t>
  </si>
  <si>
    <t>01/24/2020 00:56:51</t>
  </si>
  <si>
    <t>01/24/2020 01:25:52</t>
  </si>
  <si>
    <t>01/24/2020 01:27:52</t>
  </si>
  <si>
    <t>01/24/2020 01:32:52</t>
  </si>
  <si>
    <t>01/24/2020 01:37:52</t>
  </si>
  <si>
    <t>01/24/2020 01:42:52</t>
  </si>
  <si>
    <t>01/24/2020 01:47:52</t>
  </si>
  <si>
    <t>01/24/2020 01:52:53</t>
  </si>
  <si>
    <t>01/24/2020 01:57:53</t>
  </si>
  <si>
    <t>01/24/2020 02:02:53</t>
  </si>
  <si>
    <t>01/24/2020 02:07:52</t>
  </si>
  <si>
    <t>01/24/2020 02:12:52</t>
  </si>
  <si>
    <t>01/24/2020 02:17:53</t>
  </si>
  <si>
    <t>01/24/2020 02:22:52</t>
  </si>
  <si>
    <t>01/24/2020 02:27:52</t>
  </si>
  <si>
    <t>01/24/2020 02:32:53</t>
  </si>
  <si>
    <t>01/24/2020 02:37:53</t>
  </si>
  <si>
    <t>01/24/2020 02:42:53</t>
  </si>
  <si>
    <t>01/24/2020 02:47:53</t>
  </si>
  <si>
    <t>01/24/2020 02:52:53</t>
  </si>
  <si>
    <t>01/24/2020 02:57:54</t>
  </si>
  <si>
    <t>01/24/2020 03:02:54</t>
  </si>
  <si>
    <t>01/24/2020 03:07:53</t>
  </si>
  <si>
    <t>01/24/2020 03:12:54</t>
  </si>
  <si>
    <t>01/24/2020 03:17:53</t>
  </si>
  <si>
    <t>01/24/2020 03:22:53</t>
  </si>
  <si>
    <t>01/24/2020 03:27:53</t>
  </si>
  <si>
    <t>01/24/2020 03:32:53</t>
  </si>
  <si>
    <t>01/24/2020 03:37:53</t>
  </si>
  <si>
    <t>01/24/2020 03:42:53</t>
  </si>
  <si>
    <t>01/24/2020 03:47:53</t>
  </si>
  <si>
    <t>01/24/2020 03:52:53</t>
  </si>
  <si>
    <t>01/24/2020 03:57:53</t>
  </si>
  <si>
    <t>01/24/2020 03:57:54</t>
  </si>
  <si>
    <t>01/24/2020 04:02:54</t>
  </si>
  <si>
    <t>01/24/2020 04:07:53</t>
  </si>
  <si>
    <t>01/24/2020 04:12:53</t>
  </si>
  <si>
    <t>01/24/2020 04:17:53</t>
  </si>
  <si>
    <t>01/24/2020 04:22:54</t>
  </si>
  <si>
    <t>01/24/2020 04:27:53</t>
  </si>
  <si>
    <t>01/24/2020 04:32:53</t>
  </si>
  <si>
    <t>01/24/2020 04:37:53</t>
  </si>
  <si>
    <t>01/24/2020 04:42:53</t>
  </si>
  <si>
    <t>01/24/2020 04:47:53</t>
  </si>
  <si>
    <t>01/24/2020 04:52:54</t>
  </si>
  <si>
    <t>01/24/2020 04:57:54</t>
  </si>
  <si>
    <t>01/24/2020 05:09:54</t>
  </si>
  <si>
    <t>01/24/2020 05:14:53</t>
  </si>
  <si>
    <t>01/24/2020 05:15:54</t>
  </si>
  <si>
    <t>01/24/2020 05:19:53</t>
  </si>
  <si>
    <t>01/24/2020 05:20:54</t>
  </si>
  <si>
    <t>01/24/2020 05:24:53</t>
  </si>
  <si>
    <t>01/24/2020 05:25:54</t>
  </si>
  <si>
    <t>01/24/2020 05:29:53</t>
  </si>
  <si>
    <t>01/24/2020 05:30:53</t>
  </si>
  <si>
    <t>01/24/2020 05:34:53</t>
  </si>
  <si>
    <t>01/24/2020 05:35:53</t>
  </si>
  <si>
    <t>01/24/2020 05:40:53</t>
  </si>
  <si>
    <t>01/24/2020 05:45:53</t>
  </si>
  <si>
    <t>01/24/2020 05:50:54</t>
  </si>
  <si>
    <t>01/24/2020 05:47:50</t>
  </si>
  <si>
    <t>01/24/2020 05:51:53</t>
  </si>
  <si>
    <t>bc1aee29-1ecd-4224-a654-2262493d2a53.tmp</t>
  </si>
  <si>
    <t>\\acsfs\profiles$\ROZENCAM\Downloads\bc1aee29-1ecd-4224-a654-2262493d2a53.tmp</t>
  </si>
  <si>
    <t>01/24/2020 05:49:37</t>
  </si>
  <si>
    <t>543f9d0c-e788-4711-bae8-ced2318e4863.tmp</t>
  </si>
  <si>
    <t>\\acsfs\profiles$\ROZENCAM\Downloads\543f9d0c-e788-4711-bae8-ced2318e4863.tmp</t>
  </si>
  <si>
    <t>01/24/2020 05:50:20</t>
  </si>
  <si>
    <t>04e3738f-fa9f-4a16-91a9-1c3ef891e74a.tmp</t>
  </si>
  <si>
    <t>\\acsfs\profiles$\ROZENCAM\Downloads\04e3738f-fa9f-4a16-91a9-1c3ef891e74a.tmp</t>
  </si>
  <si>
    <t>01/24/2020 05:55:53</t>
  </si>
  <si>
    <t>01/24/2020 05:52:02</t>
  </si>
  <si>
    <t>01/24/2020 05:56:53</t>
  </si>
  <si>
    <t>9c504249-2f44-4b76-82bb-ec72bb639b79.tmp</t>
  </si>
  <si>
    <t>\\acsfs\profiles$\ROZENCAM\Downloads\9c504249-2f44-4b76-82bb-ec72bb639b79.tmp</t>
  </si>
  <si>
    <t>01/24/2020 05:55:34</t>
  </si>
  <si>
    <t>b5718aef-1651-4f7a-94fe-b15304e2f52f.tmp</t>
  </si>
  <si>
    <t>\\acsfs\profiles$\ROZENCAM\Downloads\b5718aef-1651-4f7a-94fe-b15304e2f52f.tmp</t>
  </si>
  <si>
    <t>01/24/2020 06:00:53</t>
  </si>
  <si>
    <t>01/24/2020 05:57:31</t>
  </si>
  <si>
    <t>01/24/2020 06:01:54</t>
  </si>
  <si>
    <t>003f468a-dd56-4864-be38-1580d04e6a3d.tmp</t>
  </si>
  <si>
    <t>\\acsfs\profiles$\ROZENCAM\Downloads\003f468a-dd56-4864-be38-1580d04e6a3d.tmp</t>
  </si>
  <si>
    <t>01/24/2020 06:00:40</t>
  </si>
  <si>
    <t>01/24/2020 06:03:53</t>
  </si>
  <si>
    <t>3d2e040f-b55f-4137-836f-35fe2246f614.tmp</t>
  </si>
  <si>
    <t>\\acsfs\profiles$\lucasqdss\Downloads\3d2e040f-b55f-4137-836f-35fe2246f614.tmp</t>
  </si>
  <si>
    <t>01/24/2020 06:01:13</t>
  </si>
  <si>
    <t>92d6a0b7-fbf9-40d7-aea6-4b252b259dc2.tmp</t>
  </si>
  <si>
    <t>\\acsfs\profiles$\lucasqdss\Downloads\92d6a0b7-fbf9-40d7-aea6-4b252b259dc2.tmp</t>
  </si>
  <si>
    <t>01/24/2020 06:01:45</t>
  </si>
  <si>
    <t>2fd71718-2f60-4ec4-a73b-ae41fd49ec83.tmp</t>
  </si>
  <si>
    <t>\\acsfs\profiles$\lucasqdss\Downloads\2fd71718-2f60-4ec4-a73b-ae41fd49ec83.tmp</t>
  </si>
  <si>
    <t>01/24/2020 06:03:05</t>
  </si>
  <si>
    <t>e6b275fa-a7ad-4fb1-b238-06b6dc775a11.tmp</t>
  </si>
  <si>
    <t>\\acsfs\profiles$\lucasqdss\Downloads\e6b275fa-a7ad-4fb1-b238-06b6dc775a11.tmp</t>
  </si>
  <si>
    <t>01/24/2020 06:05:53</t>
  </si>
  <si>
    <t>01/24/2020 06:04:10</t>
  </si>
  <si>
    <t>01/24/2020 06:06:54</t>
  </si>
  <si>
    <t>144d674c-2611-4c3b-b721-242eeac8d51f.tmp</t>
  </si>
  <si>
    <t>\\acsfs\profiles$\ROZENCAM\Downloads\144d674c-2611-4c3b-b721-242eeac8d51f.tmp</t>
  </si>
  <si>
    <t>01/24/2020 06:04:51</t>
  </si>
  <si>
    <t>3c27c4f3-ec52-4f53-9ba6-117605676e3f.tmp</t>
  </si>
  <si>
    <t>\\acsfs\profiles$\ROZENCAM\Downloads\3c27c4f3-ec52-4f53-9ba6-117605676e3f.tmp</t>
  </si>
  <si>
    <t>01/24/2020 06:07:53</t>
  </si>
  <si>
    <t>01/24/2020 06:06:27</t>
  </si>
  <si>
    <t>2ea86d3b-967b-4138-bae0-8ddc608b5b18.tmp</t>
  </si>
  <si>
    <t>\\acsfs\profiles$\mariaavds\Downloads\2ea86d3b-967b-4138-bae0-8ddc608b5b18.tmp</t>
  </si>
  <si>
    <t>01/24/2020 06:08:54</t>
  </si>
  <si>
    <t>01/24/2020 06:04:08</t>
  </si>
  <si>
    <t>ce325d2d-2ad1-48d5-b71f-e2532a985f90.tmp</t>
  </si>
  <si>
    <t>\\acsfs\profiles$\lucasqdss\Downloads\ce325d2d-2ad1-48d5-b71f-e2532a985f90.tmp</t>
  </si>
  <si>
    <t>01/24/2020 06:04:34</t>
  </si>
  <si>
    <t>76dad073-aeec-4073-9b37-81810f5d8af8.tmp</t>
  </si>
  <si>
    <t>\\acsfs\profiles$\lucasqdss\Downloads\76dad073-aeec-4073-9b37-81810f5d8af8.tmp</t>
  </si>
  <si>
    <t>01/24/2020 06:05:00</t>
  </si>
  <si>
    <t>16753ba0-a04b-47a9-89c9-22b3c7c5a388.tmp</t>
  </si>
  <si>
    <t>\\acsfs\profiles$\lucasqdss\Downloads\16753ba0-a04b-47a9-89c9-22b3c7c5a388.tmp</t>
  </si>
  <si>
    <t>01/24/2020 06:05:43</t>
  </si>
  <si>
    <t>1f841fd1-02af-46fe-8652-285d31861435.tmp</t>
  </si>
  <si>
    <t>\\acsfs\profiles$\lucasqdss\Downloads\1f841fd1-02af-46fe-8652-285d31861435.tmp</t>
  </si>
  <si>
    <t>01/24/2020 06:06:49</t>
  </si>
  <si>
    <t>ca62a36a-01c1-4552-b799-11e87ea62c4f.tmp</t>
  </si>
  <si>
    <t>\\acsfs\profiles$\lucasqdss\Downloads\ca62a36a-01c1-4552-b799-11e87ea62c4f.tmp</t>
  </si>
  <si>
    <t>01/24/2020 06:07:46</t>
  </si>
  <si>
    <t>46abd4de-7c9f-43b9-aeb1-13fd62937f4a.tmp</t>
  </si>
  <si>
    <t>\\acsfs\profiles$\lucasqdss\Downloads\46abd4de-7c9f-43b9-aeb1-13fd62937f4a.tmp</t>
  </si>
  <si>
    <t>01/24/2020 06:09:53</t>
  </si>
  <si>
    <t>01/24/2020 06:07:02</t>
  </si>
  <si>
    <t>6840dc96-415c-409e-8fa1-f5690f868fff.tmp</t>
  </si>
  <si>
    <t>\\acsfs\profiles$\ROZENCAM\Downloads\6840dc96-415c-409e-8fa1-f5690f868fff.tmp</t>
  </si>
  <si>
    <t>01/24/2020 06:10:54</t>
  </si>
  <si>
    <t>01/24/2020 06:07:34</t>
  </si>
  <si>
    <t>01/24/2020 06:12:53</t>
  </si>
  <si>
    <t>d34d9616-e974-4446-b8c0-7a5f9b820f27.tmp</t>
  </si>
  <si>
    <t>\\acsfs\profiles$\mariaavds\Downloads\d34d9616-e974-4446-b8c0-7a5f9b820f27.tmp</t>
  </si>
  <si>
    <t>01/24/2020 06:10:53</t>
  </si>
  <si>
    <t>01/24/2020 06:14:54</t>
  </si>
  <si>
    <t>e621a102-ee5d-4e54-94d5-fa779dfe7fad.tmp</t>
  </si>
  <si>
    <t>\\acsfs\profiles$\lucasqdss\Downloads\e621a102-ee5d-4e54-94d5-fa779dfe7fad.tmp</t>
  </si>
  <si>
    <t>01/24/2020 06:11:44</t>
  </si>
  <si>
    <t>3ac48fd6-08f3-4015-b1f2-6a62e8d99092.tmp</t>
  </si>
  <si>
    <t>\\acsfs\profiles$\lucasqdss\Downloads\3ac48fd6-08f3-4015-b1f2-6a62e8d99092.tmp</t>
  </si>
  <si>
    <t>01/24/2020 06:13:39</t>
  </si>
  <si>
    <t>f8d58c04-979a-4ac3-918f-825fb1fc5440.tmp</t>
  </si>
  <si>
    <t>\\acsfs\profiles$\lucasqdss\Downloads\f8d58c04-979a-4ac3-918f-825fb1fc5440.tmp</t>
  </si>
  <si>
    <t>01/24/2020 06:14:06</t>
  </si>
  <si>
    <t>f1ad0cef-28b0-4192-9dfa-788717bbb6fd.tmp</t>
  </si>
  <si>
    <t>\\acsfs\profiles$\lucasqdss\Downloads\f1ad0cef-28b0-4192-9dfa-788717bbb6fd.tmp</t>
  </si>
  <si>
    <t>01/24/2020 06:11:04</t>
  </si>
  <si>
    <t>00be6003-e160-475e-b1c3-57de77551c34.tmp</t>
  </si>
  <si>
    <t>\\acsfs\profiles$\ROZENCAM\Downloads\00be6003-e160-475e-b1c3-57de77551c34.tmp</t>
  </si>
  <si>
    <t>01/24/2020 06:15:53</t>
  </si>
  <si>
    <t>01/24/2020 06:14:34</t>
  </si>
  <si>
    <t>01/24/2020 06:19:54</t>
  </si>
  <si>
    <t>352639c6-2d3c-4f8d-a7e2-c365d9b6701d.tmp</t>
  </si>
  <si>
    <t>\\acsfs\profiles$\lucasqdss\Downloads\352639c6-2d3c-4f8d-a7e2-c365d9b6701d.tmp</t>
  </si>
  <si>
    <t>01/24/2020 06:15:03</t>
  </si>
  <si>
    <t>092ac10b-253c-4a37-bba5-2f605ab9f050.tmp</t>
  </si>
  <si>
    <t>\\acsfs\profiles$\lucasqdss\Downloads\092ac10b-253c-4a37-bba5-2f605ab9f050.tmp</t>
  </si>
  <si>
    <t>97e05470-67cd-4e3b-95d3-817c51193a8e.tmp</t>
  </si>
  <si>
    <t>\\acsfs\profiles$\lucasqdss\Downloads\97e05470-67cd-4e3b-95d3-817c51193a8e.tmp</t>
  </si>
  <si>
    <t>01/24/2020 06:16:14</t>
  </si>
  <si>
    <t>7b248bb0-9410-4054-bac3-a6d7d45af80e.tmp</t>
  </si>
  <si>
    <t>\\acsfs\profiles$\lucasqdss\Downloads\7b248bb0-9410-4054-bac3-a6d7d45af80e.tmp</t>
  </si>
  <si>
    <t>01/24/2020 06:16:57</t>
  </si>
  <si>
    <t>5b74ff70-2f05-48b0-b753-fa759a9a33fe.tmp</t>
  </si>
  <si>
    <t>\\acsfs\profiles$\lucasqdss\Downloads\5b74ff70-2f05-48b0-b753-fa759a9a33fe.tmp</t>
  </si>
  <si>
    <t>01/24/2020 06:17:29</t>
  </si>
  <si>
    <t>f8924331-a357-493d-8d02-e750319ff7ea.tmp</t>
  </si>
  <si>
    <t>\\acsfs\profiles$\lucasqdss\Downloads\f8924331-a357-493d-8d02-e750319ff7ea.tmp</t>
  </si>
  <si>
    <t>01/24/2020 06:17:56</t>
  </si>
  <si>
    <t>6a54fe9d-9a3a-452e-8885-3cefe3037889.tmp</t>
  </si>
  <si>
    <t>\\acsfs\profiles$\lucasqdss\Downloads\6a54fe9d-9a3a-452e-8885-3cefe3037889.tmp</t>
  </si>
  <si>
    <t>01/24/2020 06:18:29</t>
  </si>
  <si>
    <t>e37e997a-1886-4df6-90d8-904be4642422.tmp</t>
  </si>
  <si>
    <t>\\acsfs\profiles$\lucasqdss\Downloads\e37e997a-1886-4df6-90d8-904be4642422.tmp</t>
  </si>
  <si>
    <t>01/24/2020 06:14:43</t>
  </si>
  <si>
    <t>94208802-cc33-4592-9388-7353a195997d.tmp</t>
  </si>
  <si>
    <t>\\acsfs\profiles$\ROZENCAM\Downloads\94208802-cc33-4592-9388-7353a195997d.tmp</t>
  </si>
  <si>
    <t>01/24/2020 06:20:53</t>
  </si>
  <si>
    <t>01/24/2020 06:22:53</t>
  </si>
  <si>
    <t>01/24/2020 06:19:43</t>
  </si>
  <si>
    <t>01/24/2020 06:24:54</t>
  </si>
  <si>
    <t>85c39438-cb0b-4dda-9fa4-9186a8b599f4.tmp</t>
  </si>
  <si>
    <t>\\acsfs\profiles$\lucasqdss\Downloads\85c39438-cb0b-4dda-9fa4-9186a8b599f4.tmp</t>
  </si>
  <si>
    <t>01/24/2020 06:20:35</t>
  </si>
  <si>
    <t>bf57edff-2cfa-4c42-93b8-141586193238.tmp</t>
  </si>
  <si>
    <t>\\acsfs\profiles$\lucasqdss\Downloads\bf57edff-2cfa-4c42-93b8-141586193238.tmp</t>
  </si>
  <si>
    <t>01/24/2020 06:20:45</t>
  </si>
  <si>
    <t>386d2df2-34c7-4daf-b6ec-052c7e964d0d.tmp</t>
  </si>
  <si>
    <t>\\acsfs\profiles$\lucasqdss\Downloads\386d2df2-34c7-4daf-b6ec-052c7e964d0d.tmp</t>
  </si>
  <si>
    <t>01/24/2020 06:21:09</t>
  </si>
  <si>
    <t>ef46d01e-62a2-4534-a130-6650aaaf323b.tmp</t>
  </si>
  <si>
    <t>\\acsfs\profiles$\lucasqdss\Downloads\ef46d01e-62a2-4534-a130-6650aaaf323b.tmp</t>
  </si>
  <si>
    <t>01/24/2020 06:21:32</t>
  </si>
  <si>
    <t>d7177207-cedb-435f-9981-73462cf54bba.tmp</t>
  </si>
  <si>
    <t>\\acsfs\profiles$\lucasqdss\Downloads\d7177207-cedb-435f-9981-73462cf54bba.tmp</t>
  </si>
  <si>
    <t>01/24/2020 06:22:23</t>
  </si>
  <si>
    <t>53882a30-aeff-441a-8a51-203ae57cf359.tmp</t>
  </si>
  <si>
    <t>\\acsfs\profiles$\lucasqdss\Downloads\53882a30-aeff-441a-8a51-203ae57cf359.tmp</t>
  </si>
  <si>
    <t>9934b460-6c3b-478c-a774-938b9eb5e0ba.tmp</t>
  </si>
  <si>
    <t>\\acsfs\profiles$\lucasqdss\Downloads\9934b460-6c3b-478c-a774-938b9eb5e0ba.tmp</t>
  </si>
  <si>
    <t>01/24/2020 06:23:25</t>
  </si>
  <si>
    <t>ab672ae5-1bf5-442a-b371-c0cd2aab09ca.tmp</t>
  </si>
  <si>
    <t>\\acsfs\profiles$\lucasqdss\Downloads\ab672ae5-1bf5-442a-b371-c0cd2aab09ca.tmp</t>
  </si>
  <si>
    <t>01/24/2020 06:24:06</t>
  </si>
  <si>
    <t>4a1c3175-7592-4970-818e-4559eb788905.tmp</t>
  </si>
  <si>
    <t>\\acsfs\profiles$\lucasqdss\Downloads\4a1c3175-7592-4970-818e-4559eb788905.tmp</t>
  </si>
  <si>
    <t>01/24/2020 06:21:56</t>
  </si>
  <si>
    <t>755b95f1-b60c-4099-8935-fbb4c2aea58d.tmp</t>
  </si>
  <si>
    <t>\\acsfs\profiles$\lorraynevam\Downloads\755b95f1-b60c-4099-8935-fbb4c2aea58d.tmp</t>
  </si>
  <si>
    <t>01/24/2020 06:22:34</t>
  </si>
  <si>
    <t>e6ac4d18-ed82-4395-9161-c6ff2c22973b.tmp</t>
  </si>
  <si>
    <t>\\acsfs\profiles$\lorraynevam\Downloads\e6ac4d18-ed82-4395-9161-c6ff2c22973b.tmp</t>
  </si>
  <si>
    <t>01/23/2020 22:11:30</t>
  </si>
  <si>
    <t>01/24/2020 06:22:47</t>
  </si>
  <si>
    <t>972737cf-1e5b-49d5-a10c-d6c336a58844.tmp</t>
  </si>
  <si>
    <t>\\acsfs\profiles$\lorraynevam\Downloads\972737cf-1e5b-49d5-a10c-d6c336a58844.tmp</t>
  </si>
  <si>
    <t>01/24/2020 06:25:53</t>
  </si>
  <si>
    <t>01/24/2020 06:22:58</t>
  </si>
  <si>
    <t>01/24/2020 06:26:54</t>
  </si>
  <si>
    <t>06a1cfc5-37a8-4744-988a-bd122daf3912.tmp</t>
  </si>
  <si>
    <t>\\acsfs\profiles$\marlyannegdls\Downloads\06a1cfc5-37a8-4744-988a-bd122daf3912.tmp</t>
  </si>
  <si>
    <t>01/24/2020 06:22:48</t>
  </si>
  <si>
    <t>afcbf4dd-9f60-4608-9660-5b6d41de84c4.tmp</t>
  </si>
  <si>
    <t>\\acsfs\profiles$\ALYNYA\Downloads\afcbf4dd-9f60-4608-9660-5b6d41de84c4.tmp</t>
  </si>
  <si>
    <t>01/24/2020 06:22:57</t>
  </si>
  <si>
    <t>0dc45f5c-7a1e-4db2-a947-05b950114d00.tmp</t>
  </si>
  <si>
    <t>\\acsfs\profiles$\ALYNYA\Downloads\0dc45f5c-7a1e-4db2-a947-05b950114d00.tmp</t>
  </si>
  <si>
    <t>01/24/2020 06:24:40</t>
  </si>
  <si>
    <t>1010ea55-6adb-466c-b434-586a5707360a.tmp</t>
  </si>
  <si>
    <t>\\acsfs\profiles$\ALYNYA\Downloads\1010ea55-6adb-466c-b434-586a5707360a.tmp</t>
  </si>
  <si>
    <t>01/24/2020 06:24:50</t>
  </si>
  <si>
    <t>57f2f3e7-6aeb-40fe-9415-13af64f3a674.tmp</t>
  </si>
  <si>
    <t>\\acsfs\profiles$\ALYNYA\Downloads\57f2f3e7-6aeb-40fe-9415-13af64f3a674.tmp</t>
  </si>
  <si>
    <t>01/24/2020 06:24:23</t>
  </si>
  <si>
    <t>01/24/2020 06:29:53</t>
  </si>
  <si>
    <t>644f897e-6bf8-438c-9b54-4306c6fb9555.tmp</t>
  </si>
  <si>
    <t>\\acsfs\profiles$\lucasqdss\Downloads\644f897e-6bf8-438c-9b54-4306c6fb9555.tmp</t>
  </si>
  <si>
    <t>01/24/2020 06:24:33</t>
  </si>
  <si>
    <t>587213b4-d874-47cf-9027-af9db701d732.tmp</t>
  </si>
  <si>
    <t>\\acsfs\profiles$\lucasqdss\Downloads\587213b4-d874-47cf-9027-af9db701d732.tmp</t>
  </si>
  <si>
    <t>01/24/2020 06:26:30</t>
  </si>
  <si>
    <t>1eeeac64-7931-4483-8d99-e20678562d27.tmp</t>
  </si>
  <si>
    <t>\\acsfs\profiles$\lucasqdss\Downloads\1eeeac64-7931-4483-8d99-e20678562d27.tmp</t>
  </si>
  <si>
    <t>01/24/2020 06:28:18</t>
  </si>
  <si>
    <t>68fa1077-bcf4-4179-b00d-ef07d7f0d44f.tmp</t>
  </si>
  <si>
    <t>\\acsfs\profiles$\lucasqdss\Downloads\68fa1077-bcf4-4179-b00d-ef07d7f0d44f.tmp</t>
  </si>
  <si>
    <t>01/24/2020 06:29:02</t>
  </si>
  <si>
    <t>6d44c445-40ed-4643-9579-a37b8764386e.tmp</t>
  </si>
  <si>
    <t>\\acsfs\profiles$\lucasqdss\Downloads\6d44c445-40ed-4643-9579-a37b8764386e.tmp</t>
  </si>
  <si>
    <t>01/24/2020 06:26:28</t>
  </si>
  <si>
    <t>bf4d7e77-fa80-4a7d-ab85-4f808b6ffe29.tmp</t>
  </si>
  <si>
    <t>\\acsfs\profiles$\BRUNAAR\Downloads\bf4d7e77-fa80-4a7d-ab85-4f808b6ffe29.tmp</t>
  </si>
  <si>
    <t>01/24/2020 06:26:59</t>
  </si>
  <si>
    <t>e1e5ddc0-b946-418b-87d7-4d92151f6c7c.tmp</t>
  </si>
  <si>
    <t>\\acsfs\profiles$\BRUNAAR\Downloads\e1e5ddc0-b946-418b-87d7-4d92151f6c7c.tmp</t>
  </si>
  <si>
    <t>01/24/2020 06:27:32</t>
  </si>
  <si>
    <t>ff8cafaa-eaeb-4787-afab-b8d0011a2863.tmp</t>
  </si>
  <si>
    <t>\\acsfs\profiles$\BRUNAAR\Downloads\ff8cafaa-eaeb-4787-afab-b8d0011a2863.tmp</t>
  </si>
  <si>
    <t>01/24/2020 06:30:53</t>
  </si>
  <si>
    <t>01/24/2020 06:31:53</t>
  </si>
  <si>
    <t>19cb53da-c686-4540-8ae0-c5de2b4f5d1a.tmp</t>
  </si>
  <si>
    <t>\\acsfs\profiles$\marlyannegdls\Downloads\19cb53da-c686-4540-8ae0-c5de2b4f5d1a.tmp</t>
  </si>
  <si>
    <t>01/24/2020 06:29:13</t>
  </si>
  <si>
    <t>01/24/2020 06:34:53</t>
  </si>
  <si>
    <t>d70510b2-30ac-450d-8284-36d5a64726a0.tmp</t>
  </si>
  <si>
    <t>\\acsfs\profiles$\lucasqdss\Downloads\d70510b2-30ac-450d-8284-36d5a64726a0.tmp</t>
  </si>
  <si>
    <t>01/24/2020 06:29:49</t>
  </si>
  <si>
    <t>30b8fdf7-01fb-4d13-959d-8213ee2ab41a.tmp</t>
  </si>
  <si>
    <t>\\acsfs\profiles$\lucasqdss\Downloads\30b8fdf7-01fb-4d13-959d-8213ee2ab41a.tmp</t>
  </si>
  <si>
    <t>01/24/2020 06:30:13</t>
  </si>
  <si>
    <t>16dada2d-df2e-4a24-97a6-f0be5bf6b1f7.tmp</t>
  </si>
  <si>
    <t>\\acsfs\profiles$\lucasqdss\Downloads\16dada2d-df2e-4a24-97a6-f0be5bf6b1f7.tmp</t>
  </si>
  <si>
    <t>01/24/2020 06:30:38</t>
  </si>
  <si>
    <t>939c6fd1-a0e0-4c61-8e22-6da344538c0a.tmp</t>
  </si>
  <si>
    <t>\\acsfs\profiles$\lucasqdss\Downloads\939c6fd1-a0e0-4c61-8e22-6da344538c0a.tmp</t>
  </si>
  <si>
    <t>01/24/2020 06:31:21</t>
  </si>
  <si>
    <t>dc926e7f-815a-4d94-83d8-222ab465399d.tmp</t>
  </si>
  <si>
    <t>\\acsfs\profiles$\lucasqdss\Downloads\dc926e7f-815a-4d94-83d8-222ab465399d.tmp</t>
  </si>
  <si>
    <t>01/24/2020 06:32:01</t>
  </si>
  <si>
    <t>7346831c-f36c-4dac-9341-ac96976f30e6.tmp</t>
  </si>
  <si>
    <t>\\acsfs\profiles$\lucasqdss\Downloads\7346831c-f36c-4dac-9341-ac96976f30e6.tmp</t>
  </si>
  <si>
    <t>01/24/2020 06:32:55</t>
  </si>
  <si>
    <t>87cd4c0e-8f23-4469-a55f-c027af4651d0.tmp</t>
  </si>
  <si>
    <t>\\acsfs\profiles$\lucasqdss\Downloads\87cd4c0e-8f23-4469-a55f-c027af4651d0.tmp</t>
  </si>
  <si>
    <t>01/24/2020 06:33:34</t>
  </si>
  <si>
    <t>679749ef-a179-4b8a-b009-9242cea34af5.tmp</t>
  </si>
  <si>
    <t>\\acsfs\profiles$\lucasqdss\Downloads\679749ef-a179-4b8a-b009-9242cea34af5.tmp</t>
  </si>
  <si>
    <t>01/24/2020 06:33:48</t>
  </si>
  <si>
    <t>6ff54009-5498-4978-a926-a49582775579.tmp</t>
  </si>
  <si>
    <t>\\acsfs\profiles$\lucasqdss\Downloads\6ff54009-5498-4978-a926-a49582775579.tmp</t>
  </si>
  <si>
    <t>01/24/2020 06:34:06</t>
  </si>
  <si>
    <t>53355fc0-df23-4445-b4e3-7fd91d714d12.tmp</t>
  </si>
  <si>
    <t>\\acsfs\profiles$\lucasqdss\Downloads\53355fc0-df23-4445-b4e3-7fd91d714d12.tmp</t>
  </si>
  <si>
    <t>01/24/2020 06:29:38</t>
  </si>
  <si>
    <t>4fec1d78-cdd9-4d33-b4a4-93a178321c1a.tmp</t>
  </si>
  <si>
    <t>\\acsfs\profiles$\lorraynevam\Downloads\4fec1d78-cdd9-4d33-b4a4-93a178321c1a.tmp</t>
  </si>
  <si>
    <t>01/24/2020 06:30:08</t>
  </si>
  <si>
    <t>33763733-fd08-4eeb-9b98-e98b692e4e6a.tmp</t>
  </si>
  <si>
    <t>\\acsfs\profiles$\lorraynevam\Downloads\33763733-fd08-4eeb-9b98-e98b692e4e6a.tmp</t>
  </si>
  <si>
    <t>01/24/2020 06:30:33</t>
  </si>
  <si>
    <t>0ed4ba18-afd3-4133-bac0-e96ecf605d98.tmp</t>
  </si>
  <si>
    <t>\\acsfs\profiles$\lorraynevam\Downloads\0ed4ba18-afd3-4133-bac0-e96ecf605d98.tmp</t>
  </si>
  <si>
    <t>01/24/2020 06:35:54</t>
  </si>
  <si>
    <t>01/24/2020 06:34:41</t>
  </si>
  <si>
    <t>01/24/2020 06:39:53</t>
  </si>
  <si>
    <t>7bf508fe-572c-4918-bc55-564d61005ad9.tmp</t>
  </si>
  <si>
    <t>\\acsfs\profiles$\lucasqdss\Downloads\7bf508fe-572c-4918-bc55-564d61005ad9.tmp</t>
  </si>
  <si>
    <t>01/24/2020 06:35:21</t>
  </si>
  <si>
    <t>7693041a-95d0-4373-bb68-bfa96da2f03c.tmp</t>
  </si>
  <si>
    <t>\\acsfs\profiles$\lucasqdss\Downloads\7693041a-95d0-4373-bb68-bfa96da2f03c.tmp</t>
  </si>
  <si>
    <t>01/24/2020 06:36:01</t>
  </si>
  <si>
    <t>91d8e780-45e5-427b-a228-5563887b98b3.tmp</t>
  </si>
  <si>
    <t>\\acsfs\profiles$\lucasqdss\Downloads\91d8e780-45e5-427b-a228-5563887b98b3.tmp</t>
  </si>
  <si>
    <t>01/24/2020 06:37:57</t>
  </si>
  <si>
    <t>c55a6c74-daed-4680-a3c1-106cd016006e.tmp</t>
  </si>
  <si>
    <t>\\acsfs\profiles$\lucasqdss\Downloads\c55a6c74-daed-4680-a3c1-106cd016006e.tmp</t>
  </si>
  <si>
    <t>01/24/2020 06:38:37</t>
  </si>
  <si>
    <t>2ed92984-2d8f-4783-9cf9-0707e8892652.tmp</t>
  </si>
  <si>
    <t>\\acsfs\profiles$\lucasqdss\Downloads\2ed92984-2d8f-4783-9cf9-0707e8892652.tmp</t>
  </si>
  <si>
    <t>01/24/2020 06:35:02</t>
  </si>
  <si>
    <t>01/24/2020 06:37:54</t>
  </si>
  <si>
    <t>041dbce4-3396-4ef9-9eba-ef12decfe5b6.tmp</t>
  </si>
  <si>
    <t>\\acsfs\profiles$\lorraynevam\Downloads\041dbce4-3396-4ef9-9eba-ef12decfe5b6.tmp</t>
  </si>
  <si>
    <t>01/24/2020 06:40:53</t>
  </si>
  <si>
    <t>01/24/2020 06:41:53</t>
  </si>
  <si>
    <t>48331dc5-af4e-4303-acce-f2ec5ebf4dad.tmp</t>
  </si>
  <si>
    <t>\\acsfs\profiles$\ALYNYA\Downloads\48331dc5-af4e-4303-acce-f2ec5ebf4dad.tmp</t>
  </si>
  <si>
    <t>01/24/2020 06:39:29</t>
  </si>
  <si>
    <t>01/24/2020 06:44:53</t>
  </si>
  <si>
    <t>cc12acd3-1d1c-4e4b-b2fd-74ae918919be.tmp</t>
  </si>
  <si>
    <t>\\acsfs\profiles$\lucasqdss\Downloads\cc12acd3-1d1c-4e4b-b2fd-74ae918919be.tmp</t>
  </si>
  <si>
    <t>01/24/2020 06:39:58</t>
  </si>
  <si>
    <t>1e24212f-e7cc-4325-88ec-4d18e312c961.tmp</t>
  </si>
  <si>
    <t>\\acsfs\profiles$\lucasqdss\Downloads\1e24212f-e7cc-4325-88ec-4d18e312c961.tmp</t>
  </si>
  <si>
    <t>01/24/2020 06:40:27</t>
  </si>
  <si>
    <t>004095cd-2393-4136-b70a-973719271425.tmp</t>
  </si>
  <si>
    <t>\\acsfs\profiles$\lucasqdss\Downloads\004095cd-2393-4136-b70a-973719271425.tmp</t>
  </si>
  <si>
    <t>01/24/2020 06:41:15</t>
  </si>
  <si>
    <t>adf3f9a5-dfb9-4ebb-aa18-0701ad21de2d.tmp</t>
  </si>
  <si>
    <t>\\acsfs\profiles$\lucasqdss\Downloads\adf3f9a5-dfb9-4ebb-aa18-0701ad21de2d.tmp</t>
  </si>
  <si>
    <t>01/24/2020 06:42:24</t>
  </si>
  <si>
    <t>d992ab98-fdcf-4b5f-a902-f1c5c4a42f96.tmp</t>
  </si>
  <si>
    <t>\\acsfs\profiles$\lucasqdss\Downloads\d992ab98-fdcf-4b5f-a902-f1c5c4a42f96.tmp</t>
  </si>
  <si>
    <t>01/24/2020 06:43:37</t>
  </si>
  <si>
    <t>ba0ebd5a-cbb9-48bc-9da8-75452259a995.tmp</t>
  </si>
  <si>
    <t>\\acsfs\profiles$\lucasqdss\Downloads\ba0ebd5a-cbb9-48bc-9da8-75452259a995.tmp</t>
  </si>
  <si>
    <t>01/24/2020 06:40:26</t>
  </si>
  <si>
    <t>lu218242vf6cm.tmp</t>
  </si>
  <si>
    <t>\\acsfs\profiles$\BRUNAAR\Numero\lu218242vf6cm.tmp</t>
  </si>
  <si>
    <t>01/24/2020 06:45:54</t>
  </si>
  <si>
    <t>01/24/2020 06:42:21</t>
  </si>
  <si>
    <t>01/24/2020 06:46:53</t>
  </si>
  <si>
    <t>01/24/2020 06:43:43</t>
  </si>
  <si>
    <t>01/24/2020 06:49:53</t>
  </si>
  <si>
    <t>01/24/2020 06:45:42</t>
  </si>
  <si>
    <t>\\acsfs\profiles$\brendavdoa\Downloads\</t>
  </si>
  <si>
    <t>3854b487-e49f-41ec-9363-901b2a40ec92.tmp</t>
  </si>
  <si>
    <t>\\acsfs\profiles$\brendavdoa\Downloads\3854b487-e49f-41ec-9363-901b2a40ec92.tmp</t>
  </si>
  <si>
    <t>1b58d7c4-96b2-4e19-8eed-c5a218398fe4.tmp</t>
  </si>
  <si>
    <t>\\acsfs\profiles$\brendavdoa\Downloads\1b58d7c4-96b2-4e19-8eed-c5a218398fe4.tmp</t>
  </si>
  <si>
    <t>01/24/2020 06:46:18</t>
  </si>
  <si>
    <t>57812ff5-2c5b-4c0d-a584-26c612129af7.tmp</t>
  </si>
  <si>
    <t>\\acsfs\profiles$\lucasqdss\Downloads\57812ff5-2c5b-4c0d-a584-26c612129af7.tmp</t>
  </si>
  <si>
    <t>01/24/2020 06:46:25</t>
  </si>
  <si>
    <t>9a3c68a5-a12d-4320-a7e0-feb083ff0cf7.tmp</t>
  </si>
  <si>
    <t>\\acsfs\profiles$\lucasqdss\Downloads\9a3c68a5-a12d-4320-a7e0-feb083ff0cf7.tmp</t>
  </si>
  <si>
    <t>01/24/2020 06:45:33</t>
  </si>
  <si>
    <t>01/24/2020 06:45:25</t>
  </si>
  <si>
    <t>5d317a3b-5371-45e9-afbc-08a82631b1c7.tmp</t>
  </si>
  <si>
    <t>\\acsfs\profiles$\monicargds\Downloads\5d317a3b-5371-45e9-afbc-08a82631b1c7.tmp</t>
  </si>
  <si>
    <t>01/24/2020 06:45:26</t>
  </si>
  <si>
    <t>d4f96066-b65e-4196-8e0a-6754e3493d0f.tmp</t>
  </si>
  <si>
    <t>\\acsfs\profiles$\monicargds\Downloads\d4f96066-b65e-4196-8e0a-6754e3493d0f.tmp</t>
  </si>
  <si>
    <t>01/24/2020 06:45:36</t>
  </si>
  <si>
    <t>569fda97-5ddb-42c2-a4bf-38fda4b89e71.tmp</t>
  </si>
  <si>
    <t>\\acsfs\profiles$\monicargds\Downloads\569fda97-5ddb-42c2-a4bf-38fda4b89e71.tmp</t>
  </si>
  <si>
    <t>01/24/2020 06:46:05</t>
  </si>
  <si>
    <t>b99753ca-1e77-4c40-9e8d-44e11855ce64.tmp</t>
  </si>
  <si>
    <t>\\acsfs\profiles$\monicargds\Downloads\b99753ca-1e77-4c40-9e8d-44e11855ce64.tmp</t>
  </si>
  <si>
    <t>01/24/2020 06:46:36</t>
  </si>
  <si>
    <t>4822cb18-e0e8-484d-899b-36685b2185d7.tmp</t>
  </si>
  <si>
    <t>\\acsfs\profiles$\monicargds\Downloads\4822cb18-e0e8-484d-899b-36685b2185d7.tmp</t>
  </si>
  <si>
    <t>01/24/2020 06:50:53</t>
  </si>
  <si>
    <t>01/24/2020 06:52:53</t>
  </si>
  <si>
    <t>01/24/2020 06:54:53</t>
  </si>
  <si>
    <t>01/24/2020 06:52:54</t>
  </si>
  <si>
    <t>01/24/2020 06:51:46</t>
  </si>
  <si>
    <t>a4c9e2bf-2466-46ed-854a-b812f61fd898.tmp</t>
  </si>
  <si>
    <t>\\acsfs\profiles$\ROZENCAM\Downloads\a4c9e2bf-2466-46ed-854a-b812f61fd898.tmp</t>
  </si>
  <si>
    <t>01/24/2020 06:52:42</t>
  </si>
  <si>
    <t>2ef2b056-4441-44ba-9320-c7f7ce5bd0a1.tmp</t>
  </si>
  <si>
    <t>\\acsfs\profiles$\ROZENCAM\Downloads\2ef2b056-4441-44ba-9320-c7f7ce5bd0a1.tmp</t>
  </si>
  <si>
    <t>01/24/2020 06:53:32</t>
  </si>
  <si>
    <t>858997be-26d7-4950-bb15-5f026fdaa505.tmp</t>
  </si>
  <si>
    <t>\\acsfs\profiles$\ROZENCAM\Downloads\858997be-26d7-4950-bb15-5f026fdaa505.tmp</t>
  </si>
  <si>
    <t>01/24/2020 06:50:40</t>
  </si>
  <si>
    <t>056f1dc3-94d0-43af-a629-750c6947b8dc.tmp</t>
  </si>
  <si>
    <t>\\acsfs\profiles$\lucasqdss\Downloads\056f1dc3-94d0-43af-a629-750c6947b8dc.tmp</t>
  </si>
  <si>
    <t>01/24/2020 06:51:31</t>
  </si>
  <si>
    <t>eb4eb9ae-b4b0-46ea-9bb4-c493544dd01c.tmp</t>
  </si>
  <si>
    <t>\\acsfs\profiles$\lucasqdss\Downloads\eb4eb9ae-b4b0-46ea-9bb4-c493544dd01c.tmp</t>
  </si>
  <si>
    <t>01/24/2020 06:53:03</t>
  </si>
  <si>
    <t>50b6c1da-0ecf-490f-a5d4-aad19dea8096.tmp</t>
  </si>
  <si>
    <t>\\acsfs\profiles$\lucasqdss\Downloads\50b6c1da-0ecf-490f-a5d4-aad19dea8096.tmp</t>
  </si>
  <si>
    <t>01/24/2020 06:51:50</t>
  </si>
  <si>
    <t>5c0df272-a26d-4a78-8f7c-c221d9488e6f.tmp</t>
  </si>
  <si>
    <t>\\acsfs\profiles$\BRUNAAR\Downloads\5c0df272-a26d-4a78-8f7c-c221d9488e6f.tmp</t>
  </si>
  <si>
    <t>01/24/2020 06:52:23</t>
  </si>
  <si>
    <t>7c6a4683-5c45-4673-a587-c3839f837f76.tmp</t>
  </si>
  <si>
    <t>\\acsfs\profiles$\BRUNAAR\Downloads\7c6a4683-5c45-4673-a587-c3839f837f76.tmp</t>
  </si>
  <si>
    <t>01/24/2020 06:52:43</t>
  </si>
  <si>
    <t>32732413-63d9-4cbe-bbcb-05397fedcb6e.tmp</t>
  </si>
  <si>
    <t>\\acsfs\profiles$\BRUNAAR\Downloads\32732413-63d9-4cbe-bbcb-05397fedcb6e.tmp</t>
  </si>
  <si>
    <t>326a660a-29b2-4ed6-ada4-522b2d9c8fb3.tmp</t>
  </si>
  <si>
    <t>\\acsfs\profiles$\BRUNAAR\Downloads\326a660a-29b2-4ed6-ada4-522b2d9c8fb3.tmp</t>
  </si>
  <si>
    <t>01/24/2020 06:50:27</t>
  </si>
  <si>
    <t>24de6e20-0a69-4d2c-9e3d-def1059c5a4e.tmp</t>
  </si>
  <si>
    <t>\\acsfs\profiles$\lorraynevam\Downloads\24de6e20-0a69-4d2c-9e3d-def1059c5a4e.tmp</t>
  </si>
  <si>
    <t>01/24/2020 06:51:22</t>
  </si>
  <si>
    <t>89702a6d-23c8-4148-856e-5465b2d31698.tmp</t>
  </si>
  <si>
    <t>\\acsfs\profiles$\lorraynevam\Downloads\89702a6d-23c8-4148-856e-5465b2d31698.tmp</t>
  </si>
  <si>
    <t>01/24/2020 06:52:01</t>
  </si>
  <si>
    <t>6d88f48b-e2c6-4aa0-8d63-6a2595d3b292.tmp</t>
  </si>
  <si>
    <t>\\acsfs\profiles$\lorraynevam\Downloads\6d88f48b-e2c6-4aa0-8d63-6a2595d3b292.tmp</t>
  </si>
  <si>
    <t>01/24/2020 06:52:31</t>
  </si>
  <si>
    <t>6742adc4-ec9f-4f00-9fcd-e3c823fca25e.tmp</t>
  </si>
  <si>
    <t>\\acsfs\profiles$\lorraynevam\Downloads\6742adc4-ec9f-4f00-9fcd-e3c823fca25e.tmp</t>
  </si>
  <si>
    <t>01/24/2020 06:55:53</t>
  </si>
  <si>
    <t>01/24/2020 06:51:52</t>
  </si>
  <si>
    <t>01/24/2020 06:56:53</t>
  </si>
  <si>
    <t>01/24/2020 06:52:00</t>
  </si>
  <si>
    <t>89a9036e-13bb-45d5-86f4-df0b2fdbe7e8.tmp</t>
  </si>
  <si>
    <t>\\acsfs\profiles$\ALYNYA\Downloads\89a9036e-13bb-45d5-86f4-df0b2fdbe7e8.tmp</t>
  </si>
  <si>
    <t>01/24/2020 06:52:34</t>
  </si>
  <si>
    <t>7a248a1d-8572-4278-a7b1-1b8618f9a188.tmp</t>
  </si>
  <si>
    <t>\\acsfs\profiles$\ALYNYA\Downloads\7a248a1d-8572-4278-a7b1-1b8618f9a188.tmp</t>
  </si>
  <si>
    <t>01/24/2020 06:53:22</t>
  </si>
  <si>
    <t>512ef364-47c0-4864-aa14-16b93e93b207.tmp</t>
  </si>
  <si>
    <t>\\acsfs\profiles$\ALYNYA\Downloads\512ef364-47c0-4864-aa14-16b93e93b207.tmp</t>
  </si>
  <si>
    <t>01/24/2020 06:54:12</t>
  </si>
  <si>
    <t>01/24/2020 06:56:07</t>
  </si>
  <si>
    <t>e7725e36-f884-4531-941f-547f8b9b59ed.tmp</t>
  </si>
  <si>
    <t>\\acsfs\profiles$\ALYNYA\Downloads\e7725e36-f884-4531-941f-547f8b9b59ed.tmp</t>
  </si>
  <si>
    <t>01/24/2020 06:52:59</t>
  </si>
  <si>
    <t>01/24/2020 06:57:53</t>
  </si>
  <si>
    <t>01/24/2020 06:55:18</t>
  </si>
  <si>
    <t>01/24/2020 07:00:54</t>
  </si>
  <si>
    <t>01/24/2020 06:58:57</t>
  </si>
  <si>
    <t>01/24/2020 07:02:54</t>
  </si>
  <si>
    <t>51fbca65-985d-4f04-99bd-43a5446f642b.tmp</t>
  </si>
  <si>
    <t>\\acsfs\profiles$\gustavoab\Downloads\51fbca65-985d-4f04-99bd-43a5446f642b.tmp</t>
  </si>
  <si>
    <t>01/24/2020 06:59:31</t>
  </si>
  <si>
    <t>f0f99008-0ebc-4934-a734-b90bc4ed85e5.tmp</t>
  </si>
  <si>
    <t>\\acsfs\profiles$\gustavoab\Downloads\f0f99008-0ebc-4934-a734-b90bc4ed85e5.tmp</t>
  </si>
  <si>
    <t>01/24/2020 07:00:25</t>
  </si>
  <si>
    <t>bfea2b21-ae53-4de4-a6c2-c6c966169f69.tmp</t>
  </si>
  <si>
    <t>\\acsfs\profiles$\gustavoab\Downloads\bfea2b21-ae53-4de4-a6c2-c6c966169f69.tmp</t>
  </si>
  <si>
    <t>01/24/2020 07:00:42</t>
  </si>
  <si>
    <t>01/24/2020 07:00:43</t>
  </si>
  <si>
    <t>01/24/2020 07:00:44</t>
  </si>
  <si>
    <t>01/24/2020 07:00:45</t>
  </si>
  <si>
    <t>01/24/2020 07:00:46</t>
  </si>
  <si>
    <t>01/24/2020 07:00:47</t>
  </si>
  <si>
    <t>01/24/2020 07:00:48</t>
  </si>
  <si>
    <t>01/24/2020 07:00:49</t>
  </si>
  <si>
    <t>01/24/2020 07:00:50</t>
  </si>
  <si>
    <t>01/24/2020 07:00:51</t>
  </si>
  <si>
    <t>01/24/2020 07:00:52</t>
  </si>
  <si>
    <t>01/24/2020 07:00:53</t>
  </si>
  <si>
    <t>01/24/2020 07:00:55</t>
  </si>
  <si>
    <t>01/24/2020 07:00:56</t>
  </si>
  <si>
    <t>01/24/2020 07:00:57</t>
  </si>
  <si>
    <t>01/24/2020 07:00:58</t>
  </si>
  <si>
    <t>01/24/2020 07:00:59</t>
  </si>
  <si>
    <t>01/24/2020 07:01:00</t>
  </si>
  <si>
    <t>01/24/2020 07:01:01</t>
  </si>
  <si>
    <t>01/24/2020 07:01:02</t>
  </si>
  <si>
    <t>01/24/2020 07:01:03</t>
  </si>
  <si>
    <t>01/24/2020 07:00:03</t>
  </si>
  <si>
    <t>01/24/2020 07:03:53</t>
  </si>
  <si>
    <t>51c54fa1-5edd-4cc5-bede-8d9dbc720ca8.tmp</t>
  </si>
  <si>
    <t>\\acsfs\profiles$\lucasgpe\Downloads\51c54fa1-5edd-4cc5-bede-8d9dbc720ca8.tmp</t>
  </si>
  <si>
    <t>01/24/2020 07:00:19</t>
  </si>
  <si>
    <t>c8a01403-3a57-4d42-ab79-0d5bd8e35174.tmp</t>
  </si>
  <si>
    <t>\\acsfs\profiles$\lucasgpe\Downloads\c8a01403-3a57-4d42-ab79-0d5bd8e35174.tmp</t>
  </si>
  <si>
    <t>01/24/2020 07:00:31</t>
  </si>
  <si>
    <t>6f56f6dc-5f69-46c3-872a-9cb44345a7fe.tmp</t>
  </si>
  <si>
    <t>\\acsfs\profiles$\lucasgpe\Downloads\6f56f6dc-5f69-46c3-872a-9cb44345a7fe.tmp</t>
  </si>
  <si>
    <t>44990dbe-a527-4b18-a23a-4463714c98fe.tmp</t>
  </si>
  <si>
    <t>\\acsfs\profiles$\lucasgpe\Downloads\44990dbe-a527-4b18-a23a-4463714c98fe.tmp</t>
  </si>
  <si>
    <t>01/24/2020 07:02:44</t>
  </si>
  <si>
    <t>5fd35346-ce46-433a-b969-ba517078ff52.tmp</t>
  </si>
  <si>
    <t>\\acsfs\profiles$\lucasgpe\Downloads\5fd35346-ce46-433a-b969-ba517078ff52.tmp</t>
  </si>
  <si>
    <t>01/24/2020 07:03:33</t>
  </si>
  <si>
    <t>cc5b6805-8063-4e8e-8ac9-2f25744e7238.tmp</t>
  </si>
  <si>
    <t>\\acsfs\profiles$\eduardobb\Downloads\cc5b6805-8063-4e8e-8ac9-2f25744e7238.tmp</t>
  </si>
  <si>
    <t>01/24/2020 06:59:17</t>
  </si>
  <si>
    <t>01/24/2020 07:04:53</t>
  </si>
  <si>
    <t>01/24/2020 07:05:53</t>
  </si>
  <si>
    <t>01/24/2020 07:05:54</t>
  </si>
  <si>
    <t>01/24/2020 07:07:53</t>
  </si>
  <si>
    <t>01/24/2020 07:06:39</t>
  </si>
  <si>
    <t>01/24/2020 07:08:53</t>
  </si>
  <si>
    <t>01/24/2020 07:05:04</t>
  </si>
  <si>
    <t>ea8f37d4-f5fc-4236-a6cf-1481c977d26f.tmp</t>
  </si>
  <si>
    <t>\\acsfs\profiles$\lucasgpe\Downloads\ea8f37d4-f5fc-4236-a6cf-1481c977d26f.tmp</t>
  </si>
  <si>
    <t>01/24/2020 07:05:55</t>
  </si>
  <si>
    <t>3bd3a73b-02a7-42d7-b8ff-b4e25e41d47d.tmp</t>
  </si>
  <si>
    <t>\\acsfs\profiles$\lucasgpe\Downloads\3bd3a73b-02a7-42d7-b8ff-b4e25e41d47d.tmp</t>
  </si>
  <si>
    <t>01/24/2020 07:04:16</t>
  </si>
  <si>
    <t>22c9b71a-fbb8-49a5-8c59-1a0610d7f940.tmp</t>
  </si>
  <si>
    <t>\\acsfs\profiles$\eduardobb\Downloads\22c9b71a-fbb8-49a5-8c59-1a0610d7f940.tmp</t>
  </si>
  <si>
    <t>01/24/2020 07:04:30</t>
  </si>
  <si>
    <t>73d837d2-59fa-4501-90a6-326a30b978bc.tmp</t>
  </si>
  <si>
    <t>\\acsfs\profiles$\eduardobb\Downloads\73d837d2-59fa-4501-90a6-326a30b978bc.tmp</t>
  </si>
  <si>
    <t>01/24/2020 07:04:43</t>
  </si>
  <si>
    <t>a16d8f06-82e8-49b8-8125-a69a1fe44665.tmp</t>
  </si>
  <si>
    <t>\\acsfs\profiles$\eduardobb\Downloads\a16d8f06-82e8-49b8-8125-a69a1fe44665.tmp</t>
  </si>
  <si>
    <t>01/24/2020 07:05:08</t>
  </si>
  <si>
    <t>9035b311-2047-4d66-8498-d25f99afa1a9.tmp</t>
  </si>
  <si>
    <t>\\acsfs\profiles$\eduardobb\Downloads\9035b311-2047-4d66-8498-d25f99afa1a9.tmp</t>
  </si>
  <si>
    <t>01/24/2020 07:06:35</t>
  </si>
  <si>
    <t>1b5a1bf6-df83-4d5c-ac1c-24020703034c.tmp</t>
  </si>
  <si>
    <t>\\acsfs\profiles$\eduardobb\Downloads\1b5a1bf6-df83-4d5c-ac1c-24020703034c.tmp</t>
  </si>
  <si>
    <t>01/24/2020 07:06:54</t>
  </si>
  <si>
    <t>eb72149c-ea02-4800-905d-25049765580e.tmp</t>
  </si>
  <si>
    <t>\\acsfs\profiles$\eduardobb\Downloads\eb72149c-ea02-4800-905d-25049765580e.tmp</t>
  </si>
  <si>
    <t>01/24/2020 07:07:37</t>
  </si>
  <si>
    <t>30dfc5ee-3297-4b39-aee4-7f06baf71b10.tmp</t>
  </si>
  <si>
    <t>\\acsfs\profiles$\eduardobb\Downloads\30dfc5ee-3297-4b39-aee4-7f06baf71b10.tmp</t>
  </si>
  <si>
    <t>01/24/2020 07:08:09</t>
  </si>
  <si>
    <t>f57853a9-63f7-4a8d-b50d-62d4cf94c886.tmp</t>
  </si>
  <si>
    <t>\\acsfs\profiles$\eduardobb\Downloads\f57853a9-63f7-4a8d-b50d-62d4cf94c886.tmp</t>
  </si>
  <si>
    <t>01/24/2020 07:10:53</t>
  </si>
  <si>
    <t>01/24/2020 07:08:54</t>
  </si>
  <si>
    <t>01/24/2020 07:12:53</t>
  </si>
  <si>
    <t>482c9332-26ba-43e7-9984-93965d885562.tmp</t>
  </si>
  <si>
    <t>\\acsfs\profiles$\gustavoab\Downloads\482c9332-26ba-43e7-9984-93965d885562.tmp</t>
  </si>
  <si>
    <t>01/24/2020 07:09:12</t>
  </si>
  <si>
    <t>dd2eb741-de22-48d4-ae5c-f1f7e2de6088.tmp</t>
  </si>
  <si>
    <t>\\acsfs\profiles$\gustavoab\Downloads\dd2eb741-de22-48d4-ae5c-f1f7e2de6088.tmp</t>
  </si>
  <si>
    <t>01/24/2020 07:10:24</t>
  </si>
  <si>
    <t>01/24/2020 07:13:54</t>
  </si>
  <si>
    <t>01/24/2020 07:10:25</t>
  </si>
  <si>
    <t>01/24/2020 07:10:26</t>
  </si>
  <si>
    <t>01/24/2020 07:10:27</t>
  </si>
  <si>
    <t>01/24/2020 07:10:28</t>
  </si>
  <si>
    <t>01/24/2020 07:10:29</t>
  </si>
  <si>
    <t>01/24/2020 07:10:30</t>
  </si>
  <si>
    <t>01/24/2020 07:10:31</t>
  </si>
  <si>
    <t>01/24/2020 07:10:32</t>
  </si>
  <si>
    <t>01/24/2020 07:10:33</t>
  </si>
  <si>
    <t>01/24/2020 07:10:34</t>
  </si>
  <si>
    <t>01/24/2020 07:10:35</t>
  </si>
  <si>
    <t>01/24/2020 07:10:36</t>
  </si>
  <si>
    <t>01/24/2020 07:10:37</t>
  </si>
  <si>
    <t>01/24/2020 07:10:38</t>
  </si>
  <si>
    <t>01/24/2020 07:10:39</t>
  </si>
  <si>
    <t>01/24/2020 07:10:40</t>
  </si>
  <si>
    <t>01/24/2020 07:10:41</t>
  </si>
  <si>
    <t>01/24/2020 07:10:42</t>
  </si>
  <si>
    <t>01/24/2020 07:10:43</t>
  </si>
  <si>
    <t>01/24/2020 07:10:44</t>
  </si>
  <si>
    <t>01/24/2020 07:15:53</t>
  </si>
  <si>
    <t>01/24/2020 07:14:22</t>
  </si>
  <si>
    <t>01/24/2020 07:19:53</t>
  </si>
  <si>
    <t>01/24/2020 07:18:08</t>
  </si>
  <si>
    <t>81355979-3859-45bb-9646-5a65ca97ec2b.tmp</t>
  </si>
  <si>
    <t>\\acsfs\profiles$\mariajra\Downloads\81355979-3859-45bb-9646-5a65ca97ec2b.tmp</t>
  </si>
  <si>
    <t>01/24/2020 07:18:25</t>
  </si>
  <si>
    <t>bf9eaf9b-5520-4a63-812f-709cb157ba40.tmp</t>
  </si>
  <si>
    <t>\\acsfs\profiles$\mariajra\Downloads\bf9eaf9b-5520-4a63-812f-709cb157ba40.tmp</t>
  </si>
  <si>
    <t>01/24/2020 07:18:56</t>
  </si>
  <si>
    <t>7f16ca3b-3f25-494f-85a3-29fdc6206a0f.tmp</t>
  </si>
  <si>
    <t>\\acsfs\profiles$\mariajra\Downloads\7f16ca3b-3f25-494f-85a3-29fdc6206a0f.tmp</t>
  </si>
  <si>
    <t>01/24/2020 07:19:24</t>
  </si>
  <si>
    <t>27c6bee5-43f7-470e-8367-8c5f4b4d8b6d.tmp</t>
  </si>
  <si>
    <t>\\acsfs\profiles$\mariajra\Downloads\27c6bee5-43f7-470e-8367-8c5f4b4d8b6d.tmp</t>
  </si>
  <si>
    <t>01/24/2020 07:20:53</t>
  </si>
  <si>
    <t>01/24/2020 07:20:11</t>
  </si>
  <si>
    <t>01/24/2020 07:24:53</t>
  </si>
  <si>
    <t>5680f559-5abb-4c91-9134-b3026ccbf04e.tmp</t>
  </si>
  <si>
    <t>\\acsfs\profiles$\mariajra\Downloads\5680f559-5abb-4c91-9134-b3026ccbf04e.tmp</t>
  </si>
  <si>
    <t>01/24/2020 07:21:54</t>
  </si>
  <si>
    <t>a1985b40-5371-48f8-9938-ebd189d36cc9.tmp</t>
  </si>
  <si>
    <t>\\acsfs\profiles$\mariajra\Downloads\a1985b40-5371-48f8-9938-ebd189d36cc9.tmp</t>
  </si>
  <si>
    <t>01/24/2020 07:25:54</t>
  </si>
  <si>
    <t>01/24/2020 07:24:05</t>
  </si>
  <si>
    <t>01/24/2020 07:26:53</t>
  </si>
  <si>
    <t>01/24/2020 07:25:39</t>
  </si>
  <si>
    <t>https://udpmailboxap01.acs.com.br:8443/h/search?si=0&amp;so=0&amp;sc=84389&amp;sfi=2&amp;st=conversation&amp;action=compose</t>
  </si>
  <si>
    <t>01/24/2020 07:26:09</t>
  </si>
  <si>
    <t>01/24/2020 07:26:39</t>
  </si>
  <si>
    <t>01/24/2020 07:22:51</t>
  </si>
  <si>
    <t>01/24/2020 07:27:53</t>
  </si>
  <si>
    <t>b73dd28f-1e12-446a-a9b6-0b3ec13f7fc9.tmp</t>
  </si>
  <si>
    <t>\\acsfs\profiles$\inarajst\Downloads\b73dd28f-1e12-446a-a9b6-0b3ec13f7fc9.tmp</t>
  </si>
  <si>
    <t>01/24/2020 07:22:53</t>
  </si>
  <si>
    <t>815a7497-a706-42ea-90af-1623680c405e.tmp</t>
  </si>
  <si>
    <t>\\acsfs\profiles$\inarajst\Downloads\815a7497-a706-42ea-90af-1623680c405e.tmp</t>
  </si>
  <si>
    <t>01/24/2020 07:22:58</t>
  </si>
  <si>
    <t>2ed491ef-4bec-4d40-87ba-a1cf7308ca97.tmp</t>
  </si>
  <si>
    <t>\\acsfs\profiles$\inarajst\Downloads\2ed491ef-4bec-4d40-87ba-a1cf7308ca97.tmp</t>
  </si>
  <si>
    <t>01/24/2020 07:23:20</t>
  </si>
  <si>
    <t>1c1a7649-8dd6-482a-98cb-fb224019f14f.tmp</t>
  </si>
  <si>
    <t>\\acsfs\profiles$\inarajst\Downloads\1c1a7649-8dd6-482a-98cb-fb224019f14f.tmp</t>
  </si>
  <si>
    <t>01/24/2020 07:23:21</t>
  </si>
  <si>
    <t>ddcac616-cf5e-4a9c-bd35-20572795d9bc.tmp</t>
  </si>
  <si>
    <t>\\acsfs\profiles$\inarajst\Downloads\ddcac616-cf5e-4a9c-bd35-20572795d9bc.tmp</t>
  </si>
  <si>
    <t>01/24/2020 07:23:22</t>
  </si>
  <si>
    <t>b9ea8832-9d0d-4b7e-8592-771f28d4adaf.tmp</t>
  </si>
  <si>
    <t>\\acsfs\profiles$\inarajst\Downloads\b9ea8832-9d0d-4b7e-8592-771f28d4adaf.tmp</t>
  </si>
  <si>
    <t>01/24/2020 07:23:34</t>
  </si>
  <si>
    <t>019f2a3d-e4a3-47ce-976b-f5eedd0f6b47.tmp</t>
  </si>
  <si>
    <t>\\acsfs\profiles$\inarajst\Downloads\019f2a3d-e4a3-47ce-976b-f5eedd0f6b47.tmp</t>
  </si>
  <si>
    <t>381b4c0e-5621-445b-8b07-e2490397a58c.tmp</t>
  </si>
  <si>
    <t>\\acsfs\profiles$\inarajst\Downloads\381b4c0e-5621-445b-8b07-e2490397a58c.tmp</t>
  </si>
  <si>
    <t>01/24/2020 07:28:22</t>
  </si>
  <si>
    <t>01/24/2020 07:29:53</t>
  </si>
  <si>
    <t>01/24/2020 07:26:24</t>
  </si>
  <si>
    <t>e1e675ea-9a1e-484d-92f8-8544e5be615e.tmp</t>
  </si>
  <si>
    <t>\\acsfs\profiles$\mariajra\Downloads\e1e675ea-9a1e-484d-92f8-8544e5be615e.tmp</t>
  </si>
  <si>
    <t>01/24/2020 07:30:53</t>
  </si>
  <si>
    <t>01/24/2020 07:27:29</t>
  </si>
  <si>
    <t>7e2e3440-62b0-46f2-8062-7c1771f22512.tmp</t>
  </si>
  <si>
    <t>\\acsfs\profiles$\sarahbal\Downloads\7e2e3440-62b0-46f2-8062-7c1771f22512.tmp</t>
  </si>
  <si>
    <t>01/24/2020 07:28:04</t>
  </si>
  <si>
    <t>0d7dcf02-ef0d-4c51-85f9-2f5806d4ecdc.tmp</t>
  </si>
  <si>
    <t>\\acsfs\profiles$\sarahbal\Downloads\0d7dcf02-ef0d-4c51-85f9-2f5806d4ecdc.tmp</t>
  </si>
  <si>
    <t>01/24/2020 07:28:50</t>
  </si>
  <si>
    <t>8739832c-1fc3-421f-9c8d-c2d137e56aad.tmp</t>
  </si>
  <si>
    <t>\\acsfs\profiles$\sarahbal\Downloads\8739832c-1fc3-421f-9c8d-c2d137e56aad.tmp</t>
  </si>
  <si>
    <t>01/24/2020 07:29:06</t>
  </si>
  <si>
    <t>01/24/2020 07:31:53</t>
  </si>
  <si>
    <t>01/24/2020 07:30:30</t>
  </si>
  <si>
    <t>01/24/2020 07:30:52</t>
  </si>
  <si>
    <t>01/24/2020 07:34:53</t>
  </si>
  <si>
    <t>0087b1de-c89c-4303-9e9a-e33e3916822e.tmp</t>
  </si>
  <si>
    <t>\\acsfs\profiles$\websondsa\Downloads\0087b1de-c89c-4303-9e9a-e33e3916822e.tmp</t>
  </si>
  <si>
    <t>01/24/2020 07:32:48</t>
  </si>
  <si>
    <t>4997fae4-d7d4-4695-a4ec-44ace6b4b090.tmp</t>
  </si>
  <si>
    <t>\\acsfs\profiles$\websondsa\Downloads\4997fae4-d7d4-4695-a4ec-44ace6b4b090.tmp</t>
  </si>
  <si>
    <t>01/24/2020 07:32:52</t>
  </si>
  <si>
    <t>5a4594a1-27d0-4626-96ef-1759911ff9ef.tmp</t>
  </si>
  <si>
    <t>\\acsfs\profiles$\websondsa\Downloads\5a4594a1-27d0-4626-96ef-1759911ff9ef.tmp</t>
  </si>
  <si>
    <t>01/24/2020 07:32:56</t>
  </si>
  <si>
    <t>17f66f99-0d58-4d9b-9c68-dca2453f26f8.tmp</t>
  </si>
  <si>
    <t>\\acsfs\profiles$\websondsa\Downloads\17f66f99-0d58-4d9b-9c68-dca2453f26f8.tmp</t>
  </si>
  <si>
    <t>01/24/2020 07:32:58</t>
  </si>
  <si>
    <t>18a7f52f-aa07-471c-8cfe-d6d774ccb59f.tmp</t>
  </si>
  <si>
    <t>\\acsfs\profiles$\websondsa\Downloads\18a7f52f-aa07-471c-8cfe-d6d774ccb59f.tmp</t>
  </si>
  <si>
    <t>01/24/2020 07:34:06</t>
  </si>
  <si>
    <t>156f76ee-45d3-4ac5-b0e8-5a46a0c7c4d5.tmp</t>
  </si>
  <si>
    <t>\\acsfs\profiles$\danielpdl\Downloads\156f76ee-45d3-4ac5-b0e8-5a46a0c7c4d5.tmp</t>
  </si>
  <si>
    <t>01/24/2020 07:35:54</t>
  </si>
  <si>
    <t>01/24/2020 07:32:46</t>
  </si>
  <si>
    <t>5561d6e2-0ca7-4dfe-a03f-9ca865c48912.tmp</t>
  </si>
  <si>
    <t>\\acsfs\profiles$\sarahbal\Downloads\5561d6e2-0ca7-4dfe-a03f-9ca865c48912.tmp</t>
  </si>
  <si>
    <t>01/24/2020 07:32:59</t>
  </si>
  <si>
    <t>721b793b-3fd2-4b13-a599-edd631f9ad2f.tmp</t>
  </si>
  <si>
    <t>\\acsfs\profiles$\sarahbal\Downloads\721b793b-3fd2-4b13-a599-edd631f9ad2f.tmp</t>
  </si>
  <si>
    <t>01/24/2020 07:36:53</t>
  </si>
  <si>
    <t>01/24/2020 07:35:58</t>
  </si>
  <si>
    <t>3c75f19d-ce86-4dea-8328-800ecedd1b55.tmp</t>
  </si>
  <si>
    <t>\\acsfs\profiles$\dhiulliananads\Downloads\3c75f19d-ce86-4dea-8328-800ecedd1b55.tmp</t>
  </si>
  <si>
    <t>01/24/2020 07:37:42</t>
  </si>
  <si>
    <t>01/24/2020 07:39:53</t>
  </si>
  <si>
    <t>4b984040-fa6e-48ec-98e3-dbec7b461095.tmp</t>
  </si>
  <si>
    <t>\\acsfs\profiles$\mariajra\Downloads\4b984040-fa6e-48ec-98e3-dbec7b461095.tmp</t>
  </si>
  <si>
    <t>01/24/2020 07:38:35</t>
  </si>
  <si>
    <t>143fbf40-f16d-4b0d-8aa5-0c3aee63d98b.tmp</t>
  </si>
  <si>
    <t>\\acsfs\profiles$\vivianalds\Downloads\143fbf40-f16d-4b0d-8aa5-0c3aee63d98b.tmp</t>
  </si>
  <si>
    <t>01/24/2020 07:37:34</t>
  </si>
  <si>
    <t>01/24/2020 07:40:54</t>
  </si>
  <si>
    <t>b83f59e1-4e2d-458d-8770-1094f1650c25.tmp</t>
  </si>
  <si>
    <t>\\acsfs\profiles$\danielpdl\Downloads\b83f59e1-4e2d-458d-8770-1094f1650c25.tmp</t>
  </si>
  <si>
    <t>01/24/2020 07:37:38</t>
  </si>
  <si>
    <t>793d0a6f-aea0-4947-a28f-7e715651dafc.tmp</t>
  </si>
  <si>
    <t>\\acsfs\profiles$\danielpdl\Downloads\793d0a6f-aea0-4947-a28f-7e715651dafc.tmp</t>
  </si>
  <si>
    <t>01/24/2020 07:41:53</t>
  </si>
  <si>
    <t>01/24/2020 07:37:05</t>
  </si>
  <si>
    <t>bdd3d37f-f11a-4aa6-85a9-36883ac4a8ef.tmp</t>
  </si>
  <si>
    <t>\\acsfs\profiles$\dhiulliananads\Downloads\bdd3d37f-f11a-4aa6-85a9-36883ac4a8ef.tmp</t>
  </si>
  <si>
    <t>01/24/2020 07:37:58</t>
  </si>
  <si>
    <t>01/24/2020 07:38:22</t>
  </si>
  <si>
    <t>01/24/2020 07:38:23</t>
  </si>
  <si>
    <t>lu116801aegdn.tmp</t>
  </si>
  <si>
    <t>\\acsfs\profiles$\dhiulliananads\My Documents\lu116801aegdn.tmp</t>
  </si>
  <si>
    <t>\\acsfs\profiles$\dhiulliananads\My Documents\lu116801aegdn.tmp\</t>
  </si>
  <si>
    <t>\\acsfs\profiles$\dhiulliananads\My Documents\lu116801aegdn.tmp\META-INF\</t>
  </si>
  <si>
    <t>\\acsfs\profiles$\dhiulliananads\My Documents\lu116801aegdn.tmp\Thumbnails\</t>
  </si>
  <si>
    <t>01/24/2020 07:37:40</t>
  </si>
  <si>
    <t>01/24/2020 07:39:10</t>
  </si>
  <si>
    <t>01/24/2020 07:39:40</t>
  </si>
  <si>
    <t>01/24/2020 07:40:44</t>
  </si>
  <si>
    <t>01/24/2020 07:44:53</t>
  </si>
  <si>
    <t>89518e7b-5ae4-4873-b389-a1edad808b72.tmp</t>
  </si>
  <si>
    <t>\\acsfs\profiles$\vivianalds\Downloads\89518e7b-5ae4-4873-b389-a1edad808b72.tmp</t>
  </si>
  <si>
    <t>01/24/2020 07:39:54</t>
  </si>
  <si>
    <t>01/24/2020 07:45:53</t>
  </si>
  <si>
    <t>5063eb84-b0aa-4268-9c8d-560a0c44ae20.tmp</t>
  </si>
  <si>
    <t>\\acsfs\profiles$\danielpdl\Downloads\5063eb84-b0aa-4268-9c8d-560a0c44ae20.tmp</t>
  </si>
  <si>
    <t>01/24/2020 07:44:30</t>
  </si>
  <si>
    <t>01/24/2020 07:46:54</t>
  </si>
  <si>
    <t>01/24/2020 07:44:35</t>
  </si>
  <si>
    <t>01/24/2020 07:44:39</t>
  </si>
  <si>
    <t>01/24/2020 07:44:47</t>
  </si>
  <si>
    <t>01/24/2020 07:44:56</t>
  </si>
  <si>
    <t>01/24/2020 07:45:12</t>
  </si>
  <si>
    <t>01/24/2020 07:45:35</t>
  </si>
  <si>
    <t>01/24/2020 07:47:53</t>
  </si>
  <si>
    <t>7c9d7dd5-7e60-48f9-b7c3-4c72ee649f17.tmp</t>
  </si>
  <si>
    <t>\\acsfs\profiles$\antoniosva\Downloads\7c9d7dd5-7e60-48f9-b7c3-4c72ee649f17.tmp</t>
  </si>
  <si>
    <t>01/24/2020 07:46:30</t>
  </si>
  <si>
    <t>56bc8273-4750-483f-a36c-292de6d25728.tmp</t>
  </si>
  <si>
    <t>\\acsfs\profiles$\antoniosva\Downloads\56bc8273-4750-483f-a36c-292de6d25728.tmp</t>
  </si>
  <si>
    <t>01/24/2020 07:49:53</t>
  </si>
  <si>
    <t>01/24/2020 07:46:18</t>
  </si>
  <si>
    <t>93cf9a8e-d9f2-417e-9c8f-718e37acf70d.tmp</t>
  </si>
  <si>
    <t>\\acsfs\profiles$\websondsa\Downloads\93cf9a8e-d9f2-417e-9c8f-718e37acf70d.tmp</t>
  </si>
  <si>
    <t>01/24/2020 07:50:54</t>
  </si>
  <si>
    <t>01/24/2020 07:47:10</t>
  </si>
  <si>
    <t>01/24/2020 07:51:53</t>
  </si>
  <si>
    <t>01/24/2020 07:47:40</t>
  </si>
  <si>
    <t>01/24/2020 07:48:10</t>
  </si>
  <si>
    <t>01/24/2020 07:49:40</t>
  </si>
  <si>
    <t>01/24/2020 07:50:10</t>
  </si>
  <si>
    <t>01/24/2020 07:50:40</t>
  </si>
  <si>
    <t>01/24/2020 07:51:10</t>
  </si>
  <si>
    <t>01/24/2020 07:47:31</t>
  </si>
  <si>
    <t>01/24/2020 07:52:53</t>
  </si>
  <si>
    <t>2cfe4e9e-79a2-4ae2-a50d-8b2e485c82cf.tmp</t>
  </si>
  <si>
    <t>\\acsfs\profiles$\antoniosva\Downloads\2cfe4e9e-79a2-4ae2-a50d-8b2e485c82cf.tmp</t>
  </si>
  <si>
    <t>01/24/2020 07:48:28</t>
  </si>
  <si>
    <t>5ab101ac-56e0-4f79-933d-741508329e54.tmp</t>
  </si>
  <si>
    <t>\\acsfs\profiles$\antoniosva\Downloads\5ab101ac-56e0-4f79-933d-741508329e54.tmp</t>
  </si>
  <si>
    <t>01/24/2020 07:51:42</t>
  </si>
  <si>
    <t>06e8d75d-1352-4beb-b00d-1d1f824bcd34.tmp</t>
  </si>
  <si>
    <t>\\acsfs\profiles$\antoniosva\Downloads\06e8d75d-1352-4beb-b00d-1d1f824bcd34.tmp</t>
  </si>
  <si>
    <t>01/24/2020 07:52:47</t>
  </si>
  <si>
    <t>01/24/2020 07:54:53</t>
  </si>
  <si>
    <t>c4ac6963-df3c-4e12-8e1e-a8341eb2f408.tmp</t>
  </si>
  <si>
    <t>\\acsfs\profiles$\danielpdl\Downloads\c4ac6963-df3c-4e12-8e1e-a8341eb2f408.tmp</t>
  </si>
  <si>
    <t>01/24/2020 07:55:54</t>
  </si>
  <si>
    <t>01/24/2020 07:51:03</t>
  </si>
  <si>
    <t>01/24/2020 07:56:53</t>
  </si>
  <si>
    <t>01/24/2020 07:53:54</t>
  </si>
  <si>
    <t>01/24/2020 07:57:54</t>
  </si>
  <si>
    <t>bf4dd12d-5454-415e-a9dd-194fe1b11ab1.tmp</t>
  </si>
  <si>
    <t>\\acsfs\profiles$\anafsb\Downloads\bf4dd12d-5454-415e-a9dd-194fe1b11ab1.tmp</t>
  </si>
  <si>
    <t>01/24/2020 07:53:57</t>
  </si>
  <si>
    <t>f374dd37-af99-45e5-9f77-8f19e7189c03.tmp</t>
  </si>
  <si>
    <t>\\acsfs\profiles$\anafsb\Downloads\f374dd37-af99-45e5-9f77-8f19e7189c03.tmp</t>
  </si>
  <si>
    <t>01/24/2020 07:53:58</t>
  </si>
  <si>
    <t>e8e3566f-2851-438c-abf4-bc280faa8ffd.tmp</t>
  </si>
  <si>
    <t>\\acsfs\profiles$\anafsb\Downloads\e8e3566f-2851-438c-abf4-bc280faa8ffd.tmp</t>
  </si>
  <si>
    <t>01/24/2020 07:54:00</t>
  </si>
  <si>
    <t>01/24/2020 07:58:53</t>
  </si>
  <si>
    <t>01/24/2020 07:59:53</t>
  </si>
  <si>
    <t>01/24/2020 07:56:15</t>
  </si>
  <si>
    <t>5feaf985-eb0b-46b7-a64d-e0b876e157d5.tmp</t>
  </si>
  <si>
    <t>\\acsfs\profiles$\geovannasm\Downloads\5feaf985-eb0b-46b7-a64d-e0b876e157d5.tmp</t>
  </si>
  <si>
    <t>01/24/2020 07:58:09</t>
  </si>
  <si>
    <t>df7efa44-2cfd-4c36-aef7-28f1573af75e.tmp</t>
  </si>
  <si>
    <t>\\acsfs\profiles$\geovannasm\Downloads\df7efa44-2cfd-4c36-aef7-28f1573af75e.tmp</t>
  </si>
  <si>
    <t>01/24/2020 07:58:24</t>
  </si>
  <si>
    <t>26e7fa66-48c2-4a7b-af4b-d7661a51f818.tmp</t>
  </si>
  <si>
    <t>\\acsfs\profiles$\geovannasm\Downloads\26e7fa66-48c2-4a7b-af4b-d7661a51f818.tmp</t>
  </si>
  <si>
    <t>01/24/2020 07:58:35</t>
  </si>
  <si>
    <t>lu9872zhnbh.tmp</t>
  </si>
  <si>
    <t>\\acsfs\profiles$\VIVIANALDS\My Documents\lu9872zhnbh.tmp</t>
  </si>
  <si>
    <t>\\acsfs\profiles$\VIVIANALDS\My Documents\lu9872zhnbh.tmp\</t>
  </si>
  <si>
    <t>\\acsfs\profiles$\VIVIANALDS\My Documents\lu9872zhnbh.tmp\META-INF\</t>
  </si>
  <si>
    <t>\\acsfs\profiles$\VIVIANALDS\My Documents\lu9872zhnbh.tmp\Thumbnails\</t>
  </si>
  <si>
    <t>01/24/2020 08:00:54</t>
  </si>
  <si>
    <t>01/24/2020 08:00:33</t>
  </si>
  <si>
    <t>01/24/2020 08:01:53</t>
  </si>
  <si>
    <t>f9944474-f3c3-45ee-b253-4e1978672278.tmp</t>
  </si>
  <si>
    <t>\\acsfs\profiles$\ALYNYA\Downloads\f9944474-f3c3-45ee-b253-4e1978672278.tmp</t>
  </si>
  <si>
    <t>01/24/2020 07:57:19</t>
  </si>
  <si>
    <t>01/24/2020 07:57:20</t>
  </si>
  <si>
    <t>01/24/2020 08:00:01</t>
  </si>
  <si>
    <t>01/24/2020 08:00:03</t>
  </si>
  <si>
    <t>01/24/2020 08:00:49</t>
  </si>
  <si>
    <t>884ac914-0bea-42f4-805a-f6bb17468c23.tmp</t>
  </si>
  <si>
    <t>\\acsfs\profiles$\THYAGOSP\Downloads\884ac914-0bea-42f4-805a-f6bb17468c23.tmp</t>
  </si>
  <si>
    <t>01/24/2020 07:59:41</t>
  </si>
  <si>
    <t>01/24/2020 08:00:11</t>
  </si>
  <si>
    <t>01/24/2020 08:00:41</t>
  </si>
  <si>
    <t>01/24/2020 08:01:16</t>
  </si>
  <si>
    <t>01/24/2020 08:02:54</t>
  </si>
  <si>
    <t>c36f09c7-2a7b-41b2-a1df-85675971a665.tmp</t>
  </si>
  <si>
    <t>\\acsfs\profiles$\ERICALSR\Downloads\c36f09c7-2a7b-41b2-a1df-85675971a665.tmp</t>
  </si>
  <si>
    <t>01/24/2020 08:02:11</t>
  </si>
  <si>
    <t>08548516-5987-4f45-b2c1-64bbe81c2cb3.tmp</t>
  </si>
  <si>
    <t>\\acsfs\profiles$\wenderbnm\Downloads\08548516-5987-4f45-b2c1-64bbe81c2cb3.tmp</t>
  </si>
  <si>
    <t>01/24/2020 08:03:53</t>
  </si>
  <si>
    <t>01/24/2020 08:00:35</t>
  </si>
  <si>
    <t>596ba0b0-0077-479f-974e-512efb678af5.tmp</t>
  </si>
  <si>
    <t>\\acsfs\profiles$\luanarda\Downloads\596ba0b0-0077-479f-974e-512efb678af5.tmp</t>
  </si>
  <si>
    <t>01/24/2020 08:04:53</t>
  </si>
  <si>
    <t>01/24/2020 08:03:19</t>
  </si>
  <si>
    <t>9417994b-6b0a-49e0-b35d-484c7c05c1af.tmp</t>
  </si>
  <si>
    <t>\\acsfs\profiles$\RAFAELRF\Downloads\9417994b-6b0a-49e0-b35d-484c7c05c1af.tmp</t>
  </si>
  <si>
    <t>01/24/2020 08:05:53</t>
  </si>
  <si>
    <t>01/24/2020 08:03:11</t>
  </si>
  <si>
    <t>8a651c64-c2f9-4538-8941-fcaafe200ff2.tmp</t>
  </si>
  <si>
    <t>\\acsfs\profiles$\felipetds\Downloads\8a651c64-c2f9-4538-8941-fcaafe200ff2.tmp</t>
  </si>
  <si>
    <t>45bfcb8b-14b8-443a-88e7-d4b27bbe5534.tmp</t>
  </si>
  <si>
    <t>\\acsfs\profiles$\felipetds\Downloads\45bfcb8b-14b8-443a-88e7-d4b27bbe5534.tmp</t>
  </si>
  <si>
    <t>01/24/2020 08:04:42</t>
  </si>
  <si>
    <t>70b8b3c4-b4db-4907-b662-ef9e4d05e55c.tmp</t>
  </si>
  <si>
    <t>\\acsfs\profiles$\felipetds\Downloads\70b8b3c4-b4db-4907-b662-ef9e4d05e55c.tmp</t>
  </si>
  <si>
    <t>01/24/2020 08:03:21</t>
  </si>
  <si>
    <t>5d703a9a-569b-464a-8543-3b367df6658a.tmp</t>
  </si>
  <si>
    <t>\\acsfs\profiles$\paulovadc\Downloads\5d703a9a-569b-464a-8543-3b367df6658a.tmp</t>
  </si>
  <si>
    <t>01/24/2020 08:04:27</t>
  </si>
  <si>
    <t>db60ecb1-8651-4594-81ff-fe1eaaadd141.tmp</t>
  </si>
  <si>
    <t>\\acsfs\profiles$\paulovadc\Downloads\db60ecb1-8651-4594-81ff-fe1eaaadd141.tmp</t>
  </si>
  <si>
    <t>01/24/2020 08:02:23</t>
  </si>
  <si>
    <t>01/24/2020 08:06:53</t>
  </si>
  <si>
    <t>36AE5BF7.tmp</t>
  </si>
  <si>
    <t>\\acsfs\DEPTOS\Operacao\PCP\5 - Comum\PLANEJAMENTO BV\14 - ACOMPANHAMENTO\1 - REPORT ACOMPANHAMENTO\2020\1 - JANEIRO\CARTÕES\36AE5BF7.tmp</t>
  </si>
  <si>
    <t>~$Range.xlsx</t>
  </si>
  <si>
    <t>\\acsfs\DEPTOS\Operacao\PCP\5 - Comum\PLANEJAMENTO BV\14 - ACOMPANHAMENTO\1 - REPORT ACOMPANHAMENTO\2020\1 - JANEIRO\CARTÕES\~$Range.xlsx</t>
  </si>
  <si>
    <t>01/24/2020 08:02:37</t>
  </si>
  <si>
    <t>0526d91d-d1c7-4a8b-a526-717618af16b4.tmp</t>
  </si>
  <si>
    <t>\\acsfs\profiles$\ANAPDSB\Downloads\0526d91d-d1c7-4a8b-a526-717618af16b4.tmp</t>
  </si>
  <si>
    <t>01/24/2020 08:03:25</t>
  </si>
  <si>
    <t>ada0b1e3-e5e3-4304-bd3d-9cb39fb687c4.tmp</t>
  </si>
  <si>
    <t>\\acsfs\profiles$\ANAPDSB\Downloads\ada0b1e3-e5e3-4304-bd3d-9cb39fb687c4.tmp</t>
  </si>
  <si>
    <t>01/24/2020 08:03:39</t>
  </si>
  <si>
    <t>Q29udHJvbGxlci5DYWxjdWxhZG9yYURlVmVuY2lt (27).ica</t>
  </si>
  <si>
    <t>\\acsfs\profiles$\ANAPDSB\Downloads\Q29udHJvbGxlci5DYWxjdWxhZG9yYURlVmVuY2lt (27).ica</t>
  </si>
  <si>
    <t>01/24/2020 08:05:10</t>
  </si>
  <si>
    <t>de53b22b-3b40-46ee-a9e2-0860fc926edc.tmp</t>
  </si>
  <si>
    <t>\\acsfs\profiles$\ANAPDSB\Downloads\de53b22b-3b40-46ee-a9e2-0860fc926edc.tmp</t>
  </si>
  <si>
    <t>01/24/2020 08:03:52</t>
  </si>
  <si>
    <t>3ac8c86c-31b7-4a96-8305-a6fa4717a69d.tmp</t>
  </si>
  <si>
    <t>\\acsfs\profiles$\THYAGOSP\Downloads\3ac8c86c-31b7-4a96-8305-a6fa4717a69d.tmp</t>
  </si>
  <si>
    <t>01/24/2020 08:03:41</t>
  </si>
  <si>
    <t>01/24/2020 08:04:11</t>
  </si>
  <si>
    <t>01/24/2020 08:04:41</t>
  </si>
  <si>
    <t>01/24/2020 08:05:11</t>
  </si>
  <si>
    <t>01/24/2020 08:05:41</t>
  </si>
  <si>
    <t>01/24/2020 08:06:11</t>
  </si>
  <si>
    <t>01/24/2020 08:02:24</t>
  </si>
  <si>
    <t>01/24/2020 08:07:54</t>
  </si>
  <si>
    <t>3cadfd5e-952a-4322-af20-cccaeb924e78.tmp</t>
  </si>
  <si>
    <t>\\acsfs\profiles$\anafsb\Downloads\3cadfd5e-952a-4322-af20-cccaeb924e78.tmp</t>
  </si>
  <si>
    <t>a19389c0-1c8c-4d8f-abc5-dcf43a6c740f.tmp</t>
  </si>
  <si>
    <t>\\acsfs\profiles$\anafsb\Downloads\a19389c0-1c8c-4d8f-abc5-dcf43a6c740f.tmp</t>
  </si>
  <si>
    <t>01/24/2020 08:02:38</t>
  </si>
  <si>
    <t>ffd1b012-21d0-4ea4-b587-2aeb10e16f8f.tmp</t>
  </si>
  <si>
    <t>\\acsfs\profiles$\ERICALSR\Downloads\ffd1b012-21d0-4ea4-b587-2aeb10e16f8f.tmp</t>
  </si>
  <si>
    <t>01/24/2020 08:03:50</t>
  </si>
  <si>
    <t>b9051b09-998f-4b9b-b891-0ceafa8b0b33.tmp</t>
  </si>
  <si>
    <t>\\acsfs\profiles$\wenderbnm\Downloads\b9051b09-998f-4b9b-b891-0ceafa8b0b33.tmp</t>
  </si>
  <si>
    <t>2fa67518-68ff-4915-ad49-5027378c2e35.tmp</t>
  </si>
  <si>
    <t>\\acsfs\profiles$\nayarasds\Downloads\2fa67518-68ff-4915-ad49-5027378c2e35.tmp</t>
  </si>
  <si>
    <t>01/24/2020 08:03:47</t>
  </si>
  <si>
    <t>08280c0b-3839-4833-9a63-965074311164.tmp</t>
  </si>
  <si>
    <t>\\acsfs\profiles$\nayarasds\Downloads\08280c0b-3839-4833-9a63-965074311164.tmp</t>
  </si>
  <si>
    <t>01/24/2020 08:05:21</t>
  </si>
  <si>
    <t>3a0f04b2-5e3f-4219-8193-550f12525890.tmp</t>
  </si>
  <si>
    <t>\\acsfs\profiles$\nayarasds\Downloads\3a0f04b2-5e3f-4219-8193-550f12525890.tmp</t>
  </si>
  <si>
    <t>01/24/2020 08:05:45</t>
  </si>
  <si>
    <t>2592b23a-5fc0-4373-9944-9b777d9d218b.tmp</t>
  </si>
  <si>
    <t>\\acsfs\profiles$\nayarasds\Downloads\2592b23a-5fc0-4373-9944-9b777d9d218b.tmp</t>
  </si>
  <si>
    <t>01/24/2020 08:05:51</t>
  </si>
  <si>
    <t>5ba37cf5-141f-4f9a-b695-e7dcf31330b7.tmp</t>
  </si>
  <si>
    <t>\\acsfs\profiles$\nayarasds\Downloads\5ba37cf5-141f-4f9a-b695-e7dcf31330b7.tmp</t>
  </si>
  <si>
    <t>01/24/2020 08:06:10</t>
  </si>
  <si>
    <t>36ab274c-e881-4912-be46-f8e1f2d93d8f.tmp</t>
  </si>
  <si>
    <t>\\acsfs\profiles$\nayarasds\Downloads\36ab274c-e881-4912-be46-f8e1f2d93d8f.tmp</t>
  </si>
  <si>
    <t>01/24/2020 08:07:27</t>
  </si>
  <si>
    <t>d0ae0d69-aeba-46d1-9146-28aed448e135.tmp</t>
  </si>
  <si>
    <t>\\acsfs\profiles$\nayarasds\Downloads\d0ae0d69-aeba-46d1-9146-28aed448e135.tmp</t>
  </si>
  <si>
    <t>01/24/2020 08:08:53</t>
  </si>
  <si>
    <t>01/24/2020 08:04:01</t>
  </si>
  <si>
    <t>8a0797a9-1ddf-499d-a6a6-3800faa6c315.tmp</t>
  </si>
  <si>
    <t>\\acsfs\profiles$\lucasgpe\Downloads\8a0797a9-1ddf-499d-a6a6-3800faa6c315.tmp</t>
  </si>
  <si>
    <t>01/24/2020 08:04:59</t>
  </si>
  <si>
    <t>01/24/2020 08:09:54</t>
  </si>
  <si>
    <t>b1abc468-8e41-4b68-a167-dd925df07fbc.tmp</t>
  </si>
  <si>
    <t>\\acsfs\profiles$\websondsa\Downloads\b1abc468-8e41-4b68-a167-dd925df07fbc.tmp</t>
  </si>
  <si>
    <t>01/24/2020 08:06:03</t>
  </si>
  <si>
    <t>f673da15-780f-4c82-81f4-c303e51727a7.tmp</t>
  </si>
  <si>
    <t>\\acsfs\profiles$\vivianalds\Downloads\f673da15-780f-4c82-81f4-c303e51727a7.tmp</t>
  </si>
  <si>
    <t>01/24/2020 08:09:36</t>
  </si>
  <si>
    <t>edae920d-659f-4899-a621-180737d94e2f.tmp</t>
  </si>
  <si>
    <t>\\acsfs\profiles$\danielpdl\Downloads\edae920d-659f-4899-a621-180737d94e2f.tmp</t>
  </si>
  <si>
    <t>01/24/2020 08:10:53</t>
  </si>
  <si>
    <t>01/24/2020 08:07:16</t>
  </si>
  <si>
    <t>1bf63138-4a3a-4df4-b8d7-3c5131c1ed00.tmp</t>
  </si>
  <si>
    <t>\\acsfs\profiles$\sarahbal\Downloads\1bf63138-4a3a-4df4-b8d7-3c5131c1ed00.tmp</t>
  </si>
  <si>
    <t>01/24/2020 08:11:12</t>
  </si>
  <si>
    <t>01/24/2020 08:11:54</t>
  </si>
  <si>
    <t>01/24/2020 08:11:42</t>
  </si>
  <si>
    <t>01/24/2020 08:11:10</t>
  </si>
  <si>
    <t>01/24/2020 08:12:54</t>
  </si>
  <si>
    <t>f9bc358d-6db2-4023-9202-47665da19ea1.tmp</t>
  </si>
  <si>
    <t>\\acsfs\profiles$\gabrielaff\Downloads\f9bc358d-6db2-4023-9202-47665da19ea1.tmp</t>
  </si>
  <si>
    <t>01/24/2020 08:10:11</t>
  </si>
  <si>
    <t>01/24/2020 08:08:50</t>
  </si>
  <si>
    <t>01/24/2020 08:13:53</t>
  </si>
  <si>
    <t>c0ad2189-22d8-4c21-a525-8105924879f0.tmp</t>
  </si>
  <si>
    <t>\\acsfs\profiles$\luanarda\Downloads\c0ad2189-22d8-4c21-a525-8105924879f0.tmp</t>
  </si>
  <si>
    <t>01/24/2020 08:09:21</t>
  </si>
  <si>
    <t>43a7a405-50ab-4c35-a54a-b3d01ec1e86d.tmp</t>
  </si>
  <si>
    <t>\\acsfs\profiles$\luanarda\Downloads\43a7a405-50ab-4c35-a54a-b3d01ec1e86d.tmp</t>
  </si>
  <si>
    <t>01/24/2020 08:10:36</t>
  </si>
  <si>
    <t>01/24/2020 08:14:53</t>
  </si>
  <si>
    <t>48da295f-ec55-4850-a1a9-3d2364807f08.tmp</t>
  </si>
  <si>
    <t>\\acsfs\profiles$\maxmillianosv\Downloads\48da295f-ec55-4850-a1a9-3d2364807f08.tmp</t>
  </si>
  <si>
    <t>01/24/2020 08:11:20</t>
  </si>
  <si>
    <t>6770baef-aa0d-4f70-9626-d64da54c08e1.tmp</t>
  </si>
  <si>
    <t>\\acsfs\profiles$\mariajra\Downloads\6770baef-aa0d-4f70-9626-d64da54c08e1.tmp</t>
  </si>
  <si>
    <t>01/24/2020 08:15:53</t>
  </si>
  <si>
    <t>01/24/2020 08:10:59</t>
  </si>
  <si>
    <t>7efb6903-e3c5-47ea-840d-0464bb89f393.tmp</t>
  </si>
  <si>
    <t>\\acsfs\profiles$\LUCASNS\Downloads\7efb6903-e3c5-47ea-840d-0464bb89f393.tmp</t>
  </si>
  <si>
    <t>0984a493-0108-4caa-8739-0a1a82f69c10.tmp</t>
  </si>
  <si>
    <t>\\acsfs\profiles$\LUCASNS\Downloads\0984a493-0108-4caa-8739-0a1a82f69c10.tmp</t>
  </si>
  <si>
    <t>01/24/2020 08:13:05</t>
  </si>
  <si>
    <t>01/24/2020 08:16:53</t>
  </si>
  <si>
    <t>01/24/2020 08:13:09</t>
  </si>
  <si>
    <t>01/24/2020 08:17:53</t>
  </si>
  <si>
    <t>01/24/2020 08:13:15</t>
  </si>
  <si>
    <t>4fde19b9-231c-410d-ac12-5bb8ace6a9ab.tmp</t>
  </si>
  <si>
    <t>\\acsfs\profiles$\wenderbnm\Downloads\4fde19b9-231c-410d-ac12-5bb8ace6a9ab.tmp</t>
  </si>
  <si>
    <t>01/24/2020 08:13:32</t>
  </si>
  <si>
    <t>bb2f6e62-4ff2-4f7e-81f4-63903072f079.tmp</t>
  </si>
  <si>
    <t>\\acsfs\profiles$\gabrielaff\Downloads\bb2f6e62-4ff2-4f7e-81f4-63903072f079.tmp</t>
  </si>
  <si>
    <t>01/24/2020 08:16:00</t>
  </si>
  <si>
    <t>01/24/2020 08:18:53</t>
  </si>
  <si>
    <t>fb58c757-1007-4ddc-807b-c59cef51192e.tmp</t>
  </si>
  <si>
    <t>\\acsfs\profiles$\DALVADFB\Downloads\fb58c757-1007-4ddc-807b-c59cef51192e.tmp</t>
  </si>
  <si>
    <t>01/24/2020 08:17:30</t>
  </si>
  <si>
    <t>ca5a3462-768d-43a4-bf98-8be940780852.tmp</t>
  </si>
  <si>
    <t>\\acsfs\profiles$\DALVADFB\Downloads\ca5a3462-768d-43a4-bf98-8be940780852.tmp</t>
  </si>
  <si>
    <t>01/24/2020 08:18:12</t>
  </si>
  <si>
    <t>ANDREA PAULA DA SILVA BORGES_1_6781157949150670805_1_32.wav</t>
  </si>
  <si>
    <t>\\acsfs\Deptos\EDUCACAO EMPRESARIAL\KÉSIA\Ligações 3º ciclo - Janeiro 2020\ANDREA PAULA DA SILVA BORGES_1_6781157949150670805_1_32.wav</t>
  </si>
  <si>
    <t>01/24/2020 08:17:06</t>
  </si>
  <si>
    <t>mail.google.com/sync/u/0/i/s?hl=pt-BR&amp;c=2908</t>
  </si>
  <si>
    <t>01/24/2020 08:17:19</t>
  </si>
  <si>
    <t>mail.google.com/sync/u/0/i/s?hl=pt-BR&amp;c=2911</t>
  </si>
  <si>
    <t>01/24/2020 08:17:35</t>
  </si>
  <si>
    <t>mail.google.com/sync/u/0/i/s?hl=pt-BR&amp;c=2913</t>
  </si>
  <si>
    <t>01/24/2020 08:17:50</t>
  </si>
  <si>
    <t>mail.google.com/sync/u/0/i/s?hl=pt-BR&amp;c=2915</t>
  </si>
  <si>
    <t>01/24/2020 08:18:24</t>
  </si>
  <si>
    <t>mail.google.com/sync/u/0/i/s?hl=pt-BR&amp;c=2918</t>
  </si>
  <si>
    <t>01/24/2020 08:18:36</t>
  </si>
  <si>
    <t>mail.google.com/sync/u/0/i/s?hl=pt-BR&amp;c=2920</t>
  </si>
  <si>
    <t>01/24/2020 08:16:27</t>
  </si>
  <si>
    <t>01/24/2020 08:19:54</t>
  </si>
  <si>
    <t>38287cc1-f618-42a0-9680-0b6a0e89bf48.tmp</t>
  </si>
  <si>
    <t>\\acsfs\profiles$\RAFAELRF\Downloads\38287cc1-f618-42a0-9680-0b6a0e89bf48.tmp</t>
  </si>
  <si>
    <t>01/24/2020 08:19:21</t>
  </si>
  <si>
    <t>2458d59a-2927-4ef9-8cfd-ace077cbfa0c.tmp</t>
  </si>
  <si>
    <t>\\acsfs\profiles$\milenaas\Downloads\2458d59a-2927-4ef9-8cfd-ace077cbfa0c.tmp</t>
  </si>
  <si>
    <t>01/24/2020 08:18:37</t>
  </si>
  <si>
    <t>d1911923-8688-4a5e-bec3-4b6b896b95ad.tmp</t>
  </si>
  <si>
    <t>\\acsfs\profiles$\milenaas\Downloads\d1911923-8688-4a5e-bec3-4b6b896b95ad.tmp</t>
  </si>
  <si>
    <t>01/24/2020 08:18:59</t>
  </si>
  <si>
    <t>44c522d9-fa83-45bf-b223-dd6330e52ad4.tmp</t>
  </si>
  <si>
    <t>\\acsfs\profiles$\milenaas\Downloads\44c522d9-fa83-45bf-b223-dd6330e52ad4.tmp</t>
  </si>
  <si>
    <t>d3e9ec8b-cdec-4122-9289-471490ac7d54.tmp</t>
  </si>
  <si>
    <t>\\acsfs\profiles$\milenaas\Downloads\d3e9ec8b-cdec-4122-9289-471490ac7d54.tmp</t>
  </si>
  <si>
    <t>01/24/2020 08:18:33</t>
  </si>
  <si>
    <t>lu9872zhnbl.tmp</t>
  </si>
  <si>
    <t>\\acsfs\profiles$\VIVIANALDS\My Documents\lu9872zhnbl.tmp</t>
  </si>
  <si>
    <t>\\acsfs\profiles$\VIVIANALDS\My Documents\lu9872zhnbl.tmp\</t>
  </si>
  <si>
    <t>\\acsfs\profiles$\VIVIANALDS\My Documents\lu9872zhnbl.tmp\META-INF\</t>
  </si>
  <si>
    <t>\\acsfs\profiles$\VIVIANALDS\My Documents\lu9872zhnbl.tmp\Thumbnails\</t>
  </si>
  <si>
    <t>01/24/2020 08:20:53</t>
  </si>
  <si>
    <t>01/24/2020 08:17:38</t>
  </si>
  <si>
    <t>01/24/2020 08:18:22</t>
  </si>
  <si>
    <t>01/24/2020 08:19:19</t>
  </si>
  <si>
    <t>01/24/2020 08:21:54</t>
  </si>
  <si>
    <t>01/24/2020 08:19:38</t>
  </si>
  <si>
    <t>01/24/2020 08:19:48</t>
  </si>
  <si>
    <t>01/24/2020 08:21:01</t>
  </si>
  <si>
    <t>01/24/2020 08:21:17</t>
  </si>
  <si>
    <t>lu116801aegdu.tmp</t>
  </si>
  <si>
    <t>\\acsfs\profiles$\dhiulliananads\My Documents\lu116801aegdu.tmp</t>
  </si>
  <si>
    <t>\\acsfs\profiles$\dhiulliananads\My Documents\lu116801aegdu.tmp\</t>
  </si>
  <si>
    <t>\\acsfs\profiles$\dhiulliananads\My Documents\lu116801aegdu.tmp\META-INF\</t>
  </si>
  <si>
    <t>\\acsfs\profiles$\dhiulliananads\My Documents\lu116801aegdu.tmp\Thumbnails\</t>
  </si>
  <si>
    <t>01/24/2020 08:22:19</t>
  </si>
  <si>
    <t>01/24/2020 08:22:53</t>
  </si>
  <si>
    <t>66d55a37-23af-4413-87eb-c90604f9a25f.tmp</t>
  </si>
  <si>
    <t>\\acsfs\profiles$\ERICALSR\Downloads\66d55a37-23af-4413-87eb-c90604f9a25f.tmp</t>
  </si>
  <si>
    <t>01/24/2020 08:18:45</t>
  </si>
  <si>
    <t>a2911885-7d5f-4ce5-a6cc-3745316afa13.tmp</t>
  </si>
  <si>
    <t>\\acsfs\profiles$\laianear\Downloads\a2911885-7d5f-4ce5-a6cc-3745316afa13.tmp</t>
  </si>
  <si>
    <t>01/24/2020 08:18:48</t>
  </si>
  <si>
    <t>68c95a81-2e6b-491b-b7bb-44e2584344dc.tmp</t>
  </si>
  <si>
    <t>\\acsfs\profiles$\laianear\Downloads\68c95a81-2e6b-491b-b7bb-44e2584344dc.tmp</t>
  </si>
  <si>
    <t>01/24/2020 08:19:01</t>
  </si>
  <si>
    <t>32157edb-446b-42a8-9a26-741696800609.tmp</t>
  </si>
  <si>
    <t>\\acsfs\profiles$\laianear\Downloads\32157edb-446b-42a8-9a26-741696800609.tmp</t>
  </si>
  <si>
    <t>01/24/2020 08:19:05</t>
  </si>
  <si>
    <t>74ce7520-4aad-4217-b6e8-75af84b1bfa2.tmp</t>
  </si>
  <si>
    <t>\\acsfs\profiles$\laianear\Downloads\74ce7520-4aad-4217-b6e8-75af84b1bfa2.tmp</t>
  </si>
  <si>
    <t>01/24/2020 08:19:12</t>
  </si>
  <si>
    <t>f2c27ac2-e36f-4a84-b2b1-ad70f1a98a9f.tmp</t>
  </si>
  <si>
    <t>\\acsfs\profiles$\laianear\Downloads\f2c27ac2-e36f-4a84-b2b1-ad70f1a98a9f.tmp</t>
  </si>
  <si>
    <t>01/24/2020 08:18:44</t>
  </si>
  <si>
    <t>01/24/2020 08:23:54</t>
  </si>
  <si>
    <t>01/24/2020 08:20:02</t>
  </si>
  <si>
    <t>093f6d9e-4fa5-48a9-9e3b-bc6a3ddb47dc.tmp</t>
  </si>
  <si>
    <t>\\acsfs\profiles$\DALVADFB\Downloads\093f6d9e-4fa5-48a9-9e3b-bc6a3ddb47dc.tmp</t>
  </si>
  <si>
    <t>01/24/2020 08:22:14</t>
  </si>
  <si>
    <t>mail.google.com/sync/u/0/i/s?hl=pt-BR&amp;c=2923</t>
  </si>
  <si>
    <t>01/24/2020 08:22:39</t>
  </si>
  <si>
    <t>mail.google.com/sync/u/0/i/s?hl=pt-BR&amp;c=2925</t>
  </si>
  <si>
    <t>01/24/2020 08:23:21</t>
  </si>
  <si>
    <t>mail.google.com/sync/u/0/i/s?hl=pt-BR&amp;c=2928</t>
  </si>
  <si>
    <t>01/24/2020 08:23:31</t>
  </si>
  <si>
    <t>mail.google.com/sync/u/0/i/s?hl=pt-BR&amp;c=2930</t>
  </si>
  <si>
    <t>01/24/2020 08:20:40</t>
  </si>
  <si>
    <t>83227a30-64a7-46f1-a013-a606d461f922.tmp</t>
  </si>
  <si>
    <t>\\acsfs\profiles$\larissaad\Downloads\83227a30-64a7-46f1-a013-a606d461f922.tmp</t>
  </si>
  <si>
    <t>01/24/2020 08:20:46</t>
  </si>
  <si>
    <t>01/24/2020 08:24:53</t>
  </si>
  <si>
    <t>mail.google.com/sync/u/0/i/s?hl=pt-BR&amp;c=2394</t>
  </si>
  <si>
    <t>01/24/2020 08:21:19</t>
  </si>
  <si>
    <t>mail.google.com/sync/u/0/i/s?hl=pt-BR&amp;c=2400</t>
  </si>
  <si>
    <t>01/24/2020 08:20:44</t>
  </si>
  <si>
    <t>01/24/2020 08:20:45</t>
  </si>
  <si>
    <t>lu9872zhnbp.tmp</t>
  </si>
  <si>
    <t>\\acsfs\profiles$\VIVIANALDS\My Documents\lu9872zhnbp.tmp</t>
  </si>
  <si>
    <t>\\acsfs\profiles$\VIVIANALDS\My Documents\lu9872zhnbp.tmp\</t>
  </si>
  <si>
    <t>\\acsfs\profiles$\VIVIANALDS\My Documents\lu9872zhnbp.tmp\META-INF\</t>
  </si>
  <si>
    <t>\\acsfs\profiles$\VIVIANALDS\My Documents\lu9872zhnbp.tmp\Thumbnails\</t>
  </si>
  <si>
    <t>01/24/2020 08:24:19</t>
  </si>
  <si>
    <t>01/24/2020 08:25:53</t>
  </si>
  <si>
    <t>de8a9483-69c6-47e8-ab10-d4c7c974ba5c.tmp</t>
  </si>
  <si>
    <t>\\acsfs\profiles$\quindaizaagds\Downloads\de8a9483-69c6-47e8-ab10-d4c7c974ba5c.tmp</t>
  </si>
  <si>
    <t>01/24/2020 08:24:38</t>
  </si>
  <si>
    <t>01/24/2020 08:26:53</t>
  </si>
  <si>
    <t>99df90f0-419a-4ce8-aed1-4f4439cb4dcf.tmp</t>
  </si>
  <si>
    <t>\\acsfs\profiles$\dhiulliananads\Downloads\99df90f0-419a-4ce8-aed1-4f4439cb4dcf.tmp</t>
  </si>
  <si>
    <t>01/24/2020 08:25:05</t>
  </si>
  <si>
    <t>01/24/2020 08:27:53</t>
  </si>
  <si>
    <t>f3665f6f-301a-4d9d-a760-2fda0c3d14e5.tmp</t>
  </si>
  <si>
    <t>\\acsfs\profiles$\lorrainerdl\Downloads\f3665f6f-301a-4d9d-a760-2fda0c3d14e5.tmp</t>
  </si>
  <si>
    <t>01/24/2020 08:25:11</t>
  </si>
  <si>
    <t>df4cdc91-9f38-4273-be23-eaa1e65aaff4.tmp</t>
  </si>
  <si>
    <t>\\acsfs\profiles$\lorrainerdl\Downloads\df4cdc91-9f38-4273-be23-eaa1e65aaff4.tmp</t>
  </si>
  <si>
    <t>01/24/2020 08:26:18</t>
  </si>
  <si>
    <t>0113886d-7c8a-49c2-94fa-9ca05bba02b0.tmp</t>
  </si>
  <si>
    <t>\\acsfs\profiles$\lorrainerdl\Downloads\0113886d-7c8a-49c2-94fa-9ca05bba02b0.tmp</t>
  </si>
  <si>
    <t>01/24/2020 08:28:53</t>
  </si>
  <si>
    <t>01/24/2020 08:27:35</t>
  </si>
  <si>
    <t>.~lock.venda 05.ods#</t>
  </si>
  <si>
    <t>\\acsfs\profiles$\DALVADFB\My Documents\.~lock.venda 05.ods#</t>
  </si>
  <si>
    <t>01/24/2020 08:25:45</t>
  </si>
  <si>
    <t>01/24/2020 08:25:46</t>
  </si>
  <si>
    <t>01/24/2020 08:23:40</t>
  </si>
  <si>
    <t>mail.google.com/sync/u/0/i/s?hl=pt-BR&amp;c=2932</t>
  </si>
  <si>
    <t>01/24/2020 08:23:48</t>
  </si>
  <si>
    <t>mail.google.com/sync/u/0/i/s?hl=pt-BR&amp;c=2934</t>
  </si>
  <si>
    <t>01/24/2020 08:23:50</t>
  </si>
  <si>
    <t>mail.google.com/sync/u/0/i/s?hl=pt-BR&amp;c=2936</t>
  </si>
  <si>
    <t>01/24/2020 08:23:59</t>
  </si>
  <si>
    <t>mail.google.com/sync/u/0/i/s?hl=pt-BR&amp;c=2938</t>
  </si>
  <si>
    <t>mail.google.com/sync/u/0/i/s?hl=pt-BR&amp;c=2940</t>
  </si>
  <si>
    <t>01/24/2020 08:25:16</t>
  </si>
  <si>
    <t>a155a6b3-2d5b-4163-ab54-34146eba1266.tmp</t>
  </si>
  <si>
    <t>\\acsfs\profiles$\larissaad\Downloads\a155a6b3-2d5b-4163-ab54-34146eba1266.tmp</t>
  </si>
  <si>
    <t>01/24/2020 08:26:00</t>
  </si>
  <si>
    <t>01/24/2020 08:29:53</t>
  </si>
  <si>
    <t>7cc6eceb-5694-41b9-9f40-252cacdcc539.tmp</t>
  </si>
  <si>
    <t>\\acsfs\profiles$\maxmillianosv\Downloads\7cc6eceb-5694-41b9-9f40-252cacdcc539.tmp</t>
  </si>
  <si>
    <t>01/24/2020 08:26:50</t>
  </si>
  <si>
    <t>ed3c3a15-7f2a-4fe2-a423-7b2690a8e665.tmp</t>
  </si>
  <si>
    <t>\\acsfs\profiles$\maxmillianosv\Downloads\ed3c3a15-7f2a-4fe2-a423-7b2690a8e665.tmp</t>
  </si>
  <si>
    <t>01/24/2020 08:27:01</t>
  </si>
  <si>
    <t>c72772d0-5f5e-4a56-85bc-9803cc6e63d5.tmp</t>
  </si>
  <si>
    <t>\\acsfs\profiles$\maxmillianosv\Downloads\c72772d0-5f5e-4a56-85bc-9803cc6e63d5.tmp</t>
  </si>
  <si>
    <t>01/24/2020 08:28:29</t>
  </si>
  <si>
    <t>bcdbf8c2-d8e1-4100-8d32-121d1d47da15.tmp</t>
  </si>
  <si>
    <t>\\acsfs\profiles$\KARENDSR\Downloads\bcdbf8c2-d8e1-4100-8d32-121d1d47da15.tmp</t>
  </si>
  <si>
    <t>01/24/2020 08:25:39</t>
  </si>
  <si>
    <t>01/24/2020 08:30:53</t>
  </si>
  <si>
    <t>9a347026-0481-45a1-9bb7-6f9ac25ec8ae.tmp</t>
  </si>
  <si>
    <t>\\acsfs\profiles$\quindaizaagds\Downloads\9a347026-0481-45a1-9bb7-6f9ac25ec8ae.tmp</t>
  </si>
  <si>
    <t>01/24/2020 08:26:17</t>
  </si>
  <si>
    <t>adac06a3-9991-4305-ab7c-273006620545.tmp</t>
  </si>
  <si>
    <t>\\acsfs\profiles$\quindaizaagds\Downloads\adac06a3-9991-4305-ab7c-273006620545.tmp</t>
  </si>
  <si>
    <t>01/24/2020 08:29:07</t>
  </si>
  <si>
    <t>01/24/2020 08:31:53</t>
  </si>
  <si>
    <t>lrydwphmcpxmt_t41bc9sfr4tyvknrmagimhxtypshr0yn2tdhip1aqhigjh99rlbbxd4g0mlvqlshhtmxud4dzn4xcoalqt8mgbaxqmamxlzjnbbgnzu2bl-uxnkp7tcn2a9nbcp65exoeysclynmtp8qo5nzozs_-c8pewop--frgqwyiclervc1fn8olcuwcfkxdxz5zz8_jiz2s2zhy5ebwxh1eemadwg_11yhbpsp7rl2w0evkmq-zv_lcxnib1uf9ceojb61guvil-zspemilnyiu5-hbpnyejteweibt4emkfwi0vo9quwm1qx3;</t>
  </si>
  <si>
    <t>lrydwphmcpxmt_t41bc9sfr4tyvknrmagimhxtypshr0yn2tdhip1aqhigjh99rlbbxd4g0mlvqlshhtmxud4dzn4xcoalqt8mgbaxqmamxlzjnbbgnzu2bl-uxnkp7tcn2a9nbcp65exoeysclynmtp8qo5nzozs_-c8pewop--frgqwyiclervc1fn8olcuwcfkxdxz5zz8_jiz2s2zhy5ebwxh1eemadwg_11yhbpsp7rl2w0evkmq-zv_lcxnib1uf9ceojb61guvil-zspemilnyiu5-hbpnyejteweibt4emkfwi0vo9quwm1qx3</t>
  </si>
  <si>
    <t>01/24/2020 08:29:23</t>
  </si>
  <si>
    <t>01/24/2020 08:29:31</t>
  </si>
  <si>
    <t>01/24/2020 08:29:45</t>
  </si>
  <si>
    <t>01/24/2020 08:29:47</t>
  </si>
  <si>
    <t>01/24/2020 08:29:50</t>
  </si>
  <si>
    <t>01/24/2020 08:26:27</t>
  </si>
  <si>
    <t>d41184d3-1ef8-4aba-a95c-2cb00866d538.tmp</t>
  </si>
  <si>
    <t>\\acsfs\profiles$\dhiulliananads\Downloads\d41184d3-1ef8-4aba-a95c-2cb00866d538.tmp</t>
  </si>
  <si>
    <t>01/24/2020 08:27:46</t>
  </si>
  <si>
    <t>e884f2a1-d764-4f79-8cdc-1281c6cdc8cc.tmp</t>
  </si>
  <si>
    <t>\\acsfs\profiles$\danielac\Downloads\e884f2a1-d764-4f79-8cdc-1281c6cdc8cc.tmp</t>
  </si>
  <si>
    <t>01/24/2020 08:28:37</t>
  </si>
  <si>
    <t>e36158b1-1b41-4253-b6d7-725c2d5c54a1.tmp</t>
  </si>
  <si>
    <t>\\acsfs\profiles$\danielac\Downloads\e36158b1-1b41-4253-b6d7-725c2d5c54a1.tmp</t>
  </si>
  <si>
    <t>01/24/2020 08:30:35</t>
  </si>
  <si>
    <t>47d0d0d0-2104-48c7-9f4e-23a8333015cf.tmp</t>
  </si>
  <si>
    <t>\\acsfs\profiles$\danielac\Downloads\47d0d0d0-2104-48c7-9f4e-23a8333015cf.tmp</t>
  </si>
  <si>
    <t>01/24/2020 08:30:13</t>
  </si>
  <si>
    <t>01/24/2020 08:30:43</t>
  </si>
  <si>
    <t>01/24/2020 08:31:13</t>
  </si>
  <si>
    <t>01/24/2020 08:31:43</t>
  </si>
  <si>
    <t>01/24/2020 08:27:50</t>
  </si>
  <si>
    <t>01/24/2020 08:32:53</t>
  </si>
  <si>
    <t>67de5f3f-18db-4dab-bcec-9ff98b8ff105.tmp</t>
  </si>
  <si>
    <t>\\acsfs\profiles$\anafsb\Downloads\67de5f3f-18db-4dab-bcec-9ff98b8ff105.tmp</t>
  </si>
  <si>
    <t>01/24/2020 08:27:54</t>
  </si>
  <si>
    <t>aa510576-dec3-4166-b292-698a3f60b0ee.tmp</t>
  </si>
  <si>
    <t>\\acsfs\profiles$\anafsb\Downloads\aa510576-dec3-4166-b292-698a3f60b0ee.tmp</t>
  </si>
  <si>
    <t>01/24/2020 08:29:06</t>
  </si>
  <si>
    <t>01/24/2020 08:33:54</t>
  </si>
  <si>
    <t>NATHALIA RIOS MODESTO RODRIGUES_1_6780340672708818146_1_32.wav</t>
  </si>
  <si>
    <t>\\acsfs\Deptos\EDUCACAO EMPRESARIAL\KÉSIA\Ligações 3º ciclo - Janeiro 2020\NATHALIA RIOS MODESTO RODRIGUES_1_6780340672708818146_1_32.wav</t>
  </si>
  <si>
    <t>01/24/2020 08:29:55</t>
  </si>
  <si>
    <t>01/24/2020 08:30:49</t>
  </si>
  <si>
    <t>01/24/2020 08:30:50</t>
  </si>
  <si>
    <t>lu1448040dnx.tmp</t>
  </si>
  <si>
    <t>\\acsfs\profiles$\ALEXANDREMM\lu1448040dnx.tmp</t>
  </si>
  <si>
    <t>\\acsfs\profiles$\ALEXANDREMM\lu1448040dnx.tmp\</t>
  </si>
  <si>
    <t>\\acsfs\profiles$\ALEXANDREMM\lu1448040dnx.tmp\META-INF\</t>
  </si>
  <si>
    <t>\\acsfs\profiles$\ALEXANDREMM\lu1448040dnx.tmp\Thumbnails\</t>
  </si>
  <si>
    <t>01/24/2020 08:31:41</t>
  </si>
  <si>
    <t>01/24/2020 08:31:42</t>
  </si>
  <si>
    <t>lu1448040do1.tmp</t>
  </si>
  <si>
    <t>\\acsfs\profiles$\ALEXANDREMM\lu1448040do1.tmp</t>
  </si>
  <si>
    <t>\\acsfs\profiles$\ALEXANDREMM\lu1448040do1.tmp\</t>
  </si>
  <si>
    <t>\\acsfs\profiles$\ALEXANDREMM\lu1448040do1.tmp\META-INF\</t>
  </si>
  <si>
    <t>\\acsfs\profiles$\ALEXANDREMM\lu1448040do1.tmp\Thumbnails\</t>
  </si>
  <si>
    <t>01/24/2020 08:31:19</t>
  </si>
  <si>
    <t>01/24/2020 08:34:53</t>
  </si>
  <si>
    <t>952b5dc5-ad96-464b-98cb-00d46cb42b0c.tmp</t>
  </si>
  <si>
    <t>\\acsfs\profiles$\maxmillianosv\Downloads\952b5dc5-ad96-464b-98cb-00d46cb42b0c.tmp</t>
  </si>
  <si>
    <t>01/24/2020 08:29:43</t>
  </si>
  <si>
    <t>a012dd23-38d7-40ab-808f-3eafcc0e6298.tmp</t>
  </si>
  <si>
    <t>\\acsfs\profiles$\KARENDSR\Downloads\a012dd23-38d7-40ab-808f-3eafcc0e6298.tmp</t>
  </si>
  <si>
    <t>82f40f1f-f96c-4ae9-87d6-cc180c4db456.tmp</t>
  </si>
  <si>
    <t>\\acsfs\profiles$\KARENDSR\Downloads\82f40f1f-f96c-4ae9-87d6-cc180c4db456.tmp</t>
  </si>
  <si>
    <t>01/24/2020 08:31:51</t>
  </si>
  <si>
    <t>245ea4ba-1f03-4a05-8203-3d8addf4a7c8.tmp</t>
  </si>
  <si>
    <t>\\acsfs\profiles$\geovannasm\Downloads\245ea4ba-1f03-4a05-8203-3d8addf4a7c8.tmp</t>
  </si>
  <si>
    <t>01/24/2020 08:35:53</t>
  </si>
  <si>
    <t>01/24/2020 08:33:30</t>
  </si>
  <si>
    <t>01/24/2020 08:36:54</t>
  </si>
  <si>
    <t>01/24/2020 08:33:31</t>
  </si>
  <si>
    <t>01/24/2020 08:34:15</t>
  </si>
  <si>
    <t>http:///batch/drive/v2internal?%24ct=multipart%2Fmixed%3B%20boundary%3D%22%3D%3D%3D%3D%3Dmz4zrlrsb75n%3D%3D%3D%3D%3D%22&amp;key=AIzaSyAy9VVXHSpS2IJpptzYtGbLP3-3_l0aBk4</t>
  </si>
  <si>
    <t>01/24/2020 08:34:59</t>
  </si>
  <si>
    <t>http:///batch/drive/v2internal?%24ct=multipart%2Fmixed%3B%20boundary%3D%22%3D%3D%3D%3D%3D48mm5lqk4qsv%3D%3D%3D%3D%3D%22&amp;key=AIzaSyAy9VVXHSpS2IJpptzYtGbLP3-3_l0aBk4</t>
  </si>
  <si>
    <t>algartechcpcbv@algartech.com;ancestorhasaugmentedpermissions;andrelpsa@algartech.com;antoniocoj@algartech.com;containsunsubscribedchildren;displayname;domain;emailaddress;file(kind;fileid;filesize;hasthumbnail;hasvisitorpermissions;id;id);items(deleted;ken;kind;lastmodifyinguser(kind;lastviewedbymedate;modifiedbymedate;modifieddate;ontainsunsubscribedchildren;owners(kind;per;permissionid;picture;ricardodfm@algartech.com.br;robsonams@algartech.com;shared;sharedwithmedate;thumbnailversion;title;userpermission(role);workspaceids;</t>
  </si>
  <si>
    <t>http://algartechcpcbv@algartech.com,ancestorhasaugmentedpermissions,andrelpsa@algartech.com,antoniocoj@algartech.com,containsunsubscribedchildren,displayname,domain,emailaddress,file(kind,fileid,filesize,hasthumbnail,hasvisitorpermissions,id,id),items(deleted,ken,kind,lastmodifyinguser(kind,lastviewedbymedate,modifiedbymedate,modifieddate,ontainsunsubscribedchildren,owners(kind,per,permissionid,picture,ricardodfm@algartech.com.br,robsonams@algartech.com,shared,sharedwithmedate,thumbnailversion,title,userpermission(role),workspaceids</t>
  </si>
  <si>
    <t>01/24/2020 08:35:01</t>
  </si>
  <si>
    <t>01/24/2020 08:35:12</t>
  </si>
  <si>
    <t>0;0.669;0.924;0];1.106;1.146];10.156;10.156];12590.950000012526;12591.129999986151;12591.244999988703;12591.305000009015;12591.565000009723;12591.740000003483;1470.9300000104122;1588.3500000054482;15919.920000014827;16073.999999993248;1675.6749999767635;16779.039999993984;16781.62500000326;16782.160000002477;17123.439999995753;17124.990000011167;17329.16500000283;183.2050000084564;18802.120000007562;2.133];2.338;2.542];20.036;20.036];3;336.78499999223277;35907.940;4929.560000018682;5;5.832];503.5799999895971;5171.210000000428;546.5900000126567;6209.230000007665;6625.009999988833;6869.8049999948125;699.0550000045914;745.3149999782909;["https://drive.google.com/_/drive_fe/_/js/k=drive_fe.main.pt_br.nffxplqldqo.o/am=mrqermsehowaga/d=0/ct=zgms/rs=afb8gsyox3bledaf689fikiyvlccb8_q9g/m=help;[null;\"riֹ_x0018_�_x0016_�;;b8_q9g/m=sy13q;ckbdlc";cross-origin-descendant;css;gimh8e;h33ene;hbr2ed;https://addons-pa.clients6.google.com/$rpc/google.internal.apps.addons.v1.addonservice/listinstallations;https://drive-thirdparty.googleuser</t>
  </si>
  <si>
    <t>http://0,0.669,0.924,0],1.106,1.146],10.156,10.156],12590.950000012526,12591.129999986151,12591.244999988703,12591.305000009015,12591.565000009723,12591.740000003483,1470.9300000104122,1588.3500000054482,15919.920000014827,16073.999999993248,1675.6749999767635,16779.039999993984,16781.62500000326,16782.160000002477,17123.439999995753,17124.990000011167,17329.16500000283,183.2050000084564,18802.120000007562,2.133],2.338,2.542],20.036,20.036],3,336.78499999223277,35907.940,4929.560000018682,5,5.832],503.5799999895971,5171.210000000428,546.5900000126567,6209.230000007665,6625.009999988833,6869.8049999948125,699.0550000045914,745.3149999782909,["https://drive.google.com/_/drive_fe/_/js/k=drive_fe.main.pt_br.nffxplqldqo.o/am=mrqermsehowaga/d=0/ct=zgms/rs=afb8gsyox3bledaf689fikiyvlccb8_q9g/m=help,[null,\"riֹ_x0018_�_x0016_�;,b8_q9g/m=sy13q,ckbdlc",cross-origin-descendant,css,gimh8e,h33ene,hbr2ed,https://addons-pa.clients6.google.com/$rpc/google.internal.apps.addons.v1.addonservice/listinstallations,https://drive-thirdparty.goo</t>
  </si>
  <si>
    <t>01/24/2020 08:35:14</t>
  </si>
  <si>
    <t>http:///batch/drive/v2internal?%24ct=multipart%2Fmixed%3B%20boundary%3D%22%3D%3D%3D%3D%3Dlz2jzfi5zj89%3D%3D%3D%3D%3D%22&amp;key=AIzaSyAy9VVXHSpS2IJpptzYtGbLP3-3_l0aBk4</t>
  </si>
  <si>
    <t>01/24/2020 08:35:15</t>
  </si>
  <si>
    <t>http:///batch/drive/v2internal?%24ct=multipart%2Fmixed%3B%20boundary%3D%22%3D%3D%3D%3D%3Dia3zkerpqxor%3D%3D%3D%3D%3D%22&amp;key=AIzaSyAy9VVXHSpS2IJpptzYtGbLP3-3_l0aBk4</t>
  </si>
  <si>
    <t>01/24/2020 08:33:43</t>
  </si>
  <si>
    <t>01/24/2020 08:34:13</t>
  </si>
  <si>
    <t>01/24/2020 08:35:57</t>
  </si>
  <si>
    <t>01/24/2020 08:37:53</t>
  </si>
  <si>
    <t>d8dceb72-952f-4563-b2e4-ec47614fa70f.tmp</t>
  </si>
  <si>
    <t>\\acsfs\profiles$\laianear\Downloads\d8dceb72-952f-4563-b2e4-ec47614fa70f.tmp</t>
  </si>
  <si>
    <t>01/24/2020 08:38:54</t>
  </si>
  <si>
    <t>01/24/2020 08:33:59</t>
  </si>
  <si>
    <t>aa32434f-80f6-4ece-88b8-e4fb65acffd0.tmp</t>
  </si>
  <si>
    <t>\\acsfs\profiles$\lucasgpe\Downloads\aa32434f-80f6-4ece-88b8-e4fb65acffd0.tmp</t>
  </si>
  <si>
    <t>01/24/2020 08:34:34</t>
  </si>
  <si>
    <t>01/24/2020 08:39:53</t>
  </si>
  <si>
    <t>13938e2a-bb8d-4f27-9042-d97262c1ee18.tmp</t>
  </si>
  <si>
    <t>\\acsfs\profiles$\maxmillianosv\Downloads\13938e2a-bb8d-4f27-9042-d97262c1ee18.tmp</t>
  </si>
  <si>
    <t>01/24/2020 08:39:06</t>
  </si>
  <si>
    <t>a90ab03e-5bb3-421d-b456-f515dd90d710.tmp</t>
  </si>
  <si>
    <t>\\acsfs\profiles$\mariajra\Downloads\a90ab03e-5bb3-421d-b456-f515dd90d710.tmp</t>
  </si>
  <si>
    <t>01/24/2020 08:40:54</t>
  </si>
  <si>
    <t>01/24/2020 08:37:11</t>
  </si>
  <si>
    <t>01/24/2020 08:41:53</t>
  </si>
  <si>
    <t>01/24/2020 08:37:50</t>
  </si>
  <si>
    <t>01/24/2020 08:37:54</t>
  </si>
  <si>
    <t>01/24/2020 08:39:30</t>
  </si>
  <si>
    <t>01/24/2020 08:37:01</t>
  </si>
  <si>
    <t>8a486b60-406a-4031-ac8b-2587dbecc2de.tmp</t>
  </si>
  <si>
    <t>\\acsfs\profiles$\wedersonbadr\My Documents\My Music\8a486b60-406a-4031-ac8b-2587dbecc2de.tmp</t>
  </si>
  <si>
    <t>01/24/2020 08:36:58</t>
  </si>
  <si>
    <t>http:///batch/drive/v2internal?%24ct=multipart%2Fmixed%3B%20boundary%3D%22%3D%3D%3D%3D%3Drkr0xfbwg7ue%3D%3D%3D%3D%3D%22&amp;key=AIzaSyAy9VVXHSpS2IJpptzYtGbLP3-3_l0aBk4</t>
  </si>
  <si>
    <t>01/24/2020 08:37:00</t>
  </si>
  <si>
    <t>http:///batch/drive/v2internal?%24ct=multipart%2Fmixed%3B%20boundary%3D%22%3D%3D%3D%3D%3D5iel6wfl1p8e%3D%3D%3D%3D%3D%22&amp;key=AIzaSyAy9VVXHSpS2IJpptzYtGbLP3-3_l0aBk4</t>
  </si>
  <si>
    <t>http:///batch/drive/v2internal?%24ct=multipart%2Fmixed%3B%20boundary%3D%22%3D%3D%3D%3D%3Dgllkz5toap8q%3D%3D%3D%3D%3D%22&amp;key=AIzaSyAy9VVXHSpS2IJpptzYtGbLP3-3_l0aBk4</t>
  </si>
  <si>
    <t>ancestorhasaugmentedpermissions;ap8q===== cont;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http://ancestorhasaugmentedpermissions,ap8q===== cont,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t>
  </si>
  <si>
    <t>01/24/2020 08:37:23</t>
  </si>
  <si>
    <t>http:///batch/drive/v2internal?%24ct=multipart%2Fmixed%3B%20boundary%3D%22%3D%3D%3D%3D%3Drx0trlrvdsj%3D%3D%3D%3D%3D%22&amp;key=AIzaSyAy9VVXHSpS2IJpptzYtGbLP3-3_l0aBk4</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missionid;picture;shared;sharedwithmedate;thumbnailversion;title;userpermission(role);workspaceids;y2sxkbo5vqn_afk-vnclgdu7hafdnob2tju7-aartnk35a1xetm09w7viem2irpcxptkbxqevhhgjeh2lgkd0azi3xpgmlox4k-llt9afs3f_50jz7se3feytu6k08x31rqnm1t1x_ggjtzzix_ydomkypxxieknomhwf5utnbvubvrdpnrnqqvhmc0ycmrvpcvmgqow2mjtsrxu345ktfcw7km85lqlrfd78d2ch5udinldzobpt4-wgyfkkubrii0u7oa;</t>
  </si>
  <si>
    <t>http://ancestorhasaugmentedpermissions,containsunsubscribedchildren,displayname,domain,emailaddress,file(kind,fileid,filesize,hasthumbnail,hasvisitorpermissions,id,id),items(deleted,ken,kind,lastmodifyinguser(kind,lastviewedbymedate,modifiedbymedate,modifieddate,ontainsunsubscribedchildren,owners(kind,permissionid,picture,shared,sharedwithmedate,thumbnailversion,title,userpermission(role),workspaceids,y2sxkbo5vqn_afk-vnclgdu7hafdnob2tju7-aartnk35a1xetm09w7viem2irpcxptkbxqevhhgjeh2lgkd0azi3xpgmlox4k-llt9afs3f_50jz7se3feytu6k08x31rqnm1t1x_ggjtzzix_ydomkypxxieknomhwf5utnbvubvrdpnrnqqvhmc0ycmrvpcvmgqow2mjtsrxu345ktfcw7km85lqlrfd78d2ch5udinldzobpt4-wgyfkkubrii0u7oa</t>
  </si>
  <si>
    <t>01/24/2020 08:37:24</t>
  </si>
  <si>
    <t>http:///batch/drive/v2internal?%24ct=multipart%2Fmixed%3B%20boundary%3D%22%3D%3D%3D%3D%3Di4qpfuqq8hla%3D%3D%3D%3D%3D%22&amp;key=AIzaSyAy9VVXHSpS2IJpptzYtGbLP3-3_l0aBk4</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y2sxkbo5vqn_afk-vnclgdu7hafdnob2tju7-aartnk35a1xetm09w7viem2irpcxptkbxqevhhgjeh2lgkd0azi3xpgmlox4k-llt9afs3f_50jz7se3feytu6k08x31rqnm1t1x_ggjtzzix_ydomkypxxieknomhwf5utnbvubvrdpnrnqqvhmc0ycmrvpcvmgqow2mjtsrxu345ktfcw7km85lqlrfd78d2ch5udinldzobpt4-wgyfkkubrii0u7oa;</t>
  </si>
  <si>
    <t>http://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y2sxkbo5vqn_afk-vnclgdu7hafdnob2tju7-aartnk35a1xetm09w7viem2irpcxptkbxqevhhgjeh2lgkd0azi3xpgmlox4k-llt9afs3f_50jz7se3feytu6k08x31rqnm1t1x_ggjtzzix_ydomkypxxieknomhwf5utnbvubvrdpnrnqqvhmc0ycmrvpcvmgqow2mjtsrxu345ktfcw7km85lqlrfd78d2ch5udinldzobpt4-wgyfkkubrii0u7oa</t>
  </si>
  <si>
    <t>01/24/2020 08:37:25</t>
  </si>
  <si>
    <t>http:///batch/drive/v2internal?%24ct=multipart%2Fmixed%3B%20boundary%3D%22%3D%3D%3D%3D%3Daf399nppgscw%3D%3D%3D%3D%3D%22&amp;key=AIzaSyAy9VVXHSpS2IJpptzYtGbLP3-3_l0aBk4</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permissionid,picture,shared,sharedwithmedate,thumbnailversion,title,userpermission(role),workspaceids,y2sxkbo5vqn_afk-vnclgdu7hafdnob2tju7-aartnk35a1xetm09w7viem2irpcxptkbxqevhhgjeh2lgkd0azi3xpgmlox4k-llt9afs3f_50jz7se3feytu6k08x31rqnm1t1x_ggjtzzix_ydomkypxxieknomhwf5utnbvubvrdpnrnqqvhmc0ycmrvpcvmgqow2mjtsrxu345ktfcw7km85lqlrfd78d2ch5udinldzobpt4-wgyfkkubrii0u7oa</t>
  </si>
  <si>
    <t>01/24/2020 08:37:57</t>
  </si>
  <si>
    <t>01/24/2020 08:39:33</t>
  </si>
  <si>
    <t>01/24/2020 08:39:51</t>
  </si>
  <si>
    <t>01/24/2020 08:39:55</t>
  </si>
  <si>
    <t>01/24/2020 08:39:59</t>
  </si>
  <si>
    <t>"mozilla/5.0 (windows nt 6.1) applewebkit/537.36 (khtml;0;1;10000];13;13700014;13700109;13700167;13700185;13700235;13700451;13700563;13700607;13700883;13700951;13700982;13701078;13701139;13701207;13701214;13701235;13701239;13701262;13701276;13701298;13701418;13701422;13701430;13701450;13701458;13701486;13701506;13701510;13701534;13701537;13701573;13701577;13701589;13701609;13701613;13701625;13701653;13701657;13701693;13701709;13701749;13701825;13701833;13701901]];13701901]]];13701905;13701909;13701921;13701945;13701949;13701953;13701957;13701969;13702016;13702036;13702064;13702068;13702084;13702088;1579865649447000;1579865652509000;4;5701393;6.1;86;95;["mozilla/5.0 (windows nt 6.1) applewebkit/537.36 (khtml;[1;[[13701781;[[null;[];[false;[null;adfn-cuyiavgp5s0wn00blc4yk_2rmrm2fck1wqwebe_n2bvw--we8u64usjotc5210_emvsyftr;drive.web-frontend_20200114.00_p4;false;false];false]];fuigjgodtnqnjq";ken=ac4w5vjtavx5c1iyd6elwmrguhy80xxs-a:1579865649443&amp;buildlabel=drive.web-frontend_20200114.00_p4;like gecko) chrome/79.0.</t>
  </si>
  <si>
    <t>"mozilla/5.0 (windows nt 6.1) applewebkit/537.36 (khtml,0,1,10000],13,13700014,13700109,13700167,13700185,13700235,13700451,13700563,13700607,13700883,13700951,13700982,13701078,13701139,13701207,13701214,13701235,13701239,13701262,13701276,13701298,13701418,13701422,13701430,13701450,13701458,13701486,13701506,13701510,13701534,13701537,13701573,13701577,13701589,13701609,13701613,13701625,13701653,13701657,13701693,13701709,13701749,13701825,13701833,13701901]],13701901]]],13701905,13701909,13701921,13701945,13701949,13701953,13701957,13701969,13702016,13702036,13702064,13702068,13702084,13702088,1579865649447000,1579865652509000,4,5701393,6.1,86,95,["mozilla/5.0 (windows nt 6.1) applewebkit/537.36 (khtml,[1,[[13701781,[[null,[],[false,[null,adfn-cuyiavgp5s0wn00blc4yk_2rmrm2fck1wqwebe_n2bvw--we8u64usjotc5210_emvsyftr,drive.web-frontend_20200114.00_p4,false,false],false]],fuigjgodtnqnjq",ken=ac4w5vjtavx5c1iyd6elwmrguhy80xxs-a:1579865649443&amp;buildlabel=drive.web-frontend_20200114.00_p4,like gecko) chrome/79.0.</t>
  </si>
  <si>
    <t>01/24/2020 08:40:03</t>
  </si>
  <si>
    <t>01/24/2020 08:40:15</t>
  </si>
  <si>
    <t>01/24/2020 08:40:22</t>
  </si>
  <si>
    <t>01/24/2020 08:40:30</t>
  </si>
  <si>
    <t>01/24/2020 08:40:31</t>
  </si>
  <si>
    <t>http:///batch/drive/v2internal?%24ct=multipart%2Fmixed%3B%20boundary%3D%22%3D%3D%3D%3D%3D5v2k3ddiak6u%3D%3D%3D%3D%3D%22&amp;key=AIzaSyAy9VVXHSpS2IJpptzYtGbLP3-3_l0aBk4</t>
  </si>
  <si>
    <t>01/24/2020 08:40:32</t>
  </si>
  <si>
    <t>http:///batch/drive/v2internal?%24ct=multipart%2Fmixed%3B%20boundary%3D%22%3D%3D%3D%3D%3D4uuhq1qo4cev%3D%3D%3D%3D%3D%22&amp;key=AIzaSyAy9VVXHSpS2IJpptzYtGbLP3-3_l0aBk4</t>
  </si>
  <si>
    <t>01/24/2020 08:40:49</t>
  </si>
  <si>
    <t>1579716771631;326881640;53;[];[]]];false;null;rus9ehrdptcvlo8dugd5roc1ojaf04nqkst17vgboxbt1rqo25jlf9_cdvxwtg\";true]";</t>
  </si>
  <si>
    <t>1579716771631,326881640,53,[],[]]],false,null,rus9ehrdptcvlo8dugd5roc1ojaf04nqkst17vgboxbt1rqo25jlf9_cdvxwtg\",true]"</t>
  </si>
  <si>
    <t>01/24/2020 08:41:04</t>
  </si>
  <si>
    <t>"mozilla/5.0 (windows nt 6.1) applewebkit/537.36 (khtml;.�8'�f� =z�1_x0010_hk�_x0007_؆^�a��ty_x0018_� �;1;13;1370;13700235;13700883;13701207;13701235;13701262;13701276;13701418;13701422;13701430;13701506;13701510;13701537;13701577;13701613;13701784;13701833;13701905;13701945;13701953;13701969;13702088;1579699809283000;1579699810700000;1579717373583;1579717674581;326881640;55;56;5701393;[[13700185;[];[]]];adfn-cvs_qg5nlh24sgkozd4wqzeuuw-q3gfcugwdwm2brzd60-ryfcucqdwzbqbocm6f7ilrajd;fa3g0gqd-s8mca";false;false];ken=ac4w5vgy5w9fayfw7g_flvpiainrsfoeag:1579699809277&amp;buildlabel=drive.web-frontend_20200108.00_p2������_x001E_�_x0005_�?��h�;s�r;_x0005_nv������(�_x0001_�j 8�������w��q���_x001F_�(��0_x0010_���2 .�_x001C__x0012_ֵ����o_x0019_t�i� _x0011_ߤg�uƠ!a��h�j�pj!�s��_x000F_ѣ�_x000F_a�`�_x001E_u���r�ui�_x0007_f��;like gecko) chrome/79.0.3945.130 safari/537.36";null;pt-br;rus9ehrdptcvlo8dugd5loc1oihnnsjo2xwrnnhoh3k0_ig5mip2vg5hgx4vha\";rus9ehrdptcvlo8dugd67oc1oj-lhrccc1myqox_7_bibfghrbtcbdt-gwjp6y\";true]";uk4��q���@~�5���ԇ����p�@5:k_x001F_cmr_x0002_�ҳ���5���dko�^Ճ��h�_x0018_���&lt;�m�_x0011_�Ⱦ�_g�u�d�1�� �_x000F_���_x0003_�i�횛_x0014_�9�'�މƫm�_x0011__x0004_&lt;� ����_x001A_s\~q��_x0019_�</t>
  </si>
  <si>
    <t>"mozilla/5.0 (windows nt 6.1) applewebkit/537.36 (khtml,.�8'�f� =z�1_x0010_hk�_x0007_؆^�a��ty_x0018_� �,1,13,1370,13700235,13700883,13701207,13701235,13701262,13701276,13701418,13701422,13701430,13701506,13701510,13701537,13701577,13701613,13701784,13701833,13701905,13701945,13701953,13701969,13702088,1579699809283000,1579699810700000,1579717373583,1579717674581,326881640,55,56,5701393,[[13700185,[],[]]],adfn-cvs_qg5nlh24sgkozd4wqzeuuw-q3gfcugwdwm2brzd60-ryfcucqdwzbqbocm6f7ilrajd,fa3g0gqd-s8mca",false,false],ken=ac4w5vgy5w9fayfw7g_flvpiainrsfoeag:1579699809277&amp;buildlabel=drive.web-frontend_20200108.00_p2������_x001E_�_x0005_�?��h�;s�r;_x0005_nv������(�_x0001_�j 8�������w��q���_x001F_�(��0_x0010_���2 .�_x001C__x0012_ֵ����o_x0019_t�i� _x0011_ߤg�uƠ!a��h�j�pj!�s��_x000F_ѣ�_x000F_a�`�_x001E_u���r�ui�_x0007_f��,like gecko) chrome/79.0.3945.130 safari/537.36",null,pt-br,rus9ehrdptcvlo8dugd5loc1oihnnsjo2xwrnnhoh3k0_ig5mip2vg5hgx4vha\",rus9ehrdptcvlo8dugd67oc1oj-lhrccc1myqox_7_bibfghrbtcbdt-gwjp6y\",true]",uk4��q���@~�5���ԇ����p�@5:k_x001F_cmr_x0002_�ҳ���5���dko�^Ճ��h�_x0018_���&lt;�m�_x0011_�Ⱦ�_g�u�d�1�� �_x000F_���_x0003_�i�횛_x0014_�9�'�މƫm�_x0011__x0004_&lt;� ����_x001A_s\~q��_x0019_�</t>
  </si>
  <si>
    <t>01/24/2020 08:37:14</t>
  </si>
  <si>
    <t>01/24/2020 08:37:44</t>
  </si>
  <si>
    <t>01/24/2020 08:38:14</t>
  </si>
  <si>
    <t>01/24/2020 08:39:48</t>
  </si>
  <si>
    <t>01/24/2020 08:42:54</t>
  </si>
  <si>
    <t>44b5c964-267b-4d6d-b6db-6e18417a2c88.tmp</t>
  </si>
  <si>
    <t>\\acsfs\profiles$\lorrainerdl\Downloads\44b5c964-267b-4d6d-b6db-6e18417a2c88.tmp</t>
  </si>
  <si>
    <t>01/24/2020 08:43:53</t>
  </si>
  <si>
    <t>01/24/2020 08:42:13</t>
  </si>
  <si>
    <t>01/24/2020 08:41:30</t>
  </si>
  <si>
    <t>01/24/2020 08:42:41</t>
  </si>
  <si>
    <t>01/24/2020 08:44:53</t>
  </si>
  <si>
    <t>01/24/2020 08:45:53</t>
  </si>
  <si>
    <t>01/24/2020 08:45:22</t>
  </si>
  <si>
    <t>01/24/2020 08:46:53</t>
  </si>
  <si>
    <t>01/24/2020 08:45:09</t>
  </si>
  <si>
    <t>974057c1-b472-4eac-9b51-5f84c5714071.tmp</t>
  </si>
  <si>
    <t>\\acsfs\profiles$\wedersonbadr\My Documents\My Music\974057c1-b472-4eac-9b51-5f84c5714071.tmp</t>
  </si>
  <si>
    <t>01/24/2020 08:42:44</t>
  </si>
  <si>
    <t>01/24/2020 08:43:44</t>
  </si>
  <si>
    <t>01/24/2020 08:44:44</t>
  </si>
  <si>
    <t>01/24/2020 08:45:14</t>
  </si>
  <si>
    <t>01/24/2020 08:50:53</t>
  </si>
  <si>
    <t>01/24/2020 08:47:14</t>
  </si>
  <si>
    <t>7239652b-dbae-45ee-b1f3-72cb8cfb4d97.tmp</t>
  </si>
  <si>
    <t>\\acsfs\profiles$\nathaliarmr\Downloads\7239652b-dbae-45ee-b1f3-72cb8cfb4d97.tmp</t>
  </si>
  <si>
    <t>01/24/2020 08:48:08</t>
  </si>
  <si>
    <t>0ec2c42a-327a-438c-ab28-832ea92d48c9.tmp</t>
  </si>
  <si>
    <t>\\acsfs\profiles$\nathaliarmr\Downloads\0ec2c42a-327a-438c-ab28-832ea92d48c9.tmp</t>
  </si>
  <si>
    <t>01/24/2020 08:48:55</t>
  </si>
  <si>
    <t>01/24/2020 08:51:53</t>
  </si>
  <si>
    <t>6b57258d-0c7f-4dc7-be37-9e831c3efd9b.tmp</t>
  </si>
  <si>
    <t>\\acsfs\profiles$\ALYNYA\Downloads\6b57258d-0c7f-4dc7-be37-9e831c3efd9b.tmp</t>
  </si>
  <si>
    <t>01/24/2020 08:48:14</t>
  </si>
  <si>
    <t>01/24/2020 08:48:44</t>
  </si>
  <si>
    <t>01/24/2020 08:49:45</t>
  </si>
  <si>
    <t>01/24/2020 08:50:15</t>
  </si>
  <si>
    <t>01/24/2020 08:50:45</t>
  </si>
  <si>
    <t>01/24/2020 08:51:15</t>
  </si>
  <si>
    <t>01/24/2020 08:51:45</t>
  </si>
  <si>
    <t>01/24/2020 08:48:01</t>
  </si>
  <si>
    <t>01/24/2020 08:52:53</t>
  </si>
  <si>
    <t>3e09f567-5c28-485b-86dd-513e76a5ef66.tmp</t>
  </si>
  <si>
    <t>\\acsfs\profiles$\nayarasds\Downloads\3e09f567-5c28-485b-86dd-513e76a5ef66.tmp</t>
  </si>
  <si>
    <t>01/24/2020 08:51:43</t>
  </si>
  <si>
    <t>b50bf0b3-09d2-4b75-88e8-ceb54916f230.tmp</t>
  </si>
  <si>
    <t>\\acsfs\profiles$\gabrielaff\Downloads\b50bf0b3-09d2-4b75-88e8-ceb54916f230.tmp</t>
  </si>
  <si>
    <t>01/24/2020 08:53:53</t>
  </si>
  <si>
    <t>01/24/2020 08:49:50</t>
  </si>
  <si>
    <t>01/24/2020 08:50:03</t>
  </si>
  <si>
    <t>01/24/2020 08:54:54</t>
  </si>
  <si>
    <t>01/24/2020 08:52:34</t>
  </si>
  <si>
    <t>4aa29d5f-a44f-4b86-8ac6-876357e39b78.tmp</t>
  </si>
  <si>
    <t>\\acsfs\profiles$\lorraynevam\Downloads\4aa29d5f-a44f-4b86-8ac6-876357e39b78.tmp</t>
  </si>
  <si>
    <t>01/24/2020 08:50:17</t>
  </si>
  <si>
    <t>bfd22536-f8ce-4d90-bccc-4155401afd88.tmp</t>
  </si>
  <si>
    <t>\\acsfs\profiles$\yurics\Downloads\bfd22536-f8ce-4d90-bccc-4155401afd88.tmp</t>
  </si>
  <si>
    <t>01/24/2020 08:53:46</t>
  </si>
  <si>
    <t>01/24/2020 08:55:53</t>
  </si>
  <si>
    <t>10.200.66.52</t>
  </si>
  <si>
    <t>4754db4a-caa2-46ae-8c62-ee7fae3b0de1.tmp</t>
  </si>
  <si>
    <t>\\acsfs\profiles$\esterasg\Downloads\4754db4a-caa2-46ae-8c62-ee7fae3b0de1.tmp</t>
  </si>
  <si>
    <t>01/24/2020 08:54:14</t>
  </si>
  <si>
    <t>66d84805-ab8c-449a-a0c7-849d58f5b2a5.tmp</t>
  </si>
  <si>
    <t>\\acsfs\profiles$\esterasg\Downloads\66d84805-ab8c-449a-a0c7-849d58f5b2a5.tmp</t>
  </si>
  <si>
    <t>01/24/2020 08:54:36</t>
  </si>
  <si>
    <t>eb1d9696-f307-47d8-819e-52a29ce153b2.tmp</t>
  </si>
  <si>
    <t>\\acsfs\profiles$\esterasg\Downloads\eb1d9696-f307-47d8-819e-52a29ce153b2.tmp</t>
  </si>
  <si>
    <t>01/24/2020 08:52:59</t>
  </si>
  <si>
    <t>01/24/2020 08:56:54</t>
  </si>
  <si>
    <t>01/24/2020 08:53:42</t>
  </si>
  <si>
    <t>01/24/2020 08:54:17</t>
  </si>
  <si>
    <t>01/24/2020 08:52:45</t>
  </si>
  <si>
    <t>01/24/2020 08:53:15</t>
  </si>
  <si>
    <t>01/24/2020 08:54:15</t>
  </si>
  <si>
    <t>01/24/2020 08:54:45</t>
  </si>
  <si>
    <t>01/24/2020 08:55:21</t>
  </si>
  <si>
    <t>01/24/2020 08:57:53</t>
  </si>
  <si>
    <t>127555ad-8695-4816-b955-f866c09e9a49.tmp</t>
  </si>
  <si>
    <t>\\acsfs\profiles$\lorrainerdl\Downloads\127555ad-8695-4816-b955-f866c09e9a49.tmp</t>
  </si>
  <si>
    <t>01/24/2020 08:56:28</t>
  </si>
  <si>
    <t>0b7718f1-fa11-4427-8a29-ed1e5e54ed23.tmp</t>
  </si>
  <si>
    <t>\\acsfs\profiles$\lorrainerdl\Downloads\0b7718f1-fa11-4427-8a29-ed1e5e54ed23.tmp</t>
  </si>
  <si>
    <t>01/24/2020 08:56:04</t>
  </si>
  <si>
    <t>26eb694e-3969-4b1e-8750-671843c1dbb3.tmp</t>
  </si>
  <si>
    <t>\\acsfs\profiles$\danielmlds\Downloads\26eb694e-3969-4b1e-8750-671843c1dbb3.tmp</t>
  </si>
  <si>
    <t>01/24/2020 08:57:13</t>
  </si>
  <si>
    <t>7f25c8c5-11bb-4724-8567-9cea05144a46.tmp</t>
  </si>
  <si>
    <t>\\acsfs\profiles$\danielmlds\Downloads\7f25c8c5-11bb-4724-8567-9cea05144a46.tmp</t>
  </si>
  <si>
    <t>01/24/2020 08:54:48</t>
  </si>
  <si>
    <t>01/24/2020 08:58:53</t>
  </si>
  <si>
    <t>61952767-626e-4aac-b58d-918e325307f4.tmp</t>
  </si>
  <si>
    <t>\\acsfs\profiles$\larissaad\Downloads\61952767-626e-4aac-b58d-918e325307f4.tmp</t>
  </si>
  <si>
    <t>01/24/2020 08:59:53</t>
  </si>
  <si>
    <t>01/24/2020 08:54:29</t>
  </si>
  <si>
    <t>01/24/2020 08:59:35</t>
  </si>
  <si>
    <t>8ff2816a-ab71-41a2-87a4-73eaef53635f.tmp</t>
  </si>
  <si>
    <t>\\acsfs\profiles$\yurics\Downloads\8ff2816a-ab71-41a2-87a4-73eaef53635f.tmp</t>
  </si>
  <si>
    <t>01/24/2020 08:55:16</t>
  </si>
  <si>
    <t>01/24/2020 09:00:53</t>
  </si>
  <si>
    <t>fc834715-7e7a-4b99-ae51-c9732831bb88.tmp</t>
  </si>
  <si>
    <t>\\acsfs\profiles$\esterasg\Downloads\fc834715-7e7a-4b99-ae51-c9732831bb88.tmp</t>
  </si>
  <si>
    <t>01/24/2020 08:56:50</t>
  </si>
  <si>
    <t>3807c3b9-7589-42dd-90f4-c72d27ea9ac0.tmp</t>
  </si>
  <si>
    <t>\\acsfs\profiles$\esterasg\Downloads\3807c3b9-7589-42dd-90f4-c72d27ea9ac0.tmp</t>
  </si>
  <si>
    <t>01/24/2020 08:56:53</t>
  </si>
  <si>
    <t>b3ea0fe1-f007-4543-b7d5-298a8d456577.tmp</t>
  </si>
  <si>
    <t>\\acsfs\profiles$\esterasg\Downloads\b3ea0fe1-f007-4543-b7d5-298a8d456577.tmp</t>
  </si>
  <si>
    <t>larissaeds@bv.algartech.com</t>
  </si>
  <si>
    <t>https://udpmailboxap01/h/search?si=0&amp;so=0&amp;sc=84522&amp;sfi=2&amp;st=conversation&amp;action=compose&amp;id=602&amp;paction=view&amp;rf=html&amp;op=reply</t>
  </si>
  <si>
    <t>01/24/2020 08:57:03</t>
  </si>
  <si>
    <t>01/24/2020 08:56:20</t>
  </si>
  <si>
    <t>01/24/2020 09:01:53</t>
  </si>
  <si>
    <t>01/24/2020 08:58:03</t>
  </si>
  <si>
    <t>c4881d6e-e850-4df0-811a-1e44a3bfeeae.tmp</t>
  </si>
  <si>
    <t>\\acsfs\profiles$\gabriellalpr\Downloads\c4881d6e-e850-4df0-811a-1e44a3bfeeae.tmp</t>
  </si>
  <si>
    <t>ce72d7ff-63fb-4ab0-b471-d9237372e467.tmp</t>
  </si>
  <si>
    <t>\\acsfs\profiles$\gabriellalpr\Downloads\ce72d7ff-63fb-4ab0-b471-d9237372e467.tmp</t>
  </si>
  <si>
    <t>01/24/2020 08:59:56</t>
  </si>
  <si>
    <t>97481646-42eb-4186-bd2e-39c72949c90d.tmp</t>
  </si>
  <si>
    <t>\\acsfs\profiles$\gabriellalpr\Downloads\97481646-42eb-4186-bd2e-39c72949c90d.tmp</t>
  </si>
  <si>
    <t>01/24/2020 09:00:18</t>
  </si>
  <si>
    <t>4d9a3964-8ff8-40a8-a856-85dc7745e38d.tmp</t>
  </si>
  <si>
    <t>\\acsfs\profiles$\gabriellalpr\Downloads\4d9a3964-8ff8-40a8-a856-85dc7745e38d.tmp</t>
  </si>
  <si>
    <t>01/24/2020 08:57:35</t>
  </si>
  <si>
    <t>2a22c7f7-5b4d-4713-8e83-40d773e03c52.tmp</t>
  </si>
  <si>
    <t>\\acsfs\profiles$\talitafdc\Downloads\2a22c7f7-5b4d-4713-8e83-40d773e03c52.tmp</t>
  </si>
  <si>
    <t>01/24/2020 08:58:39</t>
  </si>
  <si>
    <t>474c4b52-dd68-4b9b-ac81-23eafab96096.tmp</t>
  </si>
  <si>
    <t>\\acsfs\profiles$\talitafdc\Downloads\474c4b52-dd68-4b9b-ac81-23eafab96096.tmp</t>
  </si>
  <si>
    <t>01/24/2020 08:59:07</t>
  </si>
  <si>
    <t>dcdf832f-e275-4c86-9807-a3be3c36ffd8.tmp</t>
  </si>
  <si>
    <t>\\acsfs\profiles$\talitafdc\Downloads\dcdf832f-e275-4c86-9807-a3be3c36ffd8.tmp</t>
  </si>
  <si>
    <t>01/24/2020 08:57:15</t>
  </si>
  <si>
    <t>01/24/2020 08:57:45</t>
  </si>
  <si>
    <t>01/24/2020 09:00:15</t>
  </si>
  <si>
    <t>01/24/2020 09:00:45</t>
  </si>
  <si>
    <t>01/24/2020 08:58:47</t>
  </si>
  <si>
    <t>b25fadb4-b531-4f8d-9d3a-27fcf9157c13.tmp</t>
  </si>
  <si>
    <t>\\acsfs\profiles$\nataliacsl\Downloads\b25fadb4-b531-4f8d-9d3a-27fcf9157c13.tmp</t>
  </si>
  <si>
    <t>01/24/2020 08:59:29</t>
  </si>
  <si>
    <t>03da62a8-483b-4005-97df-b801691bceca.tmp</t>
  </si>
  <si>
    <t>\\acsfs\profiles$\nataliacsl\Downloads\03da62a8-483b-4005-97df-b801691bceca.tmp</t>
  </si>
  <si>
    <t>01/24/2020 09:00:39</t>
  </si>
  <si>
    <t>7afe9763-d812-43bf-a89e-7c5324b5b6c0.tmp</t>
  </si>
  <si>
    <t>\\acsfs\profiles$\nataliacsl\Downloads\7afe9763-d812-43bf-a89e-7c5324b5b6c0.tmp</t>
  </si>
  <si>
    <t>01/24/2020 09:00:43</t>
  </si>
  <si>
    <t>01/24/2020 09:03:53</t>
  </si>
  <si>
    <t>.~lock.jalile.ods#</t>
  </si>
  <si>
    <t>\\acsfs\profiles$\jalilebds\My Documents\.~lock.jalile.ods#</t>
  </si>
  <si>
    <t>01/24/2020 09:01:50</t>
  </si>
  <si>
    <t>01/24/2020 09:01:37</t>
  </si>
  <si>
    <t>01/24/2020 09:04:53</t>
  </si>
  <si>
    <t>30db7572-12d1-4085-bbe1-a3cf538120db.tmp</t>
  </si>
  <si>
    <t>\\acsfs\profiles$\lucasqdss\Downloads\30db7572-12d1-4085-bbe1-a3cf538120db.tmp</t>
  </si>
  <si>
    <t>01/24/2020 09:01:46</t>
  </si>
  <si>
    <t>1bd2bab5-f2bc-4f77-b28e-6f6421eb191d.tmp</t>
  </si>
  <si>
    <t>\\acsfs\profiles$\LUCASBS\Downloads\1bd2bab5-f2bc-4f77-b28e-6f6421eb191d.tmp</t>
  </si>
  <si>
    <t>01/24/2020 09:00:04</t>
  </si>
  <si>
    <t>56a8724a-8a4f-410f-b7ac-191348ac6b54.tmp</t>
  </si>
  <si>
    <t>\\acsfs\profiles$\yurics\Downloads\56a8724a-8a4f-410f-b7ac-191348ac6b54.tmp</t>
  </si>
  <si>
    <t>01/24/2020 09:00:16</t>
  </si>
  <si>
    <t>441f1a68-c1b9-4f6f-aa86-c9fc687cd847.tmp</t>
  </si>
  <si>
    <t>\\acsfs\profiles$\yurics\Downloads\441f1a68-c1b9-4f6f-aa86-c9fc687cd847.tmp</t>
  </si>
  <si>
    <t>01/24/2020 09:00:19</t>
  </si>
  <si>
    <t>01/24/2020 09:05:54</t>
  </si>
  <si>
    <t>01/24/2020 09:03:42</t>
  </si>
  <si>
    <t>mail.google.com/sync/u/0/i/s?hl=pt-BR&amp;c=1345</t>
  </si>
  <si>
    <t>fabianacscg@algartech.com;kesiadof@algartech.com;lilianls@algartech.com;</t>
  </si>
  <si>
    <t>fabianacscg@algartech.com,kesiadof@algartech.com,lilianls@algartech.com</t>
  </si>
  <si>
    <t>01/24/2020 09:03:46</t>
  </si>
  <si>
    <t>mail.google.com/sync/u/0/i/s?hl=pt-BR&amp;c=1347</t>
  </si>
  <si>
    <t>01/24/2020 09:03:31</t>
  </si>
  <si>
    <t>01/24/2020 09:03:33</t>
  </si>
  <si>
    <t>01/24/2020 09:02:44</t>
  </si>
  <si>
    <t>01/24/2020 09:06:53</t>
  </si>
  <si>
    <t>2d92e884-6d1d-4210-9e70-04d4ad0c602f.tmp</t>
  </si>
  <si>
    <t>\\acsfs\profiles$\talitafdc\Downloads\2d92e884-6d1d-4210-9e70-04d4ad0c602f.tmp</t>
  </si>
  <si>
    <t>01/24/2020 09:04:25</t>
  </si>
  <si>
    <t>7656ce81-3127-4210-995e-b661305f1ab1.tmp</t>
  </si>
  <si>
    <t>\\acsfs\profiles$\talitafdc\Downloads\7656ce81-3127-4210-995e-b661305f1ab1.tmp</t>
  </si>
  <si>
    <t>01/24/2020 09:04:54</t>
  </si>
  <si>
    <t>659706b4-64f0-4bf4-8afa-4d1c8b65f09b.tmp</t>
  </si>
  <si>
    <t>\\acsfs\profiles$\PEDROHAB\Downloads\659706b4-64f0-4bf4-8afa-4d1c8b65f09b.tmp</t>
  </si>
  <si>
    <t>01/24/2020 09:04:56</t>
  </si>
  <si>
    <t>0aca6902-2a9e-4134-a265-e2a6971bc0af.tmp</t>
  </si>
  <si>
    <t>\\acsfs\profiles$\PEDROHAB\Downloads\0aca6902-2a9e-4134-a265-e2a6971bc0af.tmp</t>
  </si>
  <si>
    <t>01/24/2020 09:05:36</t>
  </si>
  <si>
    <t>2f10f948-229b-4cc8-b478-3f38c4c1b07d.tmp</t>
  </si>
  <si>
    <t>\\acsfs\profiles$\PEDROHAB\Downloads\2f10f948-229b-4cc8-b478-3f38c4c1b07d.tmp</t>
  </si>
  <si>
    <t>01/24/2020 09:05:37</t>
  </si>
  <si>
    <t>134f29c9-b5cb-4725-8e82-b012f5590f84.tmp</t>
  </si>
  <si>
    <t>\\acsfs\profiles$\PEDROHAB\Downloads\134f29c9-b5cb-4725-8e82-b012f5590f84.tmp</t>
  </si>
  <si>
    <t>01/24/2020 09:02:16</t>
  </si>
  <si>
    <t>01/24/2020 09:05:16</t>
  </si>
  <si>
    <t>01/24/2020 09:06:46</t>
  </si>
  <si>
    <t>01/24/2020 09:05:13</t>
  </si>
  <si>
    <t>01/24/2020 09:08:53</t>
  </si>
  <si>
    <t>df1bdda2-92ae-4182-a883-2dcbe2fbae1a.tmp</t>
  </si>
  <si>
    <t>\\acsfs\profiles$\kellzylenneasr\Downloads\df1bdda2-92ae-4182-a883-2dcbe2fbae1a.tmp</t>
  </si>
  <si>
    <t>01/24/2020 09:07:05</t>
  </si>
  <si>
    <t>b93104da-3079-481e-93c5-dea6699833a7.tmp</t>
  </si>
  <si>
    <t>\\acsfs\profiles$\kellzylenneasr\Downloads\b93104da-3079-481e-93c5-dea6699833a7.tmp</t>
  </si>
  <si>
    <t>01/24/2020 09:09:53</t>
  </si>
  <si>
    <t>23b79ac7-8ee6-4701-9d46-4631816f3a6b.tmp</t>
  </si>
  <si>
    <t>\\acsfs\profiles$\claudiajca\Downloads\23b79ac7-8ee6-4701-9d46-4631816f3a6b.tmp</t>
  </si>
  <si>
    <t>01/24/2020 09:06:06</t>
  </si>
  <si>
    <t>c61bfda4-e819-4e99-b5b0-6c3647242fa4.tmp</t>
  </si>
  <si>
    <t>\\acsfs\profiles$\claudiajca\Downloads\c61bfda4-e819-4e99-b5b0-6c3647242fa4.tmp</t>
  </si>
  <si>
    <t>01/24/2020 09:04:40</t>
  </si>
  <si>
    <t>e105685f-8259-4a7f-8c5a-fd94e0c82dd0.tmp</t>
  </si>
  <si>
    <t>\\acsfs\profiles$\LUCASBS\Downloads\e105685f-8259-4a7f-8c5a-fd94e0c82dd0.tmp</t>
  </si>
  <si>
    <t>01/24/2020 09:10:53</t>
  </si>
  <si>
    <t>01/24/2020 09:06:05</t>
  </si>
  <si>
    <t>01/24/2020 09:06:20</t>
  </si>
  <si>
    <t>bvs-centralcartoes@bv.com.br;fabianacscg@algartech.com;fernandorsju@algartech.com;kesiadof@algartech.com;lilianls@algartech.com;marianeps@algartech.com;talmaiardo@algartech.com;thiagordu@algartech.com;</t>
  </si>
  <si>
    <t>bvs-centralcartoes@bv.com.br,fabianacscg@algartech.com,fernandorsju@algartech.com,kesiadof@algartech.com,lilianls@algartech.com,marianeps@algartech.com,talmaiardo@algartech.com,thiagordu@algartech.com</t>
  </si>
  <si>
    <t>01/24/2020 09:06:25</t>
  </si>
  <si>
    <t>mail.google.com/sync/u/0/i/s?hl=pt-BR&amp;c=1354</t>
  </si>
  <si>
    <t>01/24/2020 09:06:31</t>
  </si>
  <si>
    <t>mail.google.com/sync/u/0/i/s?hl=pt-BR&amp;c=1356</t>
  </si>
  <si>
    <t>01/24/2020 09:07:03</t>
  </si>
  <si>
    <t>fabianacscg@algartech.com;kesiadof@algartech.com;lilianls@algartech.com;sofiamses@algartech.com;talmaiardo@algartech.com;</t>
  </si>
  <si>
    <t>fabianacscg@algartech.com,kesiadof@algartech.com,lilianls@algartech.com,sofiamses@algartech.com,talmaiardo@algartech.com</t>
  </si>
  <si>
    <t>01/24/2020 09:07:09</t>
  </si>
  <si>
    <t>01/24/2020 09:07:16</t>
  </si>
  <si>
    <t>01/24/2020 09:07:21</t>
  </si>
  <si>
    <t>01/24/2020 09:07:49</t>
  </si>
  <si>
    <t>01/24/2020 09:08:14</t>
  </si>
  <si>
    <t>01/24/2020 09:08:32</t>
  </si>
  <si>
    <t>01/24/2020 09:08:38</t>
  </si>
  <si>
    <t>01/24/2020 09:08:43</t>
  </si>
  <si>
    <t>01/24/2020 09:08:59</t>
  </si>
  <si>
    <t>01/24/2020 09:09:06</t>
  </si>
  <si>
    <t>mail.google.com/sync/u/0/i/s?hl=pt-BR&amp;c=1383</t>
  </si>
  <si>
    <t>01/24/2020 09:09:33</t>
  </si>
  <si>
    <t>01/24/2020 09:10:45</t>
  </si>
  <si>
    <t>01/24/2020 09:11:54</t>
  </si>
  <si>
    <t>\\acsfs\deptos\Operacao\PCP\5 - Comum\ALESSANDRA GOMES DOS SANTOS BARROS\3 AVON\Relatórios\1 - NCOB\2020\01 - JANEIRO\</t>
  </si>
  <si>
    <t>\\acsfs\deptos\Operacao\PCP\5 - Comum\ALESSANDRA GOMES DOS SANTOS BARROS\3 AVON\Relatórios\1 - NCOB\2020\01 - JANEIRO\ACOMPANHAMENTO NCOB - Jan.2020.xlsx</t>
  </si>
  <si>
    <t>01/24/2020 09:10:47</t>
  </si>
  <si>
    <t>\\acsfs\deptos\Operacao\PCP\5 - Comum\ALESSANDRA GOMES DOS SANTOS BARROS\3 AVON\Relatórios\1 - NCOB\</t>
  </si>
  <si>
    <t>\\acsfs\deptos\Operacao\PCP\5 - Comum\ALESSANDRA GOMES DOS SANTOS BARROS\3 AVON\Relatórios\1 - NCOB\AVON_Extrator Diário (por Skill) - NCOB.xls</t>
  </si>
  <si>
    <t>01/24/2020 09:08:16</t>
  </si>
  <si>
    <t>01/24/2020 09:08:46</t>
  </si>
  <si>
    <t>01/24/2020 09:09:16</t>
  </si>
  <si>
    <t>01/24/2020 09:09:46</t>
  </si>
  <si>
    <t>01/24/2020 09:12:53</t>
  </si>
  <si>
    <t>01/24/2020 09:11:22</t>
  </si>
  <si>
    <t>XLOG_Angelicacldr_23012020_143303.log</t>
  </si>
  <si>
    <t>\\acsfs\profiles$\Angelicacldr\My Documents\xworkcenter\logs\XLOG_Angelicacldr_23012020_143303.log</t>
  </si>
  <si>
    <t>01/24/2020 09:11:32</t>
  </si>
  <si>
    <t>\\acsfs\profiles$\Angelicacldr\My Documents\dbxwc\</t>
  </si>
  <si>
    <t>\\acsfs\profiles$\Angelicacldr\My Documents\dbxwc\dbxwc.xwc</t>
  </si>
  <si>
    <t>01/24/2020 09:11:37</t>
  </si>
  <si>
    <t>01/24/2020 09:09:01</t>
  </si>
  <si>
    <t>01/24/2020 09:13:54</t>
  </si>
  <si>
    <t>00:03:06;00:04:25;</t>
  </si>
  <si>
    <t>00:03:06,00:04:25</t>
  </si>
  <si>
    <t>01/24/2020 09:09:18</t>
  </si>
  <si>
    <t>01/24/2020 09:09:21</t>
  </si>
  <si>
    <t>01/24/2020 09:09:57</t>
  </si>
  <si>
    <t>01/24/2020 09:10:44</t>
  </si>
  <si>
    <t>00:03:50;</t>
  </si>
  <si>
    <t>01/24/2020 09:11:13</t>
  </si>
  <si>
    <t>01/24/2020 09:11:24</t>
  </si>
  <si>
    <t>00:03:21;</t>
  </si>
  <si>
    <t>01/24/2020 09:11:34</t>
  </si>
  <si>
    <t>01/24/2020 09:12:28</t>
  </si>
  <si>
    <t>01/24/2020 09:12:43</t>
  </si>
  <si>
    <t>01/24/2020 09:12:47</t>
  </si>
  <si>
    <t>01/24/2020 09:09:22</t>
  </si>
  <si>
    <t>68611d79-f4fa-4573-9644-fa8a04e43f95.tmp</t>
  </si>
  <si>
    <t>\\acsfs\profiles$\kellzylenneasr\Downloads\68611d79-f4fa-4573-9644-fa8a04e43f95.tmp</t>
  </si>
  <si>
    <t>01/24/2020 09:10:18</t>
  </si>
  <si>
    <t>01/24/2020 09:14:53</t>
  </si>
  <si>
    <t>01/24/2020 09:10:16</t>
  </si>
  <si>
    <t>a0df26ae-fc07-4876-9038-140e20f620a9.tmp</t>
  </si>
  <si>
    <t>\\acsfs\profiles$\KARENDSR\Downloads\a0df26ae-fc07-4876-9038-140e20f620a9.tmp</t>
  </si>
  <si>
    <t>01/24/2020 09:12:17</t>
  </si>
  <si>
    <t>01/24/2020 09:12:18</t>
  </si>
  <si>
    <t>lu79024b1r6un.tmp</t>
  </si>
  <si>
    <t>\\acsfs\profiles$\LUCASBS\RENEG BV\Consolidado\lu79024b1r6un.tmp</t>
  </si>
  <si>
    <t>\\acsfs\profiles$\LUCASBS\RENEG BV\Consolidado\lu79024b1r6un.tmp\</t>
  </si>
  <si>
    <t>\\acsfs\profiles$\LUCASBS\RENEG BV\Consolidado\lu79024b1r6un.tmp\META-INF\</t>
  </si>
  <si>
    <t>\\acsfs\profiles$\LUCASBS\RENEG BV\Consolidado\lu79024b1r6un.tmp\Thumbnails\</t>
  </si>
  <si>
    <t>01/24/2020 09:15:53</t>
  </si>
  <si>
    <t>01/24/2020 09:10:14</t>
  </si>
  <si>
    <t>01/24/2020 09:10:22</t>
  </si>
  <si>
    <t>mail.google.com/sync/u/0/i/s?hl=pt-BR&amp;c=1393</t>
  </si>
  <si>
    <t>01/24/2020 09:10:26</t>
  </si>
  <si>
    <t>01/24/2020 09:10:32</t>
  </si>
  <si>
    <t>01/24/2020 09:10:36</t>
  </si>
  <si>
    <t>01/24/2020 09:10:46</t>
  </si>
  <si>
    <t>01/24/2020 09:10:56</t>
  </si>
  <si>
    <t>mail.google.com/sync/u/0/i/s?hl=pt-BR&amp;c=1404</t>
  </si>
  <si>
    <t>01/24/2020 09:11:25</t>
  </si>
  <si>
    <t>01/24/2020 09:11:26</t>
  </si>
  <si>
    <t>01/24/2020 09:11:40</t>
  </si>
  <si>
    <t>mail.google.com/sync/u/0/i/s?hl=pt-BR&amp;c=1408</t>
  </si>
  <si>
    <t>01/24/2020 09:12:01</t>
  </si>
  <si>
    <t>01/24/2020 09:12:05</t>
  </si>
  <si>
    <t>01/24/2020 09:12:07</t>
  </si>
  <si>
    <t>mail.google.com/sync/u/0/i/s?hl=pt-BR&amp;c=1415</t>
  </si>
  <si>
    <t>01/24/2020 09:13:36</t>
  </si>
  <si>
    <t>01/24/2020 09:13:37</t>
  </si>
  <si>
    <t>01/24/2020 09:14:26</t>
  </si>
  <si>
    <t>b3f91607-8d40-4659-ba7a-7f356fc81ebd.tmp</t>
  </si>
  <si>
    <t>\\acsfs\profiles$\nathaliarmr\Downloads\b3f91607-8d40-4659-ba7a-7f356fc81ebd.tmp</t>
  </si>
  <si>
    <t>01/24/2020 09:15:26</t>
  </si>
  <si>
    <t>01/24/2020 09:16:53</t>
  </si>
  <si>
    <t>14257187-c739-48e8-adc3-022017fa613a.tmp</t>
  </si>
  <si>
    <t>\\acsfs\profiles$\gabrielhca\Downloads\14257187-c739-48e8-adc3-022017fa613a.tmp</t>
  </si>
  <si>
    <t>01/24/2020 09:15:32</t>
  </si>
  <si>
    <t>83fe45cd-9577-4983-9434-b0e2f8b04a22.tmp</t>
  </si>
  <si>
    <t>\\acsfs\profiles$\gabrielhca\Downloads\83fe45cd-9577-4983-9434-b0e2f8b04a22.tmp</t>
  </si>
  <si>
    <t>01/24/2020 09:15:56</t>
  </si>
  <si>
    <t>b8faa724-1811-4a68-99b9-9c081603c2c3.tmp</t>
  </si>
  <si>
    <t>\\acsfs\profiles$\THYAGOSP\Downloads\b8faa724-1811-4a68-99b9-9c081603c2c3.tmp</t>
  </si>
  <si>
    <t>01/24/2020 09:14:47</t>
  </si>
  <si>
    <t>01/24/2020 09:16:17</t>
  </si>
  <si>
    <t>01/24/2020 09:18:54</t>
  </si>
  <si>
    <t>01/24/2020 09:13:29</t>
  </si>
  <si>
    <t>634cfefb-0e8f-4b15-822f-addd4371ddf6.tmp</t>
  </si>
  <si>
    <t>\\acsfs\profiles$\kellzylenneasr\Downloads\634cfefb-0e8f-4b15-822f-addd4371ddf6.tmp</t>
  </si>
  <si>
    <t>01/24/2020 09:15:20</t>
  </si>
  <si>
    <t>01/24/2020 09:15:21</t>
  </si>
  <si>
    <t>lu1448040dob.tmp</t>
  </si>
  <si>
    <t>\\acsfs\profiles$\ALEXANDREMM\lu1448040dob.tmp</t>
  </si>
  <si>
    <t>\\acsfs\profiles$\ALEXANDREMM\lu1448040dob.tmp\</t>
  </si>
  <si>
    <t>\\acsfs\profiles$\ALEXANDREMM\lu1448040dob.tmp\META-INF\</t>
  </si>
  <si>
    <t>\\acsfs\profiles$\ALEXANDREMM\lu1448040dob.tmp\Thumbnails\</t>
  </si>
  <si>
    <t>01/24/2020 09:17:36</t>
  </si>
  <si>
    <t>01/24/2020 09:19:53</t>
  </si>
  <si>
    <t>3bcb07af-8d1f-43b5-91e2-e23c182ebfc3.tmp</t>
  </si>
  <si>
    <t>\\acsfs\profiles$\geovannasm\Downloads\3bcb07af-8d1f-43b5-91e2-e23c182ebfc3.tmp</t>
  </si>
  <si>
    <t>01/24/2020 09:20:54</t>
  </si>
  <si>
    <t>01/24/2020 09:16:13</t>
  </si>
  <si>
    <t>c37db974-0d53-49a0-92c5-47323ee0d19d.tmp</t>
  </si>
  <si>
    <t>\\acsfs\profiles$\nathaliarmr\Downloads\c37db974-0d53-49a0-92c5-47323ee0d19d.tmp</t>
  </si>
  <si>
    <t>01/24/2020 09:17:12</t>
  </si>
  <si>
    <t>01/24/2020 09:17:09</t>
  </si>
  <si>
    <t>01/24/2020 09:21:53</t>
  </si>
  <si>
    <t>01/24/2020 09:16:10</t>
  </si>
  <si>
    <t>32a1b43d-17c9-4d17-baef-18616e7e7bbd.tmp</t>
  </si>
  <si>
    <t>\\acsfs\profiles$\gabrielhca\Downloads\32a1b43d-17c9-4d17-baef-18616e7e7bbd.tmp</t>
  </si>
  <si>
    <t>01/24/2020 09:17:57</t>
  </si>
  <si>
    <t>99c93bf8-7082-4119-ac53-f7f0beed1dc0.tmp</t>
  </si>
  <si>
    <t>\\acsfs\profiles$\gabrielhca\Downloads\99c93bf8-7082-4119-ac53-f7f0beed1dc0.tmp</t>
  </si>
  <si>
    <t>01/24/2020 09:20:06</t>
  </si>
  <si>
    <t>a7bbb6b7-3a69-4ae2-9e29-72d343cba1e5.tmp</t>
  </si>
  <si>
    <t>\\acsfs\profiles$\wedersonbadr\My Documents\My Music\a7bbb6b7-3a69-4ae2-9e29-72d343cba1e5.tmp</t>
  </si>
  <si>
    <t>01/24/2020 09:20:22</t>
  </si>
  <si>
    <t>e1fca36e-b21a-4c10-82a7-02a24663fc59.tmp</t>
  </si>
  <si>
    <t>\\acsfs\profiles$\wedersonbadr\My Documents\My Music\e1fca36e-b21a-4c10-82a7-02a24663fc59.tmp</t>
  </si>
  <si>
    <t>01/24/2020 09:17:34</t>
  </si>
  <si>
    <t>ef5bded1-1d2a-417b-b050-543540d03107.tmp</t>
  </si>
  <si>
    <t>\\acsfs\profiles$\THYAGOSP\Downloads\ef5bded1-1d2a-417b-b050-543540d03107.tmp</t>
  </si>
  <si>
    <t>01/24/2020 09:22:53</t>
  </si>
  <si>
    <t>01/24/2020 09:22:28</t>
  </si>
  <si>
    <t>89e5ec53-dff2-491e-bc0d-2d75eee5313c.tmp</t>
  </si>
  <si>
    <t>\\acsfs\profiles$\gabrielaff\Downloads\89e5ec53-dff2-491e-bc0d-2d75eee5313c.tmp</t>
  </si>
  <si>
    <t>01/24/2020 09:21:40</t>
  </si>
  <si>
    <t>01/24/2020 09:21:41</t>
  </si>
  <si>
    <t>01/24/2020 09:21:42</t>
  </si>
  <si>
    <t>01/24/2020 09:21:43</t>
  </si>
  <si>
    <t>01/24/2020 09:21:44</t>
  </si>
  <si>
    <t>01/24/2020 09:21:45</t>
  </si>
  <si>
    <t>01/24/2020 09:22:54</t>
  </si>
  <si>
    <t>01/24/2020 09:21:46</t>
  </si>
  <si>
    <t>01/24/2020 09:21:47</t>
  </si>
  <si>
    <t>01/24/2020 09:21:48</t>
  </si>
  <si>
    <t>01/24/2020 09:21:49</t>
  </si>
  <si>
    <t>01/24/2020 09:21:50</t>
  </si>
  <si>
    <t>01/24/2020 09:21:51</t>
  </si>
  <si>
    <t>01/24/2020 09:21:52</t>
  </si>
  <si>
    <t>01/24/2020 09:21:54</t>
  </si>
  <si>
    <t>01/24/2020 09:21:55</t>
  </si>
  <si>
    <t>01/24/2020 09:20:38</t>
  </si>
  <si>
    <t>01/24/2020 09:23:53</t>
  </si>
  <si>
    <t>01/24/2020 09:20:39</t>
  </si>
  <si>
    <t>01/24/2020 09:20:40</t>
  </si>
  <si>
    <t>01/24/2020 09:24:53</t>
  </si>
  <si>
    <t>01/24/2020 09:23:27</t>
  </si>
  <si>
    <t>01/24/2020 09:23:28</t>
  </si>
  <si>
    <t>lu79024b1r6uw.tmp</t>
  </si>
  <si>
    <t>\\acsfs\profiles$\LUCASBS\RENEG BV\Consolidado\lu79024b1r6uw.tmp</t>
  </si>
  <si>
    <t>\\acsfs\profiles$\LUCASBS\RENEG BV\Consolidado\lu79024b1r6uw.tmp\</t>
  </si>
  <si>
    <t>\\acsfs\profiles$\LUCASBS\RENEG BV\Consolidado\lu79024b1r6uw.tmp\META-INF\</t>
  </si>
  <si>
    <t>\\acsfs\profiles$\LUCASBS\RENEG BV\Consolidado\lu79024b1r6uw.tmp\Thumbnails\</t>
  </si>
  <si>
    <t>01/24/2020 09:23:43</t>
  </si>
  <si>
    <t>mail.google.com/sync/u/0/i/s?hl=pt-BR&amp;c=2446</t>
  </si>
  <si>
    <t>01/24/2020 09:24:03</t>
  </si>
  <si>
    <t>mail.google.com/sync/u/0/i/s?hl=pt-BR&amp;c=2450</t>
  </si>
  <si>
    <t>01/24/2020 09:24:10</t>
  </si>
  <si>
    <t>mail.google.com/sync/u/0/i/s?hl=pt-BR&amp;c=2452</t>
  </si>
  <si>
    <t>01/24/2020 09:24:17</t>
  </si>
  <si>
    <t>mail.google.com/sync/u/0/i/s?hl=pt-BR&amp;c=2454</t>
  </si>
  <si>
    <t>01/24/2020 09:24:18</t>
  </si>
  <si>
    <t>01/24/2020 09:24:28</t>
  </si>
  <si>
    <t>01/24/2020 09:25:54</t>
  </si>
  <si>
    <t>01/24/2020 09:23:17</t>
  </si>
  <si>
    <t>01/24/2020 09:26:53</t>
  </si>
  <si>
    <t>01/24/2020 09:25:16</t>
  </si>
  <si>
    <t>01/24/2020 09:25:19</t>
  </si>
  <si>
    <t>e8e4d859-bbbb-4bf8-a0af-07f86f5c2ffd.tmp</t>
  </si>
  <si>
    <t>\\acsfs\profiles$\talitafdc\Downloads\e8e4d859-bbbb-4bf8-a0af-07f86f5c2ffd.tmp</t>
  </si>
  <si>
    <t>01/24/2020 09:25:34</t>
  </si>
  <si>
    <t>f8ec0e4d-f7d6-4aa5-a446-8390dfb772ed.tmp</t>
  </si>
  <si>
    <t>\\acsfs\profiles$\talitafdc\Downloads\f8ec0e4d-f7d6-4aa5-a446-8390dfb772ed.tmp</t>
  </si>
  <si>
    <t>01/24/2020 09:23:48</t>
  </si>
  <si>
    <t>01/24/2020 09:27:54</t>
  </si>
  <si>
    <t>01/24/2020 09:23:29</t>
  </si>
  <si>
    <t>efe516cd-c370-4fae-8a89-7d758b021e8b.tmp</t>
  </si>
  <si>
    <t>\\acsfs\profiles$\kamilamrc\Downloads\efe516cd-c370-4fae-8a89-7d758b021e8b.tmp</t>
  </si>
  <si>
    <t>0861da19-35d5-4128-b8d6-cbbec7e31af5.tmp</t>
  </si>
  <si>
    <t>\\acsfs\profiles$\kamilamrc\Downloads\0861da19-35d5-4128-b8d6-cbbec7e31af5.tmp</t>
  </si>
  <si>
    <t>01/24/2020 09:25:30</t>
  </si>
  <si>
    <t>0b497215-da32-479f-ab12-7b16a0a9b235.tmp</t>
  </si>
  <si>
    <t>\\acsfs\profiles$\kamilamrc\Downloads\0b497215-da32-479f-ab12-7b16a0a9b235.tmp</t>
  </si>
  <si>
    <t>01/24/2020 09:25:50</t>
  </si>
  <si>
    <t>4f0a9ec8-924a-4e6d-8362-8230cf086ec5.tmp</t>
  </si>
  <si>
    <t>\\acsfs\profiles$\kamilamrc\Downloads\4f0a9ec8-924a-4e6d-8362-8230cf086ec5.tmp</t>
  </si>
  <si>
    <t>01/24/2020 09:25:55</t>
  </si>
  <si>
    <t>a1923a9a-161e-402a-befa-11c0bb88b76f.tmp</t>
  </si>
  <si>
    <t>\\acsfs\profiles$\kamilamrc\Downloads\a1923a9a-161e-402a-befa-11c0bb88b76f.tmp</t>
  </si>
  <si>
    <t>01/24/2020 09:26:03</t>
  </si>
  <si>
    <t>7803fceb-0f4d-4198-8cae-68ab3b7eded6.tmp</t>
  </si>
  <si>
    <t>\\acsfs\profiles$\kamilamrc\Downloads\7803fceb-0f4d-4198-8cae-68ab3b7eded6.tmp</t>
  </si>
  <si>
    <t>01/24/2020 09:23:08</t>
  </si>
  <si>
    <t>8af795bf-d2b6-4ed4-b4c8-92f0d2590de6.tmp</t>
  </si>
  <si>
    <t>\\acsfs\profiles$\gabrielaff\Downloads\8af795bf-d2b6-4ed4-b4c8-92f0d2590de6.tmp</t>
  </si>
  <si>
    <t>01/24/2020 09:25:29</t>
  </si>
  <si>
    <t>01/24/2020 09:29:54</t>
  </si>
  <si>
    <t>01/24/2020 09:25:31</t>
  </si>
  <si>
    <t>lu75856b2stdw.tmp</t>
  </si>
  <si>
    <t>\\acsfs\profiles$\LUCASBS\RENEG BV\Consolidado\lu75856b2stdw.tmp</t>
  </si>
  <si>
    <t>\\acsfs\profiles$\LUCASBS\RENEG BV\Consolidado\lu75856b2stdw.tmp\</t>
  </si>
  <si>
    <t>\\acsfs\profiles$\LUCASBS\RENEG BV\Consolidado\lu75856b2stdw.tmp\META-INF\</t>
  </si>
  <si>
    <t>\\acsfs\profiles$\LUCASBS\RENEG BV\Consolidado\lu75856b2stdw.tmp\Thumbnails\</t>
  </si>
  <si>
    <t>01/24/2020 09:24:46</t>
  </si>
  <si>
    <t>01/24/2020 09:30:53</t>
  </si>
  <si>
    <t>mail.google.com/sync/u/0/i/s?hl=pt-BR&amp;c=2459</t>
  </si>
  <si>
    <t>01/24/2020 09:26:51</t>
  </si>
  <si>
    <t>mail.google.com/sync/u/0/i/s?hl=pt-BR&amp;c=2485</t>
  </si>
  <si>
    <t>andrelps@algartech.com;flora.lira@bv.com.br;gabrielsma@algartech.com;leonardoao@algartech.com;ricardodfm@algartech.com.br;supervisaobancovotorantim@algartech.com;</t>
  </si>
  <si>
    <t>andrelps@algartech.com,flora.lira@bv.com.br,gabrielsma@algartech.com,leonardoao@algartech.com,ricardodfm@algartech.com.br,supervisaobancovotorantim@algartech.com</t>
  </si>
  <si>
    <t>01/24/2020 09:27:05</t>
  </si>
  <si>
    <t>Banco de Dados BV 24-01.xlsx</t>
  </si>
  <si>
    <t>mail.google.com/sync/u/0/i/s?hl=pt-BR&amp;c=2488</t>
  </si>
  <si>
    <t>01/24/2020 09:26:26</t>
  </si>
  <si>
    <t>01/24/2020 09:31:53</t>
  </si>
  <si>
    <t>01/24/2020 09:27:17</t>
  </si>
  <si>
    <t>f34fac25-1860-4c7a-86f1-5cfdf0cc66af.tmp</t>
  </si>
  <si>
    <t>\\acsfs\profiles$\jhonatadss\Downloads\f34fac25-1860-4c7a-86f1-5cfdf0cc66af.tmp</t>
  </si>
  <si>
    <t>01/24/2020 09:30:49</t>
  </si>
  <si>
    <t>01/24/2020 09:32:54</t>
  </si>
  <si>
    <t>01/24/2020 09:29:24</t>
  </si>
  <si>
    <t>bb7928ec-5d61-43fc-ab04-8cc6dcc5e274.tmp</t>
  </si>
  <si>
    <t>\\acsfs\profiles$\rafaelamsv\Downloads\bb7928ec-5d61-43fc-ab04-8cc6dcc5e274.tmp</t>
  </si>
  <si>
    <t>01/24/2020 09:29:25</t>
  </si>
  <si>
    <t>5f0795e6-5e35-4236-ba6f-bb9e29ca3129.tmp</t>
  </si>
  <si>
    <t>\\acsfs\profiles$\rafaelamsv\Downloads\5f0795e6-5e35-4236-ba6f-bb9e29ca3129.tmp</t>
  </si>
  <si>
    <t>01/24/2020 09:33:53</t>
  </si>
  <si>
    <t>01/24/2020 09:32:19</t>
  </si>
  <si>
    <t>c5877baf-8804-45b1-94d2-1aae48a0700b.tmp</t>
  </si>
  <si>
    <t>\\acsfs\profiles$\larissaad\Downloads\c5877baf-8804-45b1-94d2-1aae48a0700b.tmp</t>
  </si>
  <si>
    <t>01/24/2020 09:35:53</t>
  </si>
  <si>
    <t>01/24/2020 09:35:13</t>
  </si>
  <si>
    <t>01/24/2020 09:35:15</t>
  </si>
  <si>
    <t>01/24/2020 09:34:26</t>
  </si>
  <si>
    <t>01/24/2020 09:36:54</t>
  </si>
  <si>
    <t>01/24/2020 09:32:52</t>
  </si>
  <si>
    <t>lu116801aegdz.tmp</t>
  </si>
  <si>
    <t>\\acsfs\profiles$\dhiulliananads\My Documents\lu116801aegdz.tmp</t>
  </si>
  <si>
    <t>\\acsfs\profiles$\dhiulliananads\My Documents\lu116801aegdz.tmp\</t>
  </si>
  <si>
    <t>\\acsfs\profiles$\dhiulliananads\My Documents\lu116801aegdz.tmp\META-INF\</t>
  </si>
  <si>
    <t>\\acsfs\profiles$\dhiulliananads\My Documents\lu116801aegdz.tmp\Thumbnails\</t>
  </si>
  <si>
    <t>01/24/2020 09:33:44</t>
  </si>
  <si>
    <t>e968dcd6-ccf9-4876-9d4a-cd0d1cd4eaac.tmp</t>
  </si>
  <si>
    <t>\\acsfs\profiles$\jhonatadss\Downloads\e968dcd6-ccf9-4876-9d4a-cd0d1cd4eaac.tmp</t>
  </si>
  <si>
    <t>01/24/2020 09:35:59</t>
  </si>
  <si>
    <t>51abb5a3-dedc-4f59-bc52-26cac183fcb6.tmp</t>
  </si>
  <si>
    <t>\\acsfs\profiles$\jhonatadss\Downloads\51abb5a3-dedc-4f59-bc52-26cac183fcb6.tmp</t>
  </si>
  <si>
    <t>01/24/2020 09:32:49</t>
  </si>
  <si>
    <t>01/24/2020 09:33:19</t>
  </si>
  <si>
    <t>01/24/2020 09:35:26</t>
  </si>
  <si>
    <t>01/24/2020 09:38:53</t>
  </si>
  <si>
    <t>DHIULLIANA NETO APARECIDO DE SOUZA_1_6781763213121882617_1_32.wav</t>
  </si>
  <si>
    <t>\\acsfs\Deptos\EDUCACAO EMPRESARIAL\KÉSIA\Ligações 3º ciclo - Janeiro 2020\DHIULLIANA NETO APARECIDO DE SOUZA_1_6781763213121882617_1_32.wav</t>
  </si>
  <si>
    <t>01/24/2020 09:39:53</t>
  </si>
  <si>
    <t>01/24/2020 09:35:01</t>
  </si>
  <si>
    <t>01/24/2020 09:35:03</t>
  </si>
  <si>
    <t>lu75856b2ste1.tmp</t>
  </si>
  <si>
    <t>\\acsfs\profiles$\LUCASBS\RENEG BV\Consolidado\lu75856b2ste1.tmp</t>
  </si>
  <si>
    <t>\\acsfs\profiles$\LUCASBS\RENEG BV\Consolidado\lu75856b2ste1.tmp\</t>
  </si>
  <si>
    <t>\\acsfs\profiles$\LUCASBS\RENEG BV\Consolidado\lu75856b2ste1.tmp\META-INF\</t>
  </si>
  <si>
    <t>\\acsfs\profiles$\LUCASBS\RENEG BV\Consolidado\lu75856b2ste1.tmp\Thumbnails\</t>
  </si>
  <si>
    <t>01/23/2020 21:37:24</t>
  </si>
  <si>
    <t>01/24/2020 09:40:53</t>
  </si>
  <si>
    <t>01/24/2020 09:37:47</t>
  </si>
  <si>
    <t>81273a6c-022a-4e0f-8abf-0f375378f71d.tmp</t>
  </si>
  <si>
    <t>\\acsfs\profiles$\adelvinsonle\Downloads\81273a6c-022a-4e0f-8abf-0f375378f71d.tmp</t>
  </si>
  <si>
    <t>01/24/2020 09:37:48</t>
  </si>
  <si>
    <t>01/24/2020 09:39:07</t>
  </si>
  <si>
    <t>24115d67-b48f-4ef3-8508-e6982519c310.tmp</t>
  </si>
  <si>
    <t>\\acsfs\profiles$\adelvinsonle\Downloads\24115d67-b48f-4ef3-8508-e6982519c310.tmp</t>
  </si>
  <si>
    <t>01/24/2020 09:35:30</t>
  </si>
  <si>
    <t>01/24/2020 09:35:31</t>
  </si>
  <si>
    <t>01/24/2020 09:37:22</t>
  </si>
  <si>
    <t>01/24/2020 09:41:53</t>
  </si>
  <si>
    <t>01/24/2020 09:37:23</t>
  </si>
  <si>
    <t>01/24/2020 09:37:24</t>
  </si>
  <si>
    <t>01/24/2020 09:37:25</t>
  </si>
  <si>
    <t>01/24/2020 09:37:26</t>
  </si>
  <si>
    <t>01/24/2020 09:37:27</t>
  </si>
  <si>
    <t>01/24/2020 09:37:28</t>
  </si>
  <si>
    <t>01/24/2020 09:37:29</t>
  </si>
  <si>
    <t>01/24/2020 09:37:30</t>
  </si>
  <si>
    <t>01/24/2020 09:37:31</t>
  </si>
  <si>
    <t>01/24/2020 09:37:32</t>
  </si>
  <si>
    <t>01/24/2020 09:37:33</t>
  </si>
  <si>
    <t>01/24/2020 09:37:34</t>
  </si>
  <si>
    <t>01/24/2020 09:37:35</t>
  </si>
  <si>
    <t>01/24/2020 09:37:36</t>
  </si>
  <si>
    <t>01/24/2020 09:37:37</t>
  </si>
  <si>
    <t>01/24/2020 09:37:38</t>
  </si>
  <si>
    <t>01/24/2020 09:37:39</t>
  </si>
  <si>
    <t>01/24/2020 09:37:40</t>
  </si>
  <si>
    <t>01/24/2020 09:37:41</t>
  </si>
  <si>
    <t>01/24/2020 09:37:42</t>
  </si>
  <si>
    <t>01/24/2020 09:37:43</t>
  </si>
  <si>
    <t>01/24/2020 09:37:44</t>
  </si>
  <si>
    <t>01/24/2020 09:37:11</t>
  </si>
  <si>
    <t>2fb5f560-ed33-400a-9d62-853e433af7d9.tmp</t>
  </si>
  <si>
    <t>\\acsfs\profiles$\joserdsne\Downloads\2fb5f560-ed33-400a-9d62-853e433af7d9.tmp</t>
  </si>
  <si>
    <t>01/24/2020 09:41:23</t>
  </si>
  <si>
    <t>01/24/2020 09:37:20</t>
  </si>
  <si>
    <t>01/24/2020 09:37:50</t>
  </si>
  <si>
    <t>01/24/2020 09:38:20</t>
  </si>
  <si>
    <t>01/24/2020 09:38:50</t>
  </si>
  <si>
    <t>01/24/2020 09:41:25</t>
  </si>
  <si>
    <t>01/24/2020 09:39:20</t>
  </si>
  <si>
    <t>01/24/2020 09:39:50</t>
  </si>
  <si>
    <t>01/24/2020 09:40:20</t>
  </si>
  <si>
    <t>01/24/2020 09:40:45</t>
  </si>
  <si>
    <t>01/24/2020 09:42:53</t>
  </si>
  <si>
    <t>8cea65f1-330c-4ffa-b0da-c76c59c363c1.tmp</t>
  </si>
  <si>
    <t>\\acsfs\profiles$\rafaelamsv\Downloads\8cea65f1-330c-4ffa-b0da-c76c59c363c1.tmp</t>
  </si>
  <si>
    <t>01/24/2020 09:41:10</t>
  </si>
  <si>
    <t>01/24/2020 09:44:53</t>
  </si>
  <si>
    <t>e3a28917-d5be-41bd-b02e-4488ba167e7e.tmp</t>
  </si>
  <si>
    <t>\\acsfs\profiles$\rafaelacdoc\Downloads\e3a28917-d5be-41bd-b02e-4488ba167e7e.tmp</t>
  </si>
  <si>
    <t>01/24/2020 09:41:54</t>
  </si>
  <si>
    <t>LOGINS.txt</t>
  </si>
  <si>
    <t>\\acsfs\profiles$\rafaelacdoc\LOGINS.txt</t>
  </si>
  <si>
    <t>01/24/2020 09:42:04</t>
  </si>
  <si>
    <t>01/24/2020 09:42:05</t>
  </si>
  <si>
    <t>01/24/2020 09:43:16</t>
  </si>
  <si>
    <t>01/24/2020 09:43:29</t>
  </si>
  <si>
    <t>8c1f9ce5-9c15-4e60-baf2-40efb78f3857.tmp</t>
  </si>
  <si>
    <t>\\acsfs\profiles$\rafaelacdoc\Downloads\8c1f9ce5-9c15-4e60-baf2-40efb78f3857.tmp</t>
  </si>
  <si>
    <t>01/24/2020 09:44:20</t>
  </si>
  <si>
    <t>8daf3c36-6188-4ffc-9d83-734520e320c6.tmp</t>
  </si>
  <si>
    <t>\\acsfs\profiles$\rafaelacdoc\Downloads\8daf3c36-6188-4ffc-9d83-734520e320c6.tmp</t>
  </si>
  <si>
    <t>01/24/2020 09:45:53</t>
  </si>
  <si>
    <t>01/24/2020 09:44:00</t>
  </si>
  <si>
    <t>01/24/2020 09:44:04</t>
  </si>
  <si>
    <t>01/24/2020 09:43:00</t>
  </si>
  <si>
    <t>01/24/2020 09:46:53</t>
  </si>
  <si>
    <t>01/24/2020 09:44:02</t>
  </si>
  <si>
    <t>RELATORIO DE LOGIN - FINANCEIRA - 19-01 - SAC - Cópia.xlsm</t>
  </si>
  <si>
    <t>\\acsfs\DEPTOS\Operacao\PCP\5 - Comum\PLANEJAMENTO BV\14 - ACOMPANHAMENTO\1 - REPORT ACOMPANHAMENTO\2020\1 - JANEIRO\FINANCEIRA\Login Logout Financeira\RELATORIO DE LOGIN - FINANCEIRA - 19-01 - SAC - Cópia.xlsm</t>
  </si>
  <si>
    <t>01/24/2020 09:42:48</t>
  </si>
  <si>
    <t>64b4f8e3-c28c-4152-9ed4-144754219bb3.tmp</t>
  </si>
  <si>
    <t>\\acsfs\profiles$\LAISLG\Downloads\64b4f8e3-c28c-4152-9ed4-144754219bb3.tmp</t>
  </si>
  <si>
    <t>01/24/2020 09:44:18</t>
  </si>
  <si>
    <t>91c8a6f3-99f1-4ed9-a68c-5ffaca3f2588.tmp</t>
  </si>
  <si>
    <t>\\acsfs\profiles$\LAISLG\Downloads\91c8a6f3-99f1-4ed9-a68c-5ffaca3f2588.tmp</t>
  </si>
  <si>
    <t>01/24/2020 09:44:21</t>
  </si>
  <si>
    <t>01/24/2020 09:45:51</t>
  </si>
  <si>
    <t>01/24/2020 09:49:03</t>
  </si>
  <si>
    <t>01/24/2020 09:49:53</t>
  </si>
  <si>
    <t>0a7bba07-3eb5-4291-b5e5-b7e08c34dd35.tmp</t>
  </si>
  <si>
    <t>\\acsfs\profiles$\lucasqdss\Downloads\0a7bba07-3eb5-4291-b5e5-b7e08c34dd35.tmp</t>
  </si>
  <si>
    <t>01/24/2020 09:45:37</t>
  </si>
  <si>
    <t>lu218242vf6cq.tmp</t>
  </si>
  <si>
    <t>\\acsfs\profiles$\BRUNAAR\Numero\lu218242vf6cq.tmp</t>
  </si>
  <si>
    <t>01/23/2020 18:46:12</t>
  </si>
  <si>
    <t>01/24/2020 09:50:53</t>
  </si>
  <si>
    <t>01/24/2020 09:48:23</t>
  </si>
  <si>
    <t>01/24/2020 09:51:53</t>
  </si>
  <si>
    <t>01/24/2020 09:50:51</t>
  </si>
  <si>
    <t>01/24/2020 09:50:52</t>
  </si>
  <si>
    <t>01/24/2020 09:49:55</t>
  </si>
  <si>
    <t>01/24/2020 09:53:53</t>
  </si>
  <si>
    <t>3b4fa913-cbf1-4568-a61c-025b2fcd9c7d.tmp</t>
  </si>
  <si>
    <t>\\acsfs\profiles$\DALVADFB\Downloads\3b4fa913-cbf1-4568-a61c-025b2fcd9c7d.tmp</t>
  </si>
  <si>
    <t>01/24/2020 09:50:24</t>
  </si>
  <si>
    <t>f990883f-94db-435c-8bf4-c705d39c5b89.tmp</t>
  </si>
  <si>
    <t>\\acsfs\profiles$\DALVADFB\Downloads\f990883f-94db-435c-8bf4-c705d39c5b89.tmp</t>
  </si>
  <si>
    <t>01/24/2020 09:50:56</t>
  </si>
  <si>
    <t>01/24/2020 09:54:54</t>
  </si>
  <si>
    <t>5728c32f-5153-458c-8da5-af2b612692ba.tmp</t>
  </si>
  <si>
    <t>\\acsfs\profiles$\KARENDSR\Downloads\5728c32f-5153-458c-8da5-af2b612692ba.tmp</t>
  </si>
  <si>
    <t>01/24/2020 09:51:44</t>
  </si>
  <si>
    <t>060fc741-fc5d-444a-841b-04e7504d643c.tmp</t>
  </si>
  <si>
    <t>\\acsfs\profiles$\henriquehmdo\Downloads\060fc741-fc5d-444a-841b-04e7504d643c.tmp</t>
  </si>
  <si>
    <t>01/24/2020 09:51:49</t>
  </si>
  <si>
    <t>01/24/2020 09:52:16</t>
  </si>
  <si>
    <t>01/24/2020 09:53:27</t>
  </si>
  <si>
    <t>25ed93fe-9782-4209-a421-de99195b6e98.tmp</t>
  </si>
  <si>
    <t>\\acsfs\profiles$\henriquehmdo\Downloads\25ed93fe-9782-4209-a421-de99195b6e98.tmp</t>
  </si>
  <si>
    <t>01/24/2020 09:53:43</t>
  </si>
  <si>
    <t>01/24/2020 09:55:53</t>
  </si>
  <si>
    <t>01/24/2020 09:51:40</t>
  </si>
  <si>
    <t>01/24/2020 09:52:58</t>
  </si>
  <si>
    <t>01/24/2020 09:54:00</t>
  </si>
  <si>
    <t>01/24/2020 09:56:54</t>
  </si>
  <si>
    <t>01/24/2020 09:51:41</t>
  </si>
  <si>
    <t>lu116801aege4.tmp</t>
  </si>
  <si>
    <t>\\acsfs\profiles$\dhiulliananads\My Documents\lu116801aege4.tmp</t>
  </si>
  <si>
    <t>\\acsfs\profiles$\dhiulliananads\My Documents\lu116801aege4.tmp\</t>
  </si>
  <si>
    <t>\\acsfs\profiles$\dhiulliananads\My Documents\lu116801aege4.tmp\META-INF\</t>
  </si>
  <si>
    <t>\\acsfs\profiles$\dhiulliananads\My Documents\lu116801aege4.tmp\Thumbnails\</t>
  </si>
  <si>
    <t>01/24/2020 09:52:51</t>
  </si>
  <si>
    <t>01/24/2020 09:57:53</t>
  </si>
  <si>
    <t>0179e551-aeb9-4baf-acb6-de2904fcae4e.tmp</t>
  </si>
  <si>
    <t>\\acsfs\profiles$\ERICALSR\Downloads\0179e551-aeb9-4baf-acb6-de2904fcae4e.tmp</t>
  </si>
  <si>
    <t>01/24/2020 09:58:53</t>
  </si>
  <si>
    <t>01/24/2020 09:57:08</t>
  </si>
  <si>
    <t>01/24/2020 09:59:54</t>
  </si>
  <si>
    <t>01/24/2020 09:58:51</t>
  </si>
  <si>
    <t>c5471dfc-4232-4cc5-a6cf-ee94ded75253.tmp</t>
  </si>
  <si>
    <t>\\acsfs\profiles$\ROZENCAM\Downloads\c5471dfc-4232-4cc5-a6cf-ee94ded75253.tmp</t>
  </si>
  <si>
    <t>01/24/2020 09:54:44</t>
  </si>
  <si>
    <t>01/24/2020 09:59:30</t>
  </si>
  <si>
    <t>01/24/2020 10:00:53</t>
  </si>
  <si>
    <t>01/24/2020 09:59:16</t>
  </si>
  <si>
    <t>c81c5e12-9a61-4d74-adab-029fa919cbd6.tmp</t>
  </si>
  <si>
    <t>\\acsfs\profiles$\gabrielafs\Downloads\c81c5e12-9a61-4d74-adab-029fa919cbd6.tmp</t>
  </si>
  <si>
    <t>06294765-2aa9-43a3-b4d6-c377774deefa.tmp</t>
  </si>
  <si>
    <t>\\acsfs\profiles$\gabrielafs\Downloads\06294765-2aa9-43a3-b4d6-c377774deefa.tmp</t>
  </si>
  <si>
    <t>01/24/2020 09:59:18</t>
  </si>
  <si>
    <t>a95fe0f3-edb0-4aa0-b71b-395a4ee62856.tmp</t>
  </si>
  <si>
    <t>\\acsfs\profiles$\gabrielafs\Downloads\a95fe0f3-edb0-4aa0-b71b-395a4ee62856.tmp</t>
  </si>
  <si>
    <t>ac6a564c-cf98-4af3-ab5f-882f86286e35.tmp</t>
  </si>
  <si>
    <t>\\acsfs\profiles$\gabrielafs\Downloads\ac6a564c-cf98-4af3-ab5f-882f86286e35.tmp</t>
  </si>
  <si>
    <t>01/24/2020 09:57:03</t>
  </si>
  <si>
    <t>01/24/2020 10:01:53</t>
  </si>
  <si>
    <t>4dcd7d2e-a83c-4fa7-af2e-22ba945933c2.tmp</t>
  </si>
  <si>
    <t>\\acsfs\profiles$\lorenabmc\Downloads\4dcd7d2e-a83c-4fa7-af2e-22ba945933c2.tmp</t>
  </si>
  <si>
    <t>01/24/2020 09:57:10</t>
  </si>
  <si>
    <t>5aadaf0e-5640-4313-93e8-554df8e62c0b.tmp</t>
  </si>
  <si>
    <t>\\acsfs\profiles$\lorenabmc\Downloads\5aadaf0e-5640-4313-93e8-554df8e62c0b.tmp</t>
  </si>
  <si>
    <t>01/24/2020 09:59:27</t>
  </si>
  <si>
    <t>389e14a4-782a-4471-bce8-e520b7874ade.tmp</t>
  </si>
  <si>
    <t>\\acsfs\profiles$\lorenabmc\Downloads\389e14a4-782a-4471-bce8-e520b7874ade.tmp</t>
  </si>
  <si>
    <t>01/24/2020 09:58:24</t>
  </si>
  <si>
    <t>01/24/2020 09:56:37</t>
  </si>
  <si>
    <t>01/24/2020 09:56:38</t>
  </si>
  <si>
    <t>01/24/2020 09:59:14</t>
  </si>
  <si>
    <t>01/24/2020 09:58:23</t>
  </si>
  <si>
    <t>01/24/2020 09:58:40</t>
  </si>
  <si>
    <t>747fe376-444e-47e1-832d-7487c1786449.tmp</t>
  </si>
  <si>
    <t>\\acsfs\profiles$\nataliacsl\Downloads\747fe376-444e-47e1-832d-7487c1786449.tmp</t>
  </si>
  <si>
    <t>01/24/2020 09:59:53</t>
  </si>
  <si>
    <t>01/24/2020 10:00:12</t>
  </si>
  <si>
    <t>ca286e31-1b0f-4af0-b68c-3db30ae84228.tmp</t>
  </si>
  <si>
    <t>\\acsfs\profiles$\nataliacsl\Downloads\ca286e31-1b0f-4af0-b68c-3db30ae84228.tmp</t>
  </si>
  <si>
    <t>01/24/2020 10:03:53</t>
  </si>
  <si>
    <t>01/24/2020 10:01:59</t>
  </si>
  <si>
    <t>mail.google.com/sync/u/0/i/s?hl=pt-BR&amp;c=2993</t>
  </si>
  <si>
    <t>01/24/2020 10:03:10</t>
  </si>
  <si>
    <t>mail.google.com/sync/u/0/i/s?hl=pt-BR&amp;c=2996</t>
  </si>
  <si>
    <t>01/24/2020 10:03:19</t>
  </si>
  <si>
    <t>mail.google.com/sync/u/0/i/s?hl=pt-BR&amp;c=2998</t>
  </si>
  <si>
    <t>01/24/2020 10:03:36</t>
  </si>
  <si>
    <t>mail.google.com/sync/u/0/i/s?hl=pt-BR&amp;c=3001</t>
  </si>
  <si>
    <t>01/24/2020 10:03:38</t>
  </si>
  <si>
    <t>mail.google.com/sync/u/0/i/s?hl=pt-BR&amp;c=3003</t>
  </si>
  <si>
    <t>01/24/2020 09:59:31</t>
  </si>
  <si>
    <t>01/24/2020 10:04:53</t>
  </si>
  <si>
    <t>24e54bdb-65a1-490e-b9bb-680ef1d73a3a.tmp</t>
  </si>
  <si>
    <t>\\acsfs\profiles$\ROZENCAM\Downloads\24e54bdb-65a1-490e-b9bb-680ef1d73a3a.tmp</t>
  </si>
  <si>
    <t>01/24/2020 10:02:16</t>
  </si>
  <si>
    <t>01/24/2020 10:02:17</t>
  </si>
  <si>
    <t>lu75856b2stee.tmp</t>
  </si>
  <si>
    <t>\\acsfs\profiles$\LUCASBS\RENEG BV\Consolidado\lu75856b2stee.tmp</t>
  </si>
  <si>
    <t>\\acsfs\profiles$\LUCASBS\RENEG BV\Consolidado\lu75856b2stee.tmp\</t>
  </si>
  <si>
    <t>\\acsfs\profiles$\LUCASBS\RENEG BV\Consolidado\lu75856b2stee.tmp\META-INF\</t>
  </si>
  <si>
    <t>\\acsfs\profiles$\LUCASBS\RENEG BV\Consolidado\lu75856b2stee.tmp\Thumbnails\</t>
  </si>
  <si>
    <t>01/24/2020 10:01:50</t>
  </si>
  <si>
    <t>fc5b291c-037e-4840-86fa-83ddc223040c.tmp</t>
  </si>
  <si>
    <t>\\acsfs\profiles$\yurics\Downloads\fc5b291c-037e-4840-86fa-83ddc223040c.tmp</t>
  </si>
  <si>
    <t>01/24/2020 10:00:58</t>
  </si>
  <si>
    <t>01/24/2020 10:05:53</t>
  </si>
  <si>
    <t>2c103e62-4f76-40dc-92c3-b4dd6170bab4.tmp</t>
  </si>
  <si>
    <t>\\acsfs\profiles$\gabrielsma\Downloads\2c103e62-4f76-40dc-92c3-b4dd6170bab4.tmp</t>
  </si>
  <si>
    <t>\\acsfs\profiles$\gabrielsma\Downloads\2c103e62-4f76-40dc-92c3-b4dd6170bab4.tmp\</t>
  </si>
  <si>
    <t>Accelerators.xcu</t>
  </si>
  <si>
    <t>AddonUI.xcu</t>
  </si>
  <si>
    <t>\\acsfs\profiles$\gabrielsma\Downloads\2c103e62-4f76-40dc-92c3-b4dd6170bab4.tmp\config\</t>
  </si>
  <si>
    <t>config.xcs</t>
  </si>
  <si>
    <t>config.xcu</t>
  </si>
  <si>
    <t>options.xcu</t>
  </si>
  <si>
    <t>contributors.txt</t>
  </si>
  <si>
    <t>description.xml</t>
  </si>
  <si>
    <t>\\acsfs\profiles$\gabrielsma\Downloads\2c103e62-4f76-40dc-92c3-b4dd6170bab4.tmp\Descriptions\</t>
  </si>
  <si>
    <t>descr-de.txt</t>
  </si>
  <si>
    <t>descr-en.txt</t>
  </si>
  <si>
    <t>descr-es.txt</t>
  </si>
  <si>
    <t>descr-fr.txt</t>
  </si>
  <si>
    <t>descr-hu.txt</t>
  </si>
  <si>
    <t>descr-it.txt</t>
  </si>
  <si>
    <t>descr-ja.txt</t>
  </si>
  <si>
    <t>descr-nl.txt</t>
  </si>
  <si>
    <t>\\acsfs\profiles$\gabrielsma\Downloads\2c103e62-4f76-40dc-92c3-b4dd6170bab4.tmp\dialogs\</t>
  </si>
  <si>
    <t>editorkicker.xdl</t>
  </si>
  <si>
    <t>LICENSE</t>
  </si>
  <si>
    <t>\\acsfs\profiles$\gabrielsma\Downloads\2c103e62-4f76-40dc-92c3-b4dd6170bab4.tmp\META-INF\</t>
  </si>
  <si>
    <t>\\acsfs\profiles$\gabrielsma\Downloads\2c103e62-4f76-40dc-92c3-b4dd6170bab4.tmp\python\</t>
  </si>
  <si>
    <t>apso.py</t>
  </si>
  <si>
    <t>apsostrings_de.properties</t>
  </si>
  <si>
    <t>apsostrings_en_US.default</t>
  </si>
  <si>
    <t>apsostrings_en_US.properties</t>
  </si>
  <si>
    <t>apsostrings_es.properties</t>
  </si>
  <si>
    <t>apsostrings_fr.properties</t>
  </si>
  <si>
    <t>apsostrings_hu.properties</t>
  </si>
  <si>
    <t>apsostrings_it.properties</t>
  </si>
  <si>
    <t>apsostrings_ja.properties</t>
  </si>
  <si>
    <t>apsostrings_nl.properties</t>
  </si>
  <si>
    <t>\\acsfs\profiles$\gabrielsma\Downloads\2c103e62-4f76-40dc-92c3-b4dd6170bab4.tmp\python\pythonpath\</t>
  </si>
  <si>
    <t>apso_debug.py</t>
  </si>
  <si>
    <t>apso_utils.py</t>
  </si>
  <si>
    <t>theconsole.py</t>
  </si>
  <si>
    <t>\\acsfs\profiles$\gabrielsma\Downloads\2c103e62-4f76-40dc-92c3-b4dd6170bab4.tmp\python\scripts\</t>
  </si>
  <si>
    <t>tools.py</t>
  </si>
  <si>
    <t>01/24/2020 10:01:13</t>
  </si>
  <si>
    <t>Não confirmado 93545.crdownload</t>
  </si>
  <si>
    <t>\\acsfs\ACS\Gabriel da Silva\Contemporânea\Gen\Não confirmado 93545.crdownload</t>
  </si>
  <si>
    <t>\\acsfs\ACS\Gabriel da Silva\Contemporânea\Gen\Não confirmado 93545.crdownload\</t>
  </si>
  <si>
    <t>\\acsfs\ACS\Gabriel da Silva\Contemporânea\Gen\Não confirmado 93545.crdownload\config\</t>
  </si>
  <si>
    <t>\\acsfs\ACS\Gabriel da Silva\Contemporânea\Gen\Não confirmado 93545.crdownload\Descriptions\</t>
  </si>
  <si>
    <t>\\acsfs\ACS\Gabriel da Silva\Contemporânea\Gen\Não confirmado 93545.crdownload\dialogs\</t>
  </si>
  <si>
    <t>\\acsfs\ACS\Gabriel da Silva\Contemporânea\Gen\Não confirmado 93545.crdownload\META-INF\</t>
  </si>
  <si>
    <t>\\acsfs\ACS\Gabriel da Silva\Contemporânea\Gen\Não confirmado 93545.crdownload\python\</t>
  </si>
  <si>
    <t>\\acsfs\ACS\Gabriel da Silva\Contemporânea\Gen\Não confirmado 93545.crdownload\python\pythonpath\</t>
  </si>
  <si>
    <t>\\acsfs\ACS\Gabriel da Silva\Contemporânea\Gen\Não confirmado 93545.crdownload\python\scripts\</t>
  </si>
  <si>
    <t>01/24/2020 10:02:49</t>
  </si>
  <si>
    <t>01/24/2020 10:02:53</t>
  </si>
  <si>
    <t>5e874bd6-c39b-47f1-95c8-d530e3be0e15.tmp</t>
  </si>
  <si>
    <t>\\acsfs\profiles$\gabrielafs\Downloads\5e874bd6-c39b-47f1-95c8-d530e3be0e15.tmp</t>
  </si>
  <si>
    <t>01/24/2020 10:00:57</t>
  </si>
  <si>
    <t>http:///batch/drive/v2internal?%24ct=multipart%2Fmixed%3B%20boundary%3D%22%3D%3D%3D%3D%3Drragjwv6ep70%3D%3D%3D%3D%3D%22&amp;key=AIzaSyAy9VVXHSpS2IJpptzYtGbLP3-3_l0aBk4</t>
  </si>
  <si>
    <t>ancestorhasaugmentedpermissions;containsunsubscribedchildren;displayname;domain;emailaddress;filesize;hasthumbnail;hasvisitorpermissions;id);items(kind;ken;kesiadof@algartech.com;lastmodifyinguser(kind;lastviewedbymedate;lilianls@algartech.com;modifiedbymedate;modifieddate;ontainsunsubscribedchildren;owners(kind;permission;permissionid;picture;sofiamses@algartech.com;talmaiardo@algartech.com;thumbnailversion;workspaceids;</t>
  </si>
  <si>
    <t>http://ancestorhasaugmentedpermissions,containsunsubscribedchildren,displayname,domain,emailaddress,filesize,hasthumbnail,hasvisitorpermissions,id),items(kind,ken,kesiadof@algartech.com,lastmodifyinguser(kind,lastviewedbymedate,lilianls@algartech.com,modifiedbymedate,modifieddate,ontainsunsubscribedchildren,owners(kind,permission,permissionid,picture,sofiamses@algartech.com,talmaiardo@algartech.com,thumbnailversion,workspaceids</t>
  </si>
  <si>
    <t>01/24/2020 10:01:01</t>
  </si>
  <si>
    <t>http:///batch/drive/v2internal?%24ct=multipart%2Fmixed%3B%20boundary%3D%22%3D%3D%3D%3D%3Dxdwru5blymgc%3D%3D%3D%3D%3D%22&amp;key=AIzaSyAy9VVXHSpS2IJpptzYtGbLP3-3_l0aBk4</t>
  </si>
  <si>
    <t>containsunsubscribedchildren;displayname;domain;emailaddress;filesize;hasvisitorpermissions;id);items(kind;ken;kesiadof@algartech.com;lastmodifyinguser(kind;lastviewedbymedate;modifiedbymedate;modifieddate;ontainsunsubscribedchildren;owners(kind;permissionid;picture;picture�;thiagordu@algartech.com;workspaceids;</t>
  </si>
  <si>
    <t>http://containsunsubscribedchildren,displayname,domain,emailaddress,filesize,hasvisitorpermissions,id),items(kind,ken,kesiadof@algartech.com,lastmodifyinguser(kind,lastviewedbymedate,modifiedbymedate,modifieddate,ontainsunsubscribedchildren,owners(kind,permissionid,picture,picture�,thiagordu@algartech.com,workspaceids</t>
  </si>
  <si>
    <t>01/24/2020 10:01:02</t>
  </si>
  <si>
    <t>http:///batch/drive/v2internal?%24ct=multipart%2Fmixed%3B%20boundary%3D%22%3D%3D%3D%3D%3Ddj4p02o1m1yu%3D%3D%3D%3D%3D%22&amp;key=AIzaSyAy9VVXHSpS2IJpptzYtGbLP3-3_l0aBk4</t>
  </si>
  <si>
    <t>ancestorhasaugmentedpermissions;containsunsubscribedchildren;displayname;domain;emailaddress;filesize;hasthumbnail;hasvisitorpermissions;id);items(kind;ken;kesiadof@algartech.com;lastmodifyinguser(kind;lastviewedbymedate;modifiedbymedate;modifieddate;ontainsunsubscribedchildren;owners(kind;permissioni;permissionid;picture;picture�;thiagordu@algartech.com;thumbnailversion;workspaceids;</t>
  </si>
  <si>
    <t>http://ancestorhasaugmentedpermissions,containsunsubscribedchildren,displayname,domain,emailaddress,filesize,hasthumbnail,hasvisitorpermissions,id),items(kind,ken,kesiadof@algartech.com,lastmodifyinguser(kind,lastviewedbymedate,modifiedbymedate,modifieddate,ontainsunsubscribedchildren,owners(kind,permissioni,permissionid,picture,picture�,thiagordu@algartech.com,thumbnailversion,workspaceids</t>
  </si>
  <si>
    <t>01/24/2020 10:01:03</t>
  </si>
  <si>
    <t>01/24/2020 10:01:04</t>
  </si>
  <si>
    <t>http:///batch/drive/v2internal?%24ct=multipart%2Fmixed%3B%20boundary%3D%22%3D%3D%3D%3D%3Djzw89kgp3k44%3D%3D%3D%3D%3D%22&amp;key=AIzaSyAy9VVXHSpS2IJpptzYtGbLP3-3_l0aBk4</t>
  </si>
  <si>
    <t>ancestorhasaugmentedpermissions;containsunsubscribedchildren;dis;displayname;domain;emailaddress;filesize;hasthumbnail;hasvisitorpermissions;id);items(kind;ken;kesiadof@algartech.com;lastmodifyi;lastmodifyinguser(kind;lastviewedbymedate;modifiedbymedate;modifieddate;ontainsunsubscribedchildren;owners(kind;permissioni;permissionid;picture;picture�;rpermissions;thiagordu@algartech.com;thumbnailversion;workspaceids;</t>
  </si>
  <si>
    <t>http://ancestorhasaugmentedpermissions,containsunsubscribedchildren,dis,displayname,domain,emailaddress,filesize,hasthumbnail,hasvisitorpermissions,id),items(kind,ken,kesiadof@algartech.com,lastmodifyi,lastmodifyinguser(kind,lastviewedbymedate,modifiedbymedate,modifieddate,ontainsunsubscribedchildren,owners(kind,permissioni,permissionid,picture,picture�,rpermissions,thiagordu@algartech.com,thumbnailversion,workspaceids</t>
  </si>
  <si>
    <t>01/24/2020 10:01:05</t>
  </si>
  <si>
    <t>01/24/2020 10:01:22</t>
  </si>
  <si>
    <t>http:///batch/drive/v2internal?%24ct=multipart%2Fmixed%3B%20boundary%3D%22%3D%3D%3D%3D%3Dfs02ilxhicfo%3D%3D%3D%3D%3D%22&amp;key=AIzaSyAy9VVXHSpS2IJpptzYtGbLP3-3_l0aBk4</t>
  </si>
  <si>
    <t>ancestorhasaugmentedpermissions;containsunsubscribedchildren;displayname;domain;emailaddress;file(kind;fileid;filesize;hasthumbnail;hasvisitorpermissions;id;id);items(deleted;ken;kind;lastmodifyinguser(kind;lastviewedbymedate;modifiedbymedate;modifieddate;ontainsunsubscribedchildren;owners(kind;perm;permissionid;picture;shared;sharedwithmedate;thumbnailversion;title;userpermission(role);workspaceids;</t>
  </si>
  <si>
    <t>http://ancestorhasaugmentedpermissions,containsunsubscribedchildren,displayname,domain,emailaddress,file(kind,fileid,filesize,hasthumbnail,hasvisitorpermissions,id,id),items(deleted,ken,kind,lastmodifyinguser(kind,lastviewedbymedate,modifiedbymedate,modifieddate,ontainsunsubscribedchildren,owners(kind,perm,permissionid,picture,shared,sharedwithmedate,thumbnailversion,title,userpermission(role),workspaceids</t>
  </si>
  <si>
    <t>01/24/2020 10:01:28</t>
  </si>
  <si>
    <t>http:///drive/jserror?script=https%3A%2F%2Fdrive.google.com%2Fdrive%2Fmy-drive&amp;error=pa%60ComponentId%3CbSrUHe%3E%60gewHbe&amp;line=Not%20available</t>
  </si>
  <si>
    <t>"4":"pr_378_0"};12;13700109;13700167;13700185;13700235;13700266;13700451;13700563;13700607;13700883;13700951;13700982;13701078;13701139;13701214;13701235;13701239;13701262;13701298;13701418;13701422;13701430;13701450&amp;context.historytoken_=my-drive&amp;contencliente:7":"cpoceaayasicchqoadga"};13701458;13701486;13701506;13701510;13701534;13701537;13701573;13701577;13701589;13701609;13701613;13701625;13701653;13701657;13701693;13701709;13701749;13701781;13701825;13701833;13701901;13701905;13701909;13701921;13701945;13701949;13701953;13701957;13701969;13702016;13702036;13702064;13702068;13702084;13702088;5701393;7;b8_q9g/m=ws9tlc;ed3vre;eitzxb;fabianacscg@algartech.com;hjdwec;izt63;kesiadof@algartech.com;lilianls@algartech.com;npd4ec;p.location=https://drive.google.com/drive/my-drive&amp;context.buildlabel=drive.web-frontend_20200114.00_p4&amp;context.lasttick=pst&amp;context.uptime=00:00:32.563&amp;context.version=drive_fe.main.pt_br.nffxplqldqo.o&amp;context.experimentids=13701207;prpyrd;ryhhrc;s39s4;sy127;sy12e;syk;sykb;sykc;sykd;syl</t>
  </si>
  <si>
    <t>http://"4":"pr_378_0"},12,13700109,13700167,13700185,13700235,13700266,13700451,13700563,13700607,13700883,13700951,13700982,13701078,13701139,13701214,13701235,13701239,13701262,13701298,13701418,13701422,13701430,13701450&amp;context.historytoken_=my-drive&amp;contencliente:7":"cpoceaayasicchqoadga"},13701458,13701486,13701506,13701510,13701534,13701537,13701573,13701577,13701589,13701609,13701613,13701625,13701653,13701657,13701693,13701709,13701749,13701781,13701825,13701833,13701901,13701905,13701909,13701921,13701945,13701949,13701953,13701957,13701969,13702016,13702036,13702064,13702068,13702084,13702088,5701393,7,b8_q9g/m=ws9tlc,ed3vre,eitzxb,fabianacscg@algartech.com,hjdwec,izt63,kesiadof@algartech.com,lilianls@algartech.com,npd4ec,p.location=https://drive.google.com/drive/my-drive&amp;context.buildlabel=drive.web-frontend_20200114.00_p4&amp;context.lasttick=pst&amp;context.uptime=00:00:32.563&amp;context.version=drive_fe.main.pt_br.nffxplqldqo.o&amp;context.experimentids=13701207,prpyrd,ryhhrc,s39s4,sy127,sy12e,syk,sykb,sykc,s</t>
  </si>
  <si>
    <t>"4":"pr_378_0"};12;13700109;13700167;13700185;13700235;13700266;13700451;13700563;13700607;13700883;13700951;13700982;13701078;13701139;13701214;13701235;13701239;13701262;13701298;13701418;13701422;13701430;13701450&amp;context.historytoken_=my-drive&amp;contencliente:7":"cpoceaayasicchqoadga"};13701450&amp;context.historytoken_=my-drive&amp;context.network=online&amp;context.numnetstatechgs=0&amp;context.action=no action executed&amp;context.majorexperiments=csw_off;13701458;13701486;13701506;13701510;13701534;13701537;13701573;13701577;13701589;13701609;13701613;13701625;13701653;13701657;13701693;13701709;13701749;13701781;13701825;13701833;13701901;13701905;13701909;13701921;13701945;13701949;13701953;13701957;13701969;13702016;13702036;13702064;13702068;13702084;13702088;5701393;7;b8_q9g/m=ws9tlc;core:378:59) at object._.zk (https://drive.google.com/_/drive_fe/_/js/k=drive_fe.main.pt_br.nffxplqldqo.o/am=mrqermsehow;ed3vre;eitzxb;fabianacscg@algartech.com;hjdwec;izt63;kesiadof@algartech.com;lilianls@algartech.com;npd4ec;p.location=</t>
  </si>
  <si>
    <t>http://"4":"pr_378_0"},12,13700109,13700167,13700185,13700235,13700266,13700451,13700563,13700607,13700883,13700951,13700982,13701078,13701139,13701214,13701235,13701239,13701262,13701298,13701418,13701422,13701430,13701450&amp;context.historytoken_=my-drive&amp;contencliente:7":"cpoceaayasicchqoadga"},13701450&amp;context.historytoken_=my-drive&amp;context.network=online&amp;context.numnetstatechgs=0&amp;context.action=no action executed&amp;context.majorexperiments=csw_off,13701458,13701486,13701506,13701510,13701534,13701537,13701573,13701577,13701589,13701609,13701613,13701625,13701653,13701657,13701693,13701709,13701749,13701781,13701825,13701833,13701901,13701905,13701909,13701921,13701945,13701949,13701953,13701957,13701969,13702016,13702036,13702064,13702068,13702084,13702088,5701393,7,b8_q9g/m=ws9tlc,core:378:59) at object._.zk (https://drive.google.com/_/drive_fe/_/js/k=drive_fe.main.pt_br.nffxplqldqo.o/am=mrqermsehow,ed3vre,eitzxb,fabianacscg@algartech.com,hjdwec,izt63,kesiadof@algartech.com,lilianls@algartech.com,npd4ec,p.lo</t>
  </si>
  <si>
    <t>"4":"pr_378_0"};12;13700109;13700167;13700185;13700235;13700266;13700451;13700563;13700607;13700883;13700951;13700982;13701078;13701139;13701214;13701235;13701239;13701262;13701298;13701418;13701422;13701430;13701450&amp;context.historytoken_=my-drive&amp;conteive&amp;conte�hwe�y��n�)��� _x0017_�yϾ_x001F__x001A_/7��Ӹ&amp;տczyh���q~��iv/]���{��t�h0�9�l�wn�qh�'r��_x000F_qfd;13701450&amp;context.historytoken_=my-drive&amp;contencliente:7":"cpoceaayasicchqoadga"};13701450&amp;context.historytoken_=my-drive&amp;context.network=online&amp;context.numnetstatechgs=0&amp;context.action=no action executed&amp;context.majorexperiments=csw_off;13701458;13701486;13701506;13701510;13701534;13701537;13701573;13701577;13701589;13701609;13701613;13701625;13701653;13701657;13701693;13701709;13701749;13701781;13701825;13701833;13701901;13701905;13701909;13701921;13701945;13701949;13701953;13701957;13701969;13702016;13702036;13702064;13702068;13702084;13702088;5701393;7;b8_q9g/m=ws9tlc;core:378:59) at object._.zk (https://drive.google.com/_/drive_fe/_/js/k=drive_fe.main.pt_br.nffxplqldqo.o/am=</t>
  </si>
  <si>
    <t>http://"4":"pr_378_0"},12,13700109,13700167,13700185,13700235,13700266,13700451,13700563,13700607,13700883,13700951,13700982,13701078,13701139,13701214,13701235,13701239,13701262,13701298,13701418,13701422,13701430,13701450&amp;context.historytoken_=my-drive&amp;conteive&amp;conte�hwe�y��n�)��� _x0017_�yϾ_x001F__x001A_/7��Ӹ&amp;տczyh���q~��iv/]���{��t�h0�9�l�wn�qh�'r��_x000F_qfd,13701450&amp;context.historytoken_=my-drive&amp;contencliente:7":"cpoceaayasicchqoadga"},13701450&amp;context.historytoken_=my-drive&amp;context.network=online&amp;context.numnetstatechgs=0&amp;context.action=no action executed&amp;context.majorexperiments=csw_off,13701458,13701486,13701506,13701510,13701534,13701537,13701573,13701577,13701589,13701609,13701613,13701625,13701653,13701657,13701693,13701709,13701749,13701781,13701825,13701833,13701901,13701905,13701909,13701921,13701945,13701949,13701953,13701957,13701969,13702016,13702036,13702064,13702068,13702084,13702088,5701393,7,b8_q9g/m=ws9tlc,core:378:59) at object._.zk (https://drive.google.com/_/drive_fe/_/js/k=drive_fe.main.pt_br.nffxplqldq</t>
  </si>
  <si>
    <t>01/24/2020 10:01:29</t>
  </si>
  <si>
    <t>"4":"pr_378_0"};12;13700109;13700167;13700185;13700235;13700266;13700451;13700563;13700607;13700883;13700951;13700982;13701078;13701139;13701214;13701235;13701239;13701262;13701298;13701418;13701422;13701430;13701450&amp;context.historytoken_=my-drive&amp;conte10-4ac73916909414.5.pt-br5.pt-br26.10030000ad123df7-unlimited1.s24.ffghim2hp0goqeyheripld;13701450&amp;context.historytoken_=my-drive&amp;conteive&amp;conte�hwe�y��n�)��� _x0017_�yϾ_x001F__x001A_/7��Ӹ&amp;տczyh���q~��iv/]���{��t�h0�9�l�wn�qh�'r��_x000F_qfd;13701450&amp;context.historytoken_=my-drive&amp;contencliente:7":"cpoceaayasicchqoadga"};13701450&amp;context.historytoken_=my-drive&amp;context.network=online&amp;context.numnetstatechgs=0&amp;context.action=no action executed&amp;context.majorexperiments=csw_off;13701458;13701486;13701506;13701510;13701534;13701537;13701573;13701577;13701589;13701609;13701613;13701625;13701653;13701657;13701693;13701709;13701749;13701781;13701825;13701833;13701901;13701905;13701909;13701921;13701945;13701949;13701953;13701957;13701969;13702016;13702036;13702064;13702068;13702084;13702088;</t>
  </si>
  <si>
    <t>http://"4":"pr_378_0"},12,13700109,13700167,13700185,13700235,13700266,13700451,13700563,13700607,13700883,13700951,13700982,13701078,13701139,13701214,13701235,13701239,13701262,13701298,13701418,13701422,13701430,13701450&amp;context.historytoken_=my-drive&amp;conte10-4ac73916909414.5.pt-br5.pt-br26.10030000ad123df7-unlimited1.s24.ffghim2hp0goqeyheripld,13701450&amp;context.historytoken_=my-drive&amp;conteive&amp;conte�hwe�y��n�)��� _x0017_�yϾ_x001F__x001A_/7��Ӹ&amp;տczyh���q~��iv/]���{��t�h0�9�l�wn�qh�'r��_x000F_qfd,13701450&amp;context.historytoken_=my-drive&amp;contencliente:7":"cpoceaayasicchqoadga"},13701450&amp;context.historytoken_=my-drive&amp;context.network=online&amp;context.numnetstatechgs=0&amp;context.action=no action executed&amp;context.majorexperiments=csw_off,13701458,13701486,13701506,13701510,13701534,13701537,13701573,13701577,13701589,13701609,13701613,13701625,13701653,13701657,13701693,13701709,13701749,13701781,13701825,13701833,13701901,13701905,13701909,13701921,13701945,13701949,13701953,13701957,13701969,13702016,13702036,13702064,13702068,13702084,13</t>
  </si>
  <si>
    <t>"4":"pr_378_0"};"transienteditsessiontoken":"xy0n/43e90oz3vo5znnvpd;12;13700109;13700167;13700185;13700235;13700266;13700451;13700563;13700607;13700883;13700951;13700982;13701078;13701139;13701214;13701235;13701239;13701262;13701298;13701418;13701422;13701430;13701450&amp;context.historytoken_=my-drive&amp;conte10-4ac73916909414.5.pt-br5.pt-br26.10030000ad123df7-unlimited1.s24.ffghim2hp0goqeyheripld;13701450&amp;context.historytoken_=my-drive&amp;conteive&amp;conte�hwe�y��n�)��� _x0017_�yϾ_x001F__x001A_/7��Ӹ&amp;տczyh���q~��iv/]���{��t�h0�9�l�wn�qh�'r��_x000F_qfd;13701450&amp;context.historytoken_=my-drive&amp;contencliente:7":"cpoceaayasicchqoadga"};13701450&amp;context.historytoken_=my-drive&amp;contet-br5.pt-br1.m1.n0.1.s";13701450&amp;context.historytoken_=my-drive&amp;context.network=online&amp;context.numnetstatechgs=0&amp;context.action=no action executed&amp;context.majorexperiments=csw_off;13701458;13701486;13701506;13701510;13701534;13701537;13701573;13701577;13701589;13701609;13701613;13701625;13701653;13701657;13701693;13701709;13701749;13701781;13701825;13701833;13701901;13701</t>
  </si>
  <si>
    <t>http://"4":"pr_378_0"},"transienteditsessiontoken":"xy0n/43e90oz3vo5znnvpd,12,13700109,13700167,13700185,13700235,13700266,13700451,13700563,13700607,13700883,13700951,13700982,13701078,13701139,13701214,13701235,13701239,13701262,13701298,13701418,13701422,13701430,13701450&amp;context.historytoken_=my-drive&amp;conte10-4ac73916909414.5.pt-br5.pt-br26.10030000ad123df7-unlimited1.s24.ffghim2hp0goqeyheripld,13701450&amp;context.historytoken_=my-drive&amp;conteive&amp;conte�hwe�y��n�)��� _x0017_�yϾ_x001F__x001A_/7��Ӹ&amp;տczyh���q~��iv/]���{��t�h0�9�l�wn�qh�'r��_x000F_qfd,13701450&amp;context.historytoken_=my-drive&amp;contencliente:7":"cpoceaayasicchqoadga"},13701450&amp;context.historytoken_=my-drive&amp;contet-br5.pt-br1.m1.n0.1.s",13701450&amp;context.historytoken_=my-drive&amp;context.network=online&amp;context.numnetstatechgs=0&amp;context.action=no action executed&amp;context.majorexperiments=csw_off,13701458,13701486,13701506,13701510,13701534,13701537,13701573,13701577,13701589,13701609,13701613,13701625,13701653,13701657,13701693,13701709,13701749,13701781,13701825,13701833,1370190</t>
  </si>
  <si>
    <t>01/24/2020 10:01:32</t>
  </si>
  <si>
    <t>http:///batch/drive/v2internal?%24ct=multipart%2Fmixed%3B%20boundary%3D%22%3D%3D%3D%3D%3Dxstd4g9bs3ld%3D%3D%3D%3D%3D%22&amp;key=AIzaSyAy9VVXHSpS2IJpptzYtGbLP3-3_l0aBk4</t>
  </si>
  <si>
    <t>01/24/2020 10:01:33</t>
  </si>
  <si>
    <t>http:///batch/drive/v2internal?%24ct=multipart%2Fmixed%3B%20boundary%3D%22%3D%3D%3D%3D%3Dpf4v9zkeulyi%3D%3D%3D%3D%3D%22&amp;key=AIzaSyAy9VVXHSpS2IJpptzYtGbLP3-3_l0aBk4</t>
  </si>
  <si>
    <t>"10":{"1":608;"12":"157979871577273887d98ff9354a0";"13":"pt-br";"14":"br";"14":"pt-br"};"17":{"1":["1579798716303"]};"2":"-03:00";"2":{"1":3;"21":"";"25":{"1":"1579798715772";"26":{"2":[{"1":{"1":"depesa";"3":"fernanda aparecida borges";"3":{"2":"1579870911888"}};"4":"pr_1_0"};"4":"pr_2_0"};"4":{"1":{"1":[{"1":"00.05"}]}};"4":{"1":{"1":[{"1":"aos 00"}]erá�;"4":{"1":{"1":[{"1":"despesa"}]}};"5":"msg-a:r-7010566013274349893";"5":{"1":"";"7":"caeqabgbigvwdc1cuigaoaa"};"7":"caiqabgbigvwdc1cuigaoaa"};"8":{"2":1};0;0.308;0.327;0.333;0.442;0.462];0.477;0.534];0.5827505827505828];0.669;0.683];0.697];0.924;0.929;0.938];0];0b4vk1nej0x-0evfebi0xngxmsxvumzlzv2ppqufsszhnwe04;1;1.053;1.146];1.358;1.358];1.437;1.556;1.556];1.719;1.822];10.668;10.668];10442.914999992354;10442.9149999923558:27 \ntécnico: 90gcomportamental: 100gmédia: 95gsolicitação: contestação de despesa\nitem pontuado: disponibilidade- mudo acima de 1 minuto\nobservação: operadora solicita um momento aos 00:01:38 e retorna aso 00:03:49;10525.284999996074;10</t>
  </si>
  <si>
    <t>http://"10":{"1":608,"12":"157979871577273887d98ff9354a0","13":"pt-br","14":"br","14":"pt-br"},"17":{"1":["1579798716303"]},"2":"-03:00","2":{"1":3,"21":"","25":{"1":"1579798715772","26":{"2":[{"1":{"1":"depesa","3":"fernanda aparecida borges","3":{"2":"1579870911888"}},"4":"pr_1_0"},"4":"pr_2_0"},"4":{"1":{"1":[{"1":"00.05"}]}},"4":{"1":{"1":[{"1":"aos 00"}]erá�,"4":{"1":{"1":[{"1":"despesa"}]}},"5":"msg-a:r-7010566013274349893","5":{"1":"","7":"caeqabgbigvwdc1cuigaoaa"},"7":"caiqabgbigvwdc1cuigaoaa"},"8":{"2":1},0,0.308,0.327,0.333,0.442,0.462],0.477,0.534],0.5827505827505828],0.669,0.683],0.697],0.924,0.929,0.938],0],0b4vk1nej0x-0evfebi0xngxmsxvumzlzv2ppqufsszhnwe04,1,1.053,1.146],1.358,1.358],1.437,1.556,1.556],1.719,1.822],10.668,10.668],10442.914999992354,10442.9149999923558:27 \ntécnico: 90gcomportamental: 100gmédia: 95gsolicitação: contestação de despesa\nitem pontuado: disponibilidade- mudo acima de 1 minuto\nobservação: operadora solicita um momento aos 00:01:38 e retorna aso 00:03:49,10525.28499999</t>
  </si>
  <si>
    <t>01/24/2020 10:01:54</t>
  </si>
  <si>
    <t>"10":{"1":608;"12":"157979871577273887d98ff9354a0";"13":"pt-br";"14":"br";"14":"pt-br"};"17":{"1":["1579798716303"]};"2":"-03:00";"2":{"1":3;"21":"";"25":{"1":"1579798715772";"26":{"2":[{"1":{"1":"depesa";"3":"fernanda aparecida borges";"3":{"2":"1579870911888"}};"4":"pr_1_0"};"4":"pr_2_0"};"4":{"1":{"1":[{"1":"00.05"}]}};"4":{"1":{"1":[{"1":"aos 00"}]erá�;"4":{"1":{"1":[{"1":"despesa"}]}};"5":"msg-a:r-7010566013274349893";"5":{"1":"";"7":"caeqabgbigvwdc1cuigaoaa"};"7":"caiqabgbigvwdc1cuigaoaa"};"8":{"2":1};"mozilla/5.0 (windows nt 6.1) applewebkit/537.36 (khtml;"xmlhttpr\ntécnico: 70gcomportamental: 100gmédia: 85gsolicitação: condução de atendimento\nitem pontuado: informação sobre a anuidade\nobservação: cliente solicita que envie o protocolo de atendimento;0;0.271;0.307;0.308;0.327;0.333;0.371];0.38;0.442;0.462];0.477;0.528;0.534];0.566;0.5827505827505828];0.586;0.593;0.62];0.669;0.675];0.683];0.697];0.908];0.924;0.929;0.938];0.964];0];0b4vk1nej0x-0evfebi0xngxmsxvumzlzv2ppqufsszhnwe04;1;1.053;1.146];1.164]</t>
  </si>
  <si>
    <t>http://"10":{"1":608,"12":"157979871577273887d98ff9354a0","13":"pt-br","14":"br","14":"pt-br"},"17":{"1":["1579798716303"]},"2":"-03:00","2":{"1":3,"21":"","25":{"1":"1579798715772","26":{"2":[{"1":{"1":"depesa","3":"fernanda aparecida borges","3":{"2":"1579870911888"}},"4":"pr_1_0"},"4":"pr_2_0"},"4":{"1":{"1":[{"1":"00.05"}]}},"4":{"1":{"1":[{"1":"aos 00"}]erá�,"4":{"1":{"1":[{"1":"despesa"}]}},"5":"msg-a:r-7010566013274349893","5":{"1":"","7":"caeqabgbigvwdc1cuigaoaa"},"7":"caiqabgbigvwdc1cuigaoaa"},"8":{"2":1},"mozilla/5.0 (windows nt 6.1) applewebkit/537.36 (khtml,"xmlhttpr\ntécnico: 70gcomportamental: 100gmédia: 85gsolicitação: condução de atendimento\nitem pontuado: informação sobre a anuidade\nobservação: cliente solicita que envie o protocolo de atendimento,0,0.271,0.307,0.308,0.327,0.333,0.371],0.38,0.442,0.462],0.477,0.528,0.534],0.566,0.5827505827505828],0.586,0.593,0.62],0.669,0.675],0.683],0.697],0.908],0.924,0.929,0.938],0.964],0],0b4vk1nej0x-0evfebi0xngxmsxvumzlzv2ppqufsszhnwe04,1,1.053,1.146]</t>
  </si>
  <si>
    <t>01/24/2020 10:03:09</t>
  </si>
  <si>
    <t>http:///batch/drive/v2internal?%24ct=multipart%2Fmixed%3B%20boundary%3D%22%3D%3D%3D%3D%3Dwvcygna560cq%3D%3D%3D%3D%3D%22&amp;key=AIzaSyAy9VVXHSpS2IJpptzYtGbLP3-3_l0aBk4</t>
  </si>
  <si>
    <t>ancestorhasaugmentedpermissions;containsunsubscribedchildren;displayname;domain;emailaddress;fabianacscg@algartech.com;file(kind;fileid;filesize;hasthumbnail;hasvisitorpermissions;id;id);items(deleted;ken;kesiadof@algartech.com;kind;lastmodifyinguser(kind;lastviewedbymedate;lilianls@algartech.com;modifiedbymedate;modifieddate;ontainsunsubscribedchildren;owners(kind;perm;permissionid;picture;shared;sharedwithmedate;sofiamses@algartech.com;talmaiardo@algartech.com;thumbnailversion;title;userpermission(role);workspaceids;</t>
  </si>
  <si>
    <t>http://ancestorhasaugmentedpermissions,containsunsubscribedchildren,displayname,domain,emailaddress,fabianacscg@algartech.com,file(kind,fileid,filesize,hasthumbnail,hasvisitorpermissions,id,id),items(deleted,ken,kesiadof@algartech.com,kind,lastmodifyinguser(kind,lastviewedbymedate,lilianls@algartech.com,modifiedbymedate,modifieddate,ontainsunsubscribedchildren,owners(kind,perm,permissionid,picture,shared,sharedwithmedate,sofiamses@algartech.com,talmaiardo@algartech.com,thumbnailversion,title,userpermission(role),workspaceids</t>
  </si>
  <si>
    <t>http:///batch/drive/v2internal?%24ct=multipart%2Fmixed%3B%20boundary%3D%22%3D%3D%3D%3D%3D45mzfse61q46%3D%3D%3D%3D%3D%22&amp;key=AIzaSyAy9VVXHSpS2IJpptzYtGbLP3-3_l0aBk4</t>
  </si>
  <si>
    <t>01/24/2020 10:04:58</t>
  </si>
  <si>
    <t>01/24/2020 10:05:25</t>
  </si>
  <si>
    <t>01/24/2020 10:06:53</t>
  </si>
  <si>
    <t>01/24/2020 10:01:46</t>
  </si>
  <si>
    <t>10.200.66.123</t>
  </si>
  <si>
    <t>0f9a962b-31ba-443e-8bc8-3e7eec97d549.tmp</t>
  </si>
  <si>
    <t>\\acsfs\profiles$\mariagsg\Downloads\0f9a962b-31ba-443e-8bc8-3e7eec97d549.tmp</t>
  </si>
  <si>
    <t>01/24/2020 10:01:47</t>
  </si>
  <si>
    <t>56b56e6f-cec2-4a17-b758-e50cce00c4cd.tmp</t>
  </si>
  <si>
    <t>\\acsfs\profiles$\mariagsg\Downloads\56b56e6f-cec2-4a17-b758-e50cce00c4cd.tmp</t>
  </si>
  <si>
    <t>01/24/2020 10:01:56</t>
  </si>
  <si>
    <t>01/24/2020 10:02:21</t>
  </si>
  <si>
    <t>01/24/2020 10:03:54</t>
  </si>
  <si>
    <t>01/24/2020 10:04:54</t>
  </si>
  <si>
    <t>01/24/2020 10:08:53</t>
  </si>
  <si>
    <t>01/24/2020 10:04:35</t>
  </si>
  <si>
    <t>TALITA FERNANDES DA COSTA_1_6781793999447467995_1_32.wav</t>
  </si>
  <si>
    <t>\\acsfs\Deptos\EDUCACAO EMPRESARIAL\KÉSIA\Ligações 3º ciclo - Janeiro 2020\TALITA FERNANDES DA COSTA_1_6781793999447467995_1_32.wav</t>
  </si>
  <si>
    <t>01/24/2020 10:04:26</t>
  </si>
  <si>
    <t>01/24/2020 10:04:27</t>
  </si>
  <si>
    <t>01/24/2020 10:04:29</t>
  </si>
  <si>
    <t>01/24/2020 10:03:44</t>
  </si>
  <si>
    <t>mail.google.com/sync/u/0/i/s?hl=pt-BR&amp;c=3005</t>
  </si>
  <si>
    <t>01/24/2020 10:03:55</t>
  </si>
  <si>
    <t>mail.google.com/sync/u/0/i/s?hl=pt-BR&amp;c=3008</t>
  </si>
  <si>
    <t>01/24/2020 10:03:58</t>
  </si>
  <si>
    <t>mail.google.com/sync/u/0/i/s?hl=pt-BR&amp;c=3010</t>
  </si>
  <si>
    <t>bvcartes-supervisores@algarnet.onmicrosoft.com;eduardo.santana@bv.com.br;fabio.ernest@bv.com.br;jean.loiola@bv.com.br;qualidadealgarbv@algartech.com;thiagordu@algartech.com;vitorgmp@algartech.com;</t>
  </si>
  <si>
    <t>bvcartes-supervisores@algarnet.onmicrosoft.com,eduardo.santana@bv.com.br,fabio.ernest@bv.com.br,jean.loiola@bv.com.br,qualidadealgarbv@algartech.com,thiagordu@algartech.com,vitorgmp@algartech.com</t>
  </si>
  <si>
    <t>01/24/2020 10:04:00</t>
  </si>
  <si>
    <t>mail.google.com/sync/u/0/i/s?hl=pt-BR&amp;c=3012</t>
  </si>
  <si>
    <t>01/24/2020 10:04:03</t>
  </si>
  <si>
    <t>mail.google.com/sync/u/0/i/s?hl=pt-BR&amp;c=3014</t>
  </si>
  <si>
    <t>01/24/2020 10:09:53</t>
  </si>
  <si>
    <t>01/24/2020 10:06:50</t>
  </si>
  <si>
    <t>lu218242vf6cu.tmp</t>
  </si>
  <si>
    <t>\\acsfs\profiles$\BRUNAAR\Numero\lu218242vf6cu.tmp</t>
  </si>
  <si>
    <t>01/24/2020 10:08:35</t>
  </si>
  <si>
    <t>01/24/2020 10:10:53</t>
  </si>
  <si>
    <t>5ce4e812-e8fd-42cb-aa7e-f5b76b96e20d.tmp</t>
  </si>
  <si>
    <t>\\acsfs\profiles$\matheushds\Downloads\5ce4e812-e8fd-42cb-aa7e-f5b76b96e20d.tmp</t>
  </si>
  <si>
    <t>01/24/2020 10:08:27</t>
  </si>
  <si>
    <t>f519807c-2196-459e-93c9-144807a8e9bb.tmp</t>
  </si>
  <si>
    <t>\\acsfs\profiles$\gabrielsma\Downloads\f519807c-2196-459e-93c9-144807a8e9bb.tmp</t>
  </si>
  <si>
    <t>01/24/2020 10:08:29</t>
  </si>
  <si>
    <t>01/24/2020 10:06:26</t>
  </si>
  <si>
    <t>01/24/2020 10:11:53</t>
  </si>
  <si>
    <t>01/24/2020 10:09:28</t>
  </si>
  <si>
    <t>1aba5201-dbf2-4eb8-8c9f-e614067ebd32.tmp</t>
  </si>
  <si>
    <t>\\acsfs\profiles$\gabrielhca\Downloads\1aba5201-dbf2-4eb8-8c9f-e614067ebd32.tmp</t>
  </si>
  <si>
    <t>01/24/2020 10:09:15</t>
  </si>
  <si>
    <t>94fb07ba-5e12-40f2-af8e-ab87069d0507.tmp</t>
  </si>
  <si>
    <t>\\acsfs\profiles$\lorenabmc\Downloads\94fb07ba-5e12-40f2-af8e-ab87069d0507.tmp</t>
  </si>
  <si>
    <t>01/24/2020 10:09:17</t>
  </si>
  <si>
    <t>01/24/2020 10:09:54</t>
  </si>
  <si>
    <t>361a95ff-b9bb-4396-842c-c3ff15b04ca8.tmp</t>
  </si>
  <si>
    <t>\\acsfs\profiles$\ALYNYA\Downloads\361a95ff-b9bb-4396-842c-c3ff15b04ca8.tmp</t>
  </si>
  <si>
    <t>01/24/2020 10:08:10</t>
  </si>
  <si>
    <t>01/24/2020 10:13:53</t>
  </si>
  <si>
    <t>01/24/2020 10:13:40</t>
  </si>
  <si>
    <t>012e90ee-3d6b-4b92-8423-109c004dec2d.tmp</t>
  </si>
  <si>
    <t>\\acsfs\profiles$\larissaad\Downloads\012e90ee-3d6b-4b92-8423-109c004dec2d.tmp</t>
  </si>
  <si>
    <t>01/24/2020 10:14:53</t>
  </si>
  <si>
    <t>01/24/2020 10:12:00</t>
  </si>
  <si>
    <t>lu9872zhnbt.tmp</t>
  </si>
  <si>
    <t>\\acsfs\profiles$\VIVIANALDS\My Documents\lu9872zhnbt.tmp</t>
  </si>
  <si>
    <t>\\acsfs\profiles$\VIVIANALDS\My Documents\lu9872zhnbt.tmp\</t>
  </si>
  <si>
    <t>\\acsfs\profiles$\VIVIANALDS\My Documents\lu9872zhnbt.tmp\META-INF\</t>
  </si>
  <si>
    <t>\\acsfs\profiles$\VIVIANALDS\My Documents\lu9872zhnbt.tmp\Thumbnails\</t>
  </si>
  <si>
    <t>01/24/2020 10:12:03</t>
  </si>
  <si>
    <t>lu9872zhnbx.tmp</t>
  </si>
  <si>
    <t>\\acsfs\profiles$\VIVIANALDS\My Documents\lu9872zhnbx.tmp</t>
  </si>
  <si>
    <t>\\acsfs\profiles$\VIVIANALDS\My Documents\lu9872zhnbx.tmp\</t>
  </si>
  <si>
    <t>\\acsfs\profiles$\VIVIANALDS\My Documents\lu9872zhnbx.tmp\META-INF\</t>
  </si>
  <si>
    <t>\\acsfs\profiles$\VIVIANALDS\My Documents\lu9872zhnbx.tmp\Thumbnails\</t>
  </si>
  <si>
    <t>01/24/2020 10:12:15</t>
  </si>
  <si>
    <t>lu9872zhnc1.tmp</t>
  </si>
  <si>
    <t>\\acsfs\profiles$\VIVIANALDS\My Documents\lu9872zhnc1.tmp</t>
  </si>
  <si>
    <t>\\acsfs\profiles$\VIVIANALDS\My Documents\lu9872zhnc1.tmp\</t>
  </si>
  <si>
    <t>\\acsfs\profiles$\VIVIANALDS\My Documents\lu9872zhnc1.tmp\META-INF\</t>
  </si>
  <si>
    <t>\\acsfs\profiles$\VIVIANALDS\My Documents\lu9872zhnc1.tmp\Thumbnails\</t>
  </si>
  <si>
    <t>01/24/2020 10:10:06</t>
  </si>
  <si>
    <t>01/24/2020 10:15:53</t>
  </si>
  <si>
    <t>7f37adf5-144f-496b-8919-122245d40279.tmp</t>
  </si>
  <si>
    <t>\\acsfs\profiles$\matheushds\Downloads\7f37adf5-144f-496b-8919-122245d40279.tmp</t>
  </si>
  <si>
    <t>01/24/2020 10:11:17</t>
  </si>
  <si>
    <t>22bc5a6d-a89e-48f9-930e-ed40ddf940a3.tmp</t>
  </si>
  <si>
    <t>\\acsfs\profiles$\matheushds\Downloads\22bc5a6d-a89e-48f9-930e-ed40ddf940a3.tmp</t>
  </si>
  <si>
    <t>01/24/2020 10:11:56</t>
  </si>
  <si>
    <t>112633c2-7cd4-4a0d-a1b6-68894848f4b9.tmp</t>
  </si>
  <si>
    <t>\\acsfs\profiles$\matheushds\Downloads\112633c2-7cd4-4a0d-a1b6-68894848f4b9.tmp</t>
  </si>
  <si>
    <t>01/24/2020 10:12:56</t>
  </si>
  <si>
    <t>Não confirmado 382403.crdownload</t>
  </si>
  <si>
    <t>\\acsfs\ACS\Gabriel da Silva\Contemporânea\NPS\NPS_Voz\Janeiro.20\Não confirmado 382403.crdownload</t>
  </si>
  <si>
    <t>01/24/2020 10:12:58</t>
  </si>
  <si>
    <t>Pesquisa_Satisfação_2301.xlsx</t>
  </si>
  <si>
    <t>\\acsfs\ACS\Gabriel da Silva\Contemporânea\NPS\NPS_Voz\Janeiro.20\Pesquisa_Satisfação_2301.xlsx</t>
  </si>
  <si>
    <t>01/24/2020 10:12:30</t>
  </si>
  <si>
    <t>01/24/2020 10:12:32</t>
  </si>
  <si>
    <t>01/24/2020 10:16:53</t>
  </si>
  <si>
    <t>01/24/2020 10:12:46</t>
  </si>
  <si>
    <t>01/24/2020 10:12:50</t>
  </si>
  <si>
    <t>01/24/2020 10:12:51</t>
  </si>
  <si>
    <t>01/24/2020 10:15:56</t>
  </si>
  <si>
    <t>01/24/2020 10:16:26</t>
  </si>
  <si>
    <t>01/24/2020 10:17:53</t>
  </si>
  <si>
    <t>01/24/2020 10:16:21</t>
  </si>
  <si>
    <t>7a023209-8aca-4088-9492-b3008cb5b55b.tmp</t>
  </si>
  <si>
    <t>\\acsfs\profiles$\inarajst\Downloads\7a023209-8aca-4088-9492-b3008cb5b55b.tmp</t>
  </si>
  <si>
    <t>01/24/2020 10:13:58</t>
  </si>
  <si>
    <t>01/24/2020 10:18:54</t>
  </si>
  <si>
    <t>ISABEL DIAS SOARES TELES_1_6781826271831723445_1_32.wav</t>
  </si>
  <si>
    <t>\\acsfs\Deptos\EDUCACAO EMPRESARIAL\KÉSIA\Ligações 3º ciclo - Janeiro 2020\ISABEL DIAS SOARES TELES_1_6781826271831723445_1_32.wav</t>
  </si>
  <si>
    <t>01/24/2020 10:15:07</t>
  </si>
  <si>
    <t>01/24/2020 10:20:54</t>
  </si>
  <si>
    <t>Não confirmado 14666.crdownload</t>
  </si>
  <si>
    <t>\\acsfs\ACS\Gabriel da Silva\Contemporânea\Gen\Não confirmado 14666.crdownload</t>
  </si>
  <si>
    <t>01/24/2020 10:15:08</t>
  </si>
  <si>
    <t>01/24/2020 10:16:46</t>
  </si>
  <si>
    <t>01/24/2020 10:21:53</t>
  </si>
  <si>
    <t>01/24/2020 10:16:47</t>
  </si>
  <si>
    <t>01/24/2020 10:17:41</t>
  </si>
  <si>
    <t>bf984c0f-b56b-41d3-ad22-2a133f464d30.tmp</t>
  </si>
  <si>
    <t>\\acsfs\profiles$\cintiadjl\Downloads\bf984c0f-b56b-41d3-ad22-2a133f464d30.tmp</t>
  </si>
  <si>
    <t>01/24/2020 10:18:10</t>
  </si>
  <si>
    <t>700af420-786d-44cf-a054-bdc4435fc8f6.tmp</t>
  </si>
  <si>
    <t>\\acsfs\profiles$\cintiadjl\Downloads\700af420-786d-44cf-a054-bdc4435fc8f6.tmp</t>
  </si>
  <si>
    <t>01/24/2020 10:16:57</t>
  </si>
  <si>
    <t>01/24/2020 10:17:27</t>
  </si>
  <si>
    <t>01/24/2020 10:17:57</t>
  </si>
  <si>
    <t>01/24/2020 10:18:27</t>
  </si>
  <si>
    <t>01/24/2020 10:19:36</t>
  </si>
  <si>
    <t>https://udpmailboxap01.acs.com.br:8443/h/search?si=6&amp;so=0&amp;sc=84807&amp;sfi=5&amp;st=conversation&amp;action=compose&amp;paction=paneview</t>
  </si>
  <si>
    <t>01/24/2020 10:20:06</t>
  </si>
  <si>
    <t>01/24/2020 10:20:36</t>
  </si>
  <si>
    <t>01/24/2020 10:21:06</t>
  </si>
  <si>
    <t>thiagolrc@bv.algartech.com;</t>
  </si>
  <si>
    <t>https://thiagolrc@bv.algartech.com</t>
  </si>
  <si>
    <t>01/24/2020 10:21:32</t>
  </si>
  <si>
    <t>01/24/2020 10:23:53</t>
  </si>
  <si>
    <t>01/24/2020 10:19:08</t>
  </si>
  <si>
    <t>01/24/2020 10:19:09</t>
  </si>
  <si>
    <t>lu1448040dol.tmp</t>
  </si>
  <si>
    <t>\\acsfs\profiles$\ALEXANDREMM\lu1448040dol.tmp</t>
  </si>
  <si>
    <t>\\acsfs\profiles$\ALEXANDREMM\lu1448040dol.tmp\</t>
  </si>
  <si>
    <t>\\acsfs\profiles$\ALEXANDREMM\lu1448040dol.tmp\META-INF\</t>
  </si>
  <si>
    <t>\\acsfs\profiles$\ALEXANDREMM\lu1448040dol.tmp\Thumbnails\</t>
  </si>
  <si>
    <t>01/24/2020 10:25:53</t>
  </si>
  <si>
    <t>01/24/2020 10:22:08</t>
  </si>
  <si>
    <t>98a6d149-b369-4bfc-a78a-cddb25c4bcd2.tmp</t>
  </si>
  <si>
    <t>\\acsfs\profiles$\sarahbal\Downloads\98a6d149-b369-4bfc-a78a-cddb25c4bcd2.tmp</t>
  </si>
  <si>
    <t>01/24/2020 10:26:54</t>
  </si>
  <si>
    <t>01/24/2020 10:23:35</t>
  </si>
  <si>
    <t>0faa3825-0bb3-46a8-bc17-d5ffd844b41f.tmp</t>
  </si>
  <si>
    <t>\\acsfs\profiles$\ALYNYA\Downloads\0faa3825-0bb3-46a8-bc17-d5ffd844b41f.tmp</t>
  </si>
  <si>
    <t>01/24/2020 10:23:54</t>
  </si>
  <si>
    <t>2d3ac1d1-a668-4fe0-b4cd-75a7ff6570dd.tmp</t>
  </si>
  <si>
    <t>\\acsfs\profiles$\ALYNYA\Downloads\2d3ac1d1-a668-4fe0-b4cd-75a7ff6570dd.tmp</t>
  </si>
  <si>
    <t>01/24/2020 10:22:29</t>
  </si>
  <si>
    <t>01/24/2020 10:24:58</t>
  </si>
  <si>
    <t>01/24/2020 10:25:33</t>
  </si>
  <si>
    <t>01/24/2020 10:27:54</t>
  </si>
  <si>
    <t>f6af6c52-d57a-4008-a42a-0e1abb981d68.tmp</t>
  </si>
  <si>
    <t>\\acsfs\profiles$\francislayneads\Downloads\f6af6c52-d57a-4008-a42a-0e1abb981d68.tmp</t>
  </si>
  <si>
    <t>01/24/2020 10:25:35</t>
  </si>
  <si>
    <t>9fa69647-9b0d-4c7b-a976-9fd3c37ec3ef.tmp</t>
  </si>
  <si>
    <t>\\acsfs\profiles$\francislayneads\Downloads\9fa69647-9b0d-4c7b-a976-9fd3c37ec3ef.tmp</t>
  </si>
  <si>
    <t>01/24/2020 10:28:53</t>
  </si>
  <si>
    <t>01/24/2020 10:25:46</t>
  </si>
  <si>
    <t>WELIDI CRISTINA DE JESUS_1_6781871648161217671_1_32.wav</t>
  </si>
  <si>
    <t>\\acsfs\Deptos\EDUCACAO EMPRESARIAL\KÉSIA\Ligações 3º ciclo - Janeiro 2020\WELIDI CRISTINA DE JESUS_1_6781871648161217671_1_32.wav</t>
  </si>
  <si>
    <t>01/24/2020 10:26:13</t>
  </si>
  <si>
    <t>01/24/2020 10:26:14</t>
  </si>
  <si>
    <t>01/24/2020 10:29:54</t>
  </si>
  <si>
    <t>01/24/2020 10:25:34</t>
  </si>
  <si>
    <t>lu75856b2sten.tmp</t>
  </si>
  <si>
    <t>\\acsfs\profiles$\LUCASBS\RENEG BV\Consolidado\lu75856b2sten.tmp</t>
  </si>
  <si>
    <t>\\acsfs\profiles$\LUCASBS\RENEG BV\Consolidado\lu75856b2sten.tmp\</t>
  </si>
  <si>
    <t>\\acsfs\profiles$\LUCASBS\RENEG BV\Consolidado\lu75856b2sten.tmp\META-INF\</t>
  </si>
  <si>
    <t>\\acsfs\profiles$\LUCASBS\RENEG BV\Consolidado\lu75856b2sten.tmp\Thumbnails\</t>
  </si>
  <si>
    <t>01/24/2020 10:30:53</t>
  </si>
  <si>
    <t>01/24/2020 10:31:54</t>
  </si>
  <si>
    <t>01/24/2020 10:29:35</t>
  </si>
  <si>
    <t>01/24/2020 10:30:26</t>
  </si>
  <si>
    <t>01/24/2020 10:28:55</t>
  </si>
  <si>
    <t>01/24/2020 10:32:53</t>
  </si>
  <si>
    <t>01/24/2020 10:32:00</t>
  </si>
  <si>
    <t>01/24/2020 10:33:54</t>
  </si>
  <si>
    <t>01/24/2020 10:30:27</t>
  </si>
  <si>
    <t>lu1448040dos.tmp</t>
  </si>
  <si>
    <t>\\acsfs\profiles$\ALEXANDREMM\lu1448040dos.tmp</t>
  </si>
  <si>
    <t>\\acsfs\profiles$\ALEXANDREMM\lu1448040dos.tmp\</t>
  </si>
  <si>
    <t>\\acsfs\profiles$\ALEXANDREMM\lu1448040dos.tmp\META-INF\</t>
  </si>
  <si>
    <t>\\acsfs\profiles$\ALEXANDREMM\lu1448040dos.tmp\Thumbnails\</t>
  </si>
  <si>
    <t>01/24/2020 10:32:19</t>
  </si>
  <si>
    <t>01/24/2020 10:32:21</t>
  </si>
  <si>
    <t>01/24/2020 10:32:22</t>
  </si>
  <si>
    <t>01/24/2020 10:32:25</t>
  </si>
  <si>
    <t>01/24/2020 10:32:26</t>
  </si>
  <si>
    <t>01/24/2020 10:32:27</t>
  </si>
  <si>
    <t>01/24/2020 10:32:28</t>
  </si>
  <si>
    <t>01/24/2020 10:32:29</t>
  </si>
  <si>
    <t>01/24/2020 10:32:30</t>
  </si>
  <si>
    <t>01/24/2020 10:32:31</t>
  </si>
  <si>
    <t>01/24/2020 10:32:32</t>
  </si>
  <si>
    <t>01/24/2020 10:32:34</t>
  </si>
  <si>
    <t>01/24/2020 10:32:36</t>
  </si>
  <si>
    <t>01/24/2020 10:32:37</t>
  </si>
  <si>
    <t>01/24/2020 10:32:38</t>
  </si>
  <si>
    <t>01/24/2020 10:32:39</t>
  </si>
  <si>
    <t>01/24/2020 10:32:40</t>
  </si>
  <si>
    <t>01/24/2020 10:32:41</t>
  </si>
  <si>
    <t>01/24/2020 10:32:42</t>
  </si>
  <si>
    <t>01/24/2020 10:32:43</t>
  </si>
  <si>
    <t>01/24/2020 10:32:44</t>
  </si>
  <si>
    <t>01/24/2020 10:32:45</t>
  </si>
  <si>
    <t>01/24/2020 10:32:46</t>
  </si>
  <si>
    <t>01/24/2020 10:32:47</t>
  </si>
  <si>
    <t>01/24/2020 10:32:49</t>
  </si>
  <si>
    <t>01/24/2020 10:32:51</t>
  </si>
  <si>
    <t>01/24/2020 10:32:52</t>
  </si>
  <si>
    <t>01/24/2020 10:32:54</t>
  </si>
  <si>
    <t>01/24/2020 10:32:55</t>
  </si>
  <si>
    <t>01/24/2020 10:32:56</t>
  </si>
  <si>
    <t>01/24/2020 10:32:57</t>
  </si>
  <si>
    <t>01/24/2020 10:32:58</t>
  </si>
  <si>
    <t>01/24/2020 10:33:00</t>
  </si>
  <si>
    <t>01/24/2020 10:33:01</t>
  </si>
  <si>
    <t>01/24/2020 10:33:26</t>
  </si>
  <si>
    <t>01/24/2020 10:32:14</t>
  </si>
  <si>
    <t>01/24/2020 10:34:53</t>
  </si>
  <si>
    <t>b91bd450-8d7a-4e0f-8a1b-3bcd9a656fc2.tmp</t>
  </si>
  <si>
    <t>\\acsfs\profiles$\geovannasm\Downloads\b91bd450-8d7a-4e0f-8a1b-3bcd9a656fc2.tmp</t>
  </si>
  <si>
    <t>4a6016c2-bbfa-44af-90c5-ffe46f58e7dc.tmp</t>
  </si>
  <si>
    <t>\\acsfs\profiles$\geovannasm\Downloads\4a6016c2-bbfa-44af-90c5-ffe46f58e7dc.tmp</t>
  </si>
  <si>
    <t>01/24/2020 10:33:02</t>
  </si>
  <si>
    <t>14a1e9ee-0cdf-4dec-a5d7-3b7b6e41975c.tmp</t>
  </si>
  <si>
    <t>\\acsfs\profiles$\mariajra\Downloads\14a1e9ee-0cdf-4dec-a5d7-3b7b6e41975c.tmp</t>
  </si>
  <si>
    <t>01/24/2020 10:34:00</t>
  </si>
  <si>
    <t>5caa0e24-c3df-4bed-a201-b2e0bbed6be3.tmp</t>
  </si>
  <si>
    <t>\\acsfs\profiles$\luanaldsi\Downloads\5caa0e24-c3df-4bed-a201-b2e0bbed6be3.tmp</t>
  </si>
  <si>
    <t>01/24/2020 10:34:02</t>
  </si>
  <si>
    <t>51a32596-9aca-4245-bc6e-4d703c1d07fc.tmp</t>
  </si>
  <si>
    <t>\\acsfs\profiles$\luanaldsi\Downloads\51a32596-9aca-4245-bc6e-4d703c1d07fc.tmp</t>
  </si>
  <si>
    <t>01/24/2020 10:34:08</t>
  </si>
  <si>
    <t>a61ad720-2bc7-4ad7-b5c4-5f3df87bd27f.tmp</t>
  </si>
  <si>
    <t>\\acsfs\profiles$\luanaldsi\Downloads\a61ad720-2bc7-4ad7-b5c4-5f3df87bd27f.tmp</t>
  </si>
  <si>
    <t>01/24/2020 10:34:35</t>
  </si>
  <si>
    <t>67c58c00-2185-4a70-b2fd-4cba56559220.tmp</t>
  </si>
  <si>
    <t>\\acsfs\profiles$\rafaelacdoc\Downloads\67c58c00-2185-4a70-b2fd-4cba56559220.tmp</t>
  </si>
  <si>
    <t>01/24/2020 10:33:23</t>
  </si>
  <si>
    <t>01/24/2020 10:35:53</t>
  </si>
  <si>
    <t>01/24/2020 10:30:36</t>
  </si>
  <si>
    <t>01/24/2020 10:34:24</t>
  </si>
  <si>
    <t>01/24/2020 10:34:01</t>
  </si>
  <si>
    <t>01/24/2020 10:36:53</t>
  </si>
  <si>
    <t>lu116801aeged.tmp</t>
  </si>
  <si>
    <t>\\acsfs\profiles$\dhiulliananads\My Documents\lu116801aeged.tmp</t>
  </si>
  <si>
    <t>\\acsfs\profiles$\dhiulliananads\My Documents\lu116801aeged.tmp\</t>
  </si>
  <si>
    <t>\\acsfs\profiles$\dhiulliananads\My Documents\lu116801aeged.tmp\META-INF\</t>
  </si>
  <si>
    <t>\\acsfs\profiles$\dhiulliananads\My Documents\lu116801aeged.tmp\Thumbnails\</t>
  </si>
  <si>
    <t>01/24/2020 10:35:58</t>
  </si>
  <si>
    <t>01/24/2020 10:35:59</t>
  </si>
  <si>
    <t>lu116801aegei.tmp</t>
  </si>
  <si>
    <t>\\acsfs\profiles$\dhiulliananads\My Documents\lu116801aegei.tmp</t>
  </si>
  <si>
    <t>\\acsfs\profiles$\dhiulliananads\My Documents\lu116801aegei.tmp\</t>
  </si>
  <si>
    <t>\\acsfs\profiles$\dhiulliananads\My Documents\lu116801aegei.tmp\META-INF\</t>
  </si>
  <si>
    <t>\\acsfs\profiles$\dhiulliananads\My Documents\lu116801aegei.tmp\Thumbnails\</t>
  </si>
  <si>
    <t>01/24/2020 10:34:31</t>
  </si>
  <si>
    <t>01/24/2020 10:35:01</t>
  </si>
  <si>
    <t>01/24/2020 10:35:31</t>
  </si>
  <si>
    <t>01/24/2020 10:33:22</t>
  </si>
  <si>
    <t>01/24/2020 10:37:54</t>
  </si>
  <si>
    <t>01/24/2020 10:33:27</t>
  </si>
  <si>
    <t>01/24/2020 10:33:35</t>
  </si>
  <si>
    <t>01/24/2020 10:33:37</t>
  </si>
  <si>
    <t>01/24/2020 10:33:40</t>
  </si>
  <si>
    <t>01/24/2020 10:33:44</t>
  </si>
  <si>
    <t>01/24/2020 10:33:52</t>
  </si>
  <si>
    <t>01/24/2020 10:39:53</t>
  </si>
  <si>
    <t>01/24/2020 10:34:40</t>
  </si>
  <si>
    <t>9e981889-7fbf-4dd5-9bab-76811b2d1a16.tmp</t>
  </si>
  <si>
    <t>\\acsfs\profiles$\luanaldsi\Downloads\9e981889-7fbf-4dd5-9bab-76811b2d1a16.tmp</t>
  </si>
  <si>
    <t>01/24/2020 10:34:41</t>
  </si>
  <si>
    <t>7d0beb52-02d2-42c1-9698-3ba1002d8416.tmp</t>
  </si>
  <si>
    <t>\\acsfs\profiles$\luanaldsi\Downloads\7d0beb52-02d2-42c1-9698-3ba1002d8416.tmp</t>
  </si>
  <si>
    <t>01/24/2020 10:35:57</t>
  </si>
  <si>
    <t>64228e31-4c4c-448b-b930-3fa526a59033.tmp</t>
  </si>
  <si>
    <t>\\acsfs\profiles$\luanaldsi\Downloads\64228e31-4c4c-448b-b930-3fa526a59033.tmp</t>
  </si>
  <si>
    <t>01/24/2020 10:40:53</t>
  </si>
  <si>
    <t>01/24/2020 10:37:36</t>
  </si>
  <si>
    <t>01/24/2020 10:37:37</t>
  </si>
  <si>
    <t>01/24/2020 10:37:45</t>
  </si>
  <si>
    <t>01/24/2020 10:41:53</t>
  </si>
  <si>
    <t>01/24/2020 10:37:46</t>
  </si>
  <si>
    <t>01/24/2020 10:39:24</t>
  </si>
  <si>
    <t>\\acsfs\DEPTOS\Operacao\Banco_Votorantim\Qualidade\Anderson\</t>
  </si>
  <si>
    <t>\\acsfs\DEPTOS\Operacao\Banco_Votorantim\Qualidade\Anderson\Thumbs.db</t>
  </si>
  <si>
    <t>01/24/2020 10:37:51</t>
  </si>
  <si>
    <t>955a05c1-b45b-4b2c-bcf6-42cd7fffe7d9.tmp</t>
  </si>
  <si>
    <t>\\acsfs\profiles$\danielac\Downloads\955a05c1-b45b-4b2c-bcf6-42cd7fffe7d9.tmp</t>
  </si>
  <si>
    <t>01/24/2020 10:37:01</t>
  </si>
  <si>
    <t>01/24/2020 10:38:01</t>
  </si>
  <si>
    <t>01/24/2020 10:38:31</t>
  </si>
  <si>
    <t>01/24/2020 10:39:01</t>
  </si>
  <si>
    <t>01/24/2020 10:40:32</t>
  </si>
  <si>
    <t>01/24/2020 10:39:26</t>
  </si>
  <si>
    <t>01/24/2020 10:43:53</t>
  </si>
  <si>
    <t>Dimensionamento_Janeiro Financeira_3ºCiclo -monitorias.xlsx</t>
  </si>
  <si>
    <t>\\acsfs\DEPTOS\Operacao\Banco_Votorantim\Qualidade\Eliane\Dimensionamento_Janeiro Financeira_3ºCiclo -monitorias.xlsx</t>
  </si>
  <si>
    <t>01/24/2020 10:44:24</t>
  </si>
  <si>
    <t>01/24/2020 10:44:53</t>
  </si>
  <si>
    <t>01/24/2020 10:41:40</t>
  </si>
  <si>
    <t>01/24/2020 10:41:41</t>
  </si>
  <si>
    <t>lu9872zhnc5.tmp</t>
  </si>
  <si>
    <t>\\acsfs\profiles$\VIVIANALDS\My Documents\lu9872zhnc5.tmp</t>
  </si>
  <si>
    <t>\\acsfs\profiles$\VIVIANALDS\My Documents\lu9872zhnc5.tmp\</t>
  </si>
  <si>
    <t>\\acsfs\profiles$\VIVIANALDS\My Documents\lu9872zhnc5.tmp\META-INF\</t>
  </si>
  <si>
    <t>01/24/2020 10:45:54</t>
  </si>
  <si>
    <t>\\acsfs\profiles$\VIVIANALDS\My Documents\lu9872zhnc5.tmp\Thumbnails\</t>
  </si>
  <si>
    <t>01/24/2020 10:41:49</t>
  </si>
  <si>
    <t>01/24/2020 10:43:59</t>
  </si>
  <si>
    <t>\\acsfs\ACS\Gabriel da Silva\Contemporânea\BDBV\EA83CDE7.tmp\</t>
  </si>
  <si>
    <t>\\acsfs\ACS\Gabriel da Silva\Contemporânea\BDBV\EA83CDE7.tmp\:Zone.Identifier:$DATA</t>
  </si>
  <si>
    <t>01/24/2020 10:44:00</t>
  </si>
  <si>
    <t>01/24/2020 10:44:10</t>
  </si>
  <si>
    <t>3e2e9d27-c205-4d7f-a94d-048c96709315.tmp</t>
  </si>
  <si>
    <t>\\acsfs\profiles$\gabrielsma\Downloads\3e2e9d27-c205-4d7f-a94d-048c96709315.tmp</t>
  </si>
  <si>
    <t>01/24/2020 10:44:28</t>
  </si>
  <si>
    <t>Não confirmado 680901.crdownload</t>
  </si>
  <si>
    <t>\\acsfs\ACS\Gabriel da Silva\Contemporânea\Acessos\Não confirmado 680901.crdownload</t>
  </si>
  <si>
    <t>01/24/2020 10:42:34</t>
  </si>
  <si>
    <t>01/24/2020 10:44:43</t>
  </si>
  <si>
    <t>01/24/2020 10:43:25</t>
  </si>
  <si>
    <t>01/24/2020 10:46:53</t>
  </si>
  <si>
    <t>RELATORIO DE LOGIN - FINANCEIRA - 23-01.xlsm</t>
  </si>
  <si>
    <t>\\acsfs\DEPTOS\Operacao\PCP\5 - Comum\PLANEJAMENTO BV\14 - ACOMPANHAMENTO\1 - REPORT ACOMPANHAMENTO\2020\1 - JANEIRO\FINANCEIRA\Login Logout Financeira\RELATORIO DE LOGIN - FINANCEIRA - 23-01.xlsm</t>
  </si>
  <si>
    <t>01/24/2020 10:41:24</t>
  </si>
  <si>
    <t>01/24/2020 10:43:05</t>
  </si>
  <si>
    <t>01/24/2020 10:43:06</t>
  </si>
  <si>
    <t>01/24/2020 10:42:02</t>
  </si>
  <si>
    <t>01/24/2020 10:47:07</t>
  </si>
  <si>
    <t>01/24/2020 10:47:53</t>
  </si>
  <si>
    <t>513e8944-ed4d-40db-8b8a-6214bd9b608e.tmp</t>
  </si>
  <si>
    <t>\\acsfs\profiles$\francislayneads\Downloads\513e8944-ed4d-40db-8b8a-6214bd9b608e.tmp</t>
  </si>
  <si>
    <t>01/24/2020 10:44:09</t>
  </si>
  <si>
    <t>10.200.67.145</t>
  </si>
  <si>
    <t>5cfd1fe6-860b-4442-8d64-90b0fb747183.tmp</t>
  </si>
  <si>
    <t>\\acsfs\profiles$\harunams\Downloads\5cfd1fe6-860b-4442-8d64-90b0fb747183.tmp</t>
  </si>
  <si>
    <t>01/24/2020 10:43:22</t>
  </si>
  <si>
    <t>01/24/2020 10:47:16</t>
  </si>
  <si>
    <t>01/24/2020 10:48:54</t>
  </si>
  <si>
    <t>01/24/2020 10:45:26</t>
  </si>
  <si>
    <t>01/24/2020 10:46:15</t>
  </si>
  <si>
    <t>d579058c-8f74-43ce-a561-56e98363f76f.tmp</t>
  </si>
  <si>
    <t>\\acsfs\profiles$\lucasgpe\Downloads\d579058c-8f74-43ce-a561-56e98363f76f.tmp</t>
  </si>
  <si>
    <t>01/24/2020 10:45:08</t>
  </si>
  <si>
    <t>lu1448040dow.tmp</t>
  </si>
  <si>
    <t>\\acsfs\profiles$\ALEXANDREMM\lu1448040dow.tmp</t>
  </si>
  <si>
    <t>\\acsfs\profiles$\ALEXANDREMM\lu1448040dow.tmp\</t>
  </si>
  <si>
    <t>\\acsfs\profiles$\ALEXANDREMM\lu1448040dow.tmp\META-INF\</t>
  </si>
  <si>
    <t>\\acsfs\profiles$\ALEXANDREMM\lu1448040dow.tmp\Thumbnails\</t>
  </si>
  <si>
    <t>01/24/2020 10:47:19</t>
  </si>
  <si>
    <t>lu1448040dp0.tmp</t>
  </si>
  <si>
    <t>\\acsfs\profiles$\ALEXANDREMM\lu1448040dp0.tmp</t>
  </si>
  <si>
    <t>\\acsfs\profiles$\ALEXANDREMM\lu1448040dp0.tmp\</t>
  </si>
  <si>
    <t>\\acsfs\profiles$\ALEXANDREMM\lu1448040dp0.tmp\META-INF\</t>
  </si>
  <si>
    <t>\\acsfs\profiles$\ALEXANDREMM\lu1448040dp0.tmp\Thumbnails\</t>
  </si>
  <si>
    <t>01/24/2020 10:49:53</t>
  </si>
  <si>
    <t>f69f9cd8-88c0-49ac-9d7f-537e418a4e01.tmp</t>
  </si>
  <si>
    <t>\\acsfs\profiles$\claudiajca\Downloads\f69f9cd8-88c0-49ac-9d7f-537e418a4e01.tmp</t>
  </si>
  <si>
    <t>01/24/2020 10:47:02</t>
  </si>
  <si>
    <t>cfd157cc-741e-4e09-9952-bf19931e7963.tmp</t>
  </si>
  <si>
    <t>\\acsfs\profiles$\lorraynevam\Downloads\cfd157cc-741e-4e09-9952-bf19931e7963.tmp</t>
  </si>
  <si>
    <t>01/24/2020 10:48:37</t>
  </si>
  <si>
    <t>9a38cc74-1944-4def-8b4c-407403387f5a.tmp</t>
  </si>
  <si>
    <t>\\acsfs\profiles$\henriquehmdo\Downloads\9a38cc74-1944-4def-8b4c-407403387f5a.tmp</t>
  </si>
  <si>
    <t>01/24/2020 10:49:33</t>
  </si>
  <si>
    <t>9afe9f27-544a-4071-97f3-28af30f0e993.tmp</t>
  </si>
  <si>
    <t>\\acsfs\profiles$\mariajra\Downloads\9afe9f27-544a-4071-97f3-28af30f0e993.tmp</t>
  </si>
  <si>
    <t>01/24/2020 10:47:36</t>
  </si>
  <si>
    <t>01/24/2020 10:50:54</t>
  </si>
  <si>
    <t>\\acsfs\ACS\Gabriel da Silva\Contemporânea\BDBV\5BF2A02A.tmp\</t>
  </si>
  <si>
    <t>\\acsfs\ACS\Gabriel da Silva\Contemporânea\BDBV\5BF2A02A.tmp\:Zone.Identifier:$DATA</t>
  </si>
  <si>
    <t>01/24/2020 10:48:05</t>
  </si>
  <si>
    <t>01/24/2020 10:48:41</t>
  </si>
  <si>
    <t>01/24/2020 10:50:23</t>
  </si>
  <si>
    <t>Thiago Santana Paseto_1_6781764329813380650_1_32.wav</t>
  </si>
  <si>
    <t>\\acsfs\Deptos\EDUCACAO EMPRESARIAL\FERNANDA MONIT\Fernanda\MONITORIA JANEIRO\Ligaçoes para MUTANT terceiro ciclo janeiro\Thiago Santana Paseto_1_6781764329813380650_1_32.wav</t>
  </si>
  <si>
    <t>01/24/2020 10:49:11</t>
  </si>
  <si>
    <t>01/24/2020 10:49:15</t>
  </si>
  <si>
    <t>01/24/2020 10:50:51</t>
  </si>
  <si>
    <t>01/24/2020 10:51:53</t>
  </si>
  <si>
    <t>23-01 RELATORIO DE LOGIN AVON.xlsm</t>
  </si>
  <si>
    <t>\\acsfs\deptos\Operacao\PCP\5 - Comum\CONTROL DESK\2 - DAC2\Control Desk AVON\Relatorios\Status de login\2020\23-01 RELATORIO DE LOGIN AVON.xlsm</t>
  </si>
  <si>
    <t>01/24/2020 10:50:36</t>
  </si>
  <si>
    <t>01/24/2020 10:49:54</t>
  </si>
  <si>
    <t>lu116801aegen.tmp</t>
  </si>
  <si>
    <t>\\acsfs\profiles$\dhiulliananads\My Documents\lu116801aegen.tmp</t>
  </si>
  <si>
    <t>\\acsfs\profiles$\dhiulliananads\My Documents\lu116801aegen.tmp\</t>
  </si>
  <si>
    <t>\\acsfs\profiles$\dhiulliananads\My Documents\lu116801aegen.tmp\META-INF\</t>
  </si>
  <si>
    <t>\\acsfs\profiles$\dhiulliananads\My Documents\lu116801aegen.tmp\Thumbnails\</t>
  </si>
  <si>
    <t>01/24/2020 10:50:45</t>
  </si>
  <si>
    <t>dda998f1-18c9-478e-b72a-d90f5328905b.tmp</t>
  </si>
  <si>
    <t>\\acsfs\profiles$\THYAGOSP\Downloads\dda998f1-18c9-478e-b72a-d90f5328905b.tmp</t>
  </si>
  <si>
    <t>01/24/2020 10:47:33</t>
  </si>
  <si>
    <t>01/24/2020 10:49:04</t>
  </si>
  <si>
    <t>01/24/2020 10:49:34</t>
  </si>
  <si>
    <t>01/24/2020 10:50:04</t>
  </si>
  <si>
    <t>01/24/2020 10:49:45</t>
  </si>
  <si>
    <t>01/24/2020 10:54:53</t>
  </si>
  <si>
    <t>661f3a09-76bf-4f18-aba2-5ddd6f3d6406.tmp</t>
  </si>
  <si>
    <t>\\acsfs\profiles$\BRUNAAR\Downloads\661f3a09-76bf-4f18-aba2-5ddd6f3d6406.tmp</t>
  </si>
  <si>
    <t>01/24/2020 10:53:10</t>
  </si>
  <si>
    <t>6a8f7744-4248-4bab-820a-0ea941894594.tmp</t>
  </si>
  <si>
    <t>\\acsfs\profiles$\henriquehmdo\Downloads\6a8f7744-4248-4bab-820a-0ea941894594.tmp</t>
  </si>
  <si>
    <t>01/24/2020 10:55:54</t>
  </si>
  <si>
    <t>01/24/2020 10:53:56</t>
  </si>
  <si>
    <t>01/24/2020 10:59:11</t>
  </si>
  <si>
    <t>04487fcc-584d-4587-91e3-9691a990e39c.tmp</t>
  </si>
  <si>
    <t>\\acsfs\profiles$\cassianogc\Downloads\04487fcc-584d-4587-91e3-9691a990e39c.tmp</t>
  </si>
  <si>
    <t>01/24/2020 10:55:11</t>
  </si>
  <si>
    <t>67b25865-367d-4eef-9652-dc7315da3fcc.tmp</t>
  </si>
  <si>
    <t>\\acsfs\profiles$\cassianogc\Downloads\67b25865-367d-4eef-9652-dc7315da3fcc.tmp</t>
  </si>
  <si>
    <t>01/24/2020 10:52:05</t>
  </si>
  <si>
    <t>01/24/2020 10:55:32</t>
  </si>
  <si>
    <t>Agent State Details 23.01.2020.xlsx</t>
  </si>
  <si>
    <t>\\acsfs\deptos\Operacao\PCP\5 - Comum\PLANEJAMENTO BV\23 - EXTRAÇÕES\Agent State Details\2020\JANEIRO\Agent State Details 23.01.2020.xlsx</t>
  </si>
  <si>
    <t>01/24/2020 10:59:12</t>
  </si>
  <si>
    <t>01/24/2020 11:00:11</t>
  </si>
  <si>
    <t>a9dc1308-14fb-4b0d-875e-a3629f0d7264.tmp</t>
  </si>
  <si>
    <t>\\acsfs\profiles$\KARENDSR\Downloads\a9dc1308-14fb-4b0d-875e-a3629f0d7264.tmp</t>
  </si>
  <si>
    <t>01/24/2020 10:59:04</t>
  </si>
  <si>
    <t>e7efcc8e-886b-47cd-b07c-30ec478ea7bb.tmp</t>
  </si>
  <si>
    <t>\\acsfs\profiles$\RAFAELRF\Downloads\e7efcc8e-886b-47cd-b07c-30ec478ea7bb.tmp</t>
  </si>
  <si>
    <t>01/24/2020 10:59:02</t>
  </si>
  <si>
    <t>\\acsfs\ACS\Gabriel da Silva\Contemporânea\BDBV\77C49F29.tmp\</t>
  </si>
  <si>
    <t>\\acsfs\ACS\Gabriel da Silva\Contemporânea\BDBV\77C49F29.tmp\:Zone.Identifier:$DATA</t>
  </si>
  <si>
    <t>01/24/2020 10:59:03</t>
  </si>
  <si>
    <t>01/24/2020 11:01:11</t>
  </si>
  <si>
    <t>01/24/2020 10:55:52</t>
  </si>
  <si>
    <t>01/24/2020 10:59:41</t>
  </si>
  <si>
    <t>1bd349b6-9c60-480f-9ebb-1133b213cea3.tmp</t>
  </si>
  <si>
    <t>\\acsfs\profiles$\gabrielafs\Downloads\1bd349b6-9c60-480f-9ebb-1133b213cea3.tmp</t>
  </si>
  <si>
    <t>01/24/2020 10:57:26</t>
  </si>
  <si>
    <t xml:space="preserve">"mozilla/5.0 (windows nt 6.1) applewebkit/537.36 (khtml;1;13;13700185;13701;13701078;13701214;13701239;13701577;13701657;13701693;13701709;13701921;13701945;13701957;13702016;13702036;13702084;13702088;1579870851921000;1579870855348000;5701393;[[13701207;adfn-cuutaef9gqtq1akxsgjorlxc6kpqipkg4yfp9by4n3cibgsbsdrhwrquwaahxqhfy04vluc;fdiljgodrp8jdw";ken=ac4w5vihut0ivfo-5vovdp8f7tq0yhcxca:1579870851916&amp;buildlabel=drive.web-frontend_20200114.00_p4 902.606.351-20\n\nprotocolo da solicitação:\ndata e hora: 05/01/2020 11:50:51 \ntécnico: 70gcomportamental: 100gmédia: 85gsolicitação: desbloqueio do cartão\nitem pontuado:condução de atendimento \nobservação: cliente solicitou uma nova via de cartão porém informa que a senha nao bate com o cartão que recebeu;like gecko) chrome/79.0.3945.130 safari/537.36";null;operador transfere ligação para que cliente solicite uma nova senha;operadora solicita os 4 últimos número do cartão e verifica que cliente está com o cartão extraviado;porém o correto era confirmar o endereço com </t>
  </si>
  <si>
    <t xml:space="preserve">"mozilla/5.0 (windows nt 6.1) applewebkit/537.36 (khtml,1,13,13700185,13701,13701078,13701214,13701239,13701577,13701657,13701693,13701709,13701921,13701945,13701957,13702016,13702036,13702084,13702088,1579870851921000,1579870855348000,5701393,[[13701207,adfn-cuutaef9gqtq1akxsgjorlxc6kpqipkg4yfp9by4n3cibgsbsdrhwrquwaahxqhfy04vluc,fdiljgodrp8jdw",ken=ac4w5vihut0ivfo-5vovdp8f7tq0yhcxca:1579870851916&amp;buildlabel=drive.web-frontend_20200114.00_p4 902.606.351-20\n\nprotocolo da solicitação:\ndata e hora: 05/01/2020 11:50:51 \ntécnico: 70gcomportamental: 100gmédia: 85gsolicitação: desbloqueio do cartão\nitem pontuado:condução de atendimento \nobservação: cliente solicitou uma nova via de cartão porém informa que a senha nao bate com o cartão que recebeu,like gecko) chrome/79.0.3945.130 safari/537.36",null,operador transfere ligação para que cliente solicite uma nova senha,operadora solicita os 4 últimos número do cartão e verifica que cliente está com o cartão extraviado,porém o correto era confirmar o endereço com </t>
  </si>
  <si>
    <t>01/24/2020 10:57:59</t>
  </si>
  <si>
    <t>ancestorhasaugmentedpermissions,containsunsubscribedchildren,displayname,domain,emailaddress,filesize,hasthumbnail,hasvisitorpermissions,id),items(kind,ken,kesiadof@algartech.com,lastmodifyinguser(kind,lastviewedbymedate,lilianls@algartech.com,modifiedbymedate,modifieddate,ontainsunsubscribedchildren,owners(kind,permission,permissionid,picture,sofiamses@algartech.com,talmaiardo@algartech.com,thumbnailversion,workspaceids</t>
  </si>
  <si>
    <t>01/24/2020 10:58:18</t>
  </si>
  <si>
    <t>01/24/2020 10:58:28</t>
  </si>
  <si>
    <t>01/24/2020 10:58:31</t>
  </si>
  <si>
    <t>01/24/2020 10:58:36</t>
  </si>
  <si>
    <t>mail.google.com/sync/u/0/i/s?hl=pt-BR&amp;c=1492</t>
  </si>
  <si>
    <t>01/24/2020 10:58:48</t>
  </si>
  <si>
    <t>01/24/2020 10:58:51</t>
  </si>
  <si>
    <t>mail.google.com/sync/u/0/i/s?hl=pt-BR&amp;c=1497</t>
  </si>
  <si>
    <t>01/24/2020 10:58:58</t>
  </si>
  <si>
    <t>mail.google.com/sync/u/0/i/s?hl=pt-BR&amp;c=1499</t>
  </si>
  <si>
    <t>01/24/2020 10:59:58</t>
  </si>
  <si>
    <t>mail.google.com/sync/u/0/i/s?hl=pt-BR&amp;c=1504</t>
  </si>
  <si>
    <t>ancestorhasaugmentedpermissions,containsunsubscribedchildren,displayname,domain,emailaddress,fabianacscg@algartech.com,file(kind,fileid,filesize,hasthumbnail,hasvisitorpermissions,id,id),items(deleted,ken,kesiadof@algartech.com,kind,lastmodifyinguser(kind,lastviewedbymedate,lilianls@algartech.com,modifiedbymedate,modifieddate,ontainsunsubscribedchildren,owners(kind,perm,permissionid,picture,shared,sharedwithmedate,sofiamses@algartech.com,talmaiardo@algartech.com,thumbnailversion,title,userpermission(role),workspaceids</t>
  </si>
  <si>
    <t>01/24/2020 10:53:09</t>
  </si>
  <si>
    <t>01/24/2020 11:02:12</t>
  </si>
  <si>
    <t>01/24/2020 10:53:31</t>
  </si>
  <si>
    <t>01/24/2020 10:53:32</t>
  </si>
  <si>
    <t>01/24/2020 11:00:15</t>
  </si>
  <si>
    <t>01/24/2020 11:00:16</t>
  </si>
  <si>
    <t>01/24/2020 10:53:15</t>
  </si>
  <si>
    <t>4d96482a-f9ea-4efc-8d7a-7f56bdb2bf61.tmp</t>
  </si>
  <si>
    <t>\\acsfs\profiles$\jhonatadss\Downloads\4d96482a-f9ea-4efc-8d7a-7f56bdb2bf61.tmp</t>
  </si>
  <si>
    <t>01/24/2020 10:58:30</t>
  </si>
  <si>
    <t>f99e0ae8-6198-41ee-b439-766420844bf0.tmp</t>
  </si>
  <si>
    <t>\\acsfs\profiles$\mariagsg\Downloads\f99e0ae8-6198-41ee-b439-766420844bf0.tmp</t>
  </si>
  <si>
    <t>01/24/2020 10:55:35</t>
  </si>
  <si>
    <t>01/24/2020 10:56:06</t>
  </si>
  <si>
    <t>01/24/2020 11:01:10</t>
  </si>
  <si>
    <t>01/24/2020 11:03:11</t>
  </si>
  <si>
    <t>9964343b-5add-406f-a7df-82f72f18c84a.tmp</t>
  </si>
  <si>
    <t>\\acsfs\profiles$\ERICALSR\Downloads\9964343b-5add-406f-a7df-82f72f18c84a.tmp</t>
  </si>
  <si>
    <t>01/24/2020 10:58:03</t>
  </si>
  <si>
    <t>642d0ab0-8e40-4152-94c2-34c25671fde2.tmp</t>
  </si>
  <si>
    <t>\\acsfs\profiles$\matheushds\Downloads\642d0ab0-8e40-4152-94c2-34c25671fde2.tmp</t>
  </si>
  <si>
    <t>01/24/2020 10:59:33</t>
  </si>
  <si>
    <t>e21b9e96-213b-479d-a053-cb0b1a908b89.tmp</t>
  </si>
  <si>
    <t>\\acsfs\profiles$\matheushds\Downloads\e21b9e96-213b-479d-a053-cb0b1a908b89.tmp</t>
  </si>
  <si>
    <t>01/24/2020 10:54:09</t>
  </si>
  <si>
    <t>01/24/2020 11:02:23</t>
  </si>
  <si>
    <t>01/24/2020 11:06:11</t>
  </si>
  <si>
    <t>01/24/2020 11:02:42</t>
  </si>
  <si>
    <t>af2871d4-4d2c-4491-82c4-abcc9c16811c.tmp</t>
  </si>
  <si>
    <t>\\acsfs\profiles$\gabrielafs\Downloads\af2871d4-4d2c-4491-82c4-abcc9c16811c.tmp</t>
  </si>
  <si>
    <t>01/24/2020 11:05:30</t>
  </si>
  <si>
    <t>AGENT LOGIN LOGOUT DETAILS REPORT 23.01.2020.xlsx</t>
  </si>
  <si>
    <t>\\acsfs\DEPTOS\Operacao\PCP\5 - Comum\PLANEJAMENTO BV\23 - EXTRAÇÕES\Agente Login Logout details report\2020\JANEIRO\AGENT LOGIN LOGOUT DETAILS REPORT 23.01.2020.xlsx</t>
  </si>
  <si>
    <t>01/24/2020 11:07:11</t>
  </si>
  <si>
    <t>01/24/2020 11:04:58</t>
  </si>
  <si>
    <t>041c1a06-78a5-45ed-a383-48682b353bd0.tmp</t>
  </si>
  <si>
    <t>\\acsfs\profiles$\talitafdc\Downloads\041c1a06-78a5-45ed-a383-48682b353bd0.tmp</t>
  </si>
  <si>
    <t>01/24/2020 11:02:34</t>
  </si>
  <si>
    <t>160ec3ee-411a-43fd-bd34-9ca624afbc11.tmp</t>
  </si>
  <si>
    <t>\\acsfs\profiles$\ALYNYA\Downloads\160ec3ee-411a-43fd-bd34-9ca624afbc11.tmp</t>
  </si>
  <si>
    <t>01/24/2020 11:04:18</t>
  </si>
  <si>
    <t>624234c9-fdd6-4218-83c1-80ea84e57e63.tmp</t>
  </si>
  <si>
    <t>\\acsfs\profiles$\cintiadjl\Downloads\624234c9-fdd6-4218-83c1-80ea84e57e63.tmp</t>
  </si>
  <si>
    <t>01/24/2020 11:02:13</t>
  </si>
  <si>
    <t>bc473f64-9d91-40f9-8ebf-1f01c7ba04ed.tmp</t>
  </si>
  <si>
    <t>\\acsfs\profiles$\joselrb\Downloads\bc473f64-9d91-40f9-8ebf-1f01c7ba04ed.tmp</t>
  </si>
  <si>
    <t>01/24/2020 11:03:15</t>
  </si>
  <si>
    <t>d84f7794-83dd-4043-a30e-7a1007f7a5eb.tmp</t>
  </si>
  <si>
    <t>\\acsfs\profiles$\joselrb\Downloads\d84f7794-83dd-4043-a30e-7a1007f7a5eb.tmp</t>
  </si>
  <si>
    <t>01/24/2020 11:03:53</t>
  </si>
  <si>
    <t>3c56b65a-6fed-48cb-b110-4e86db1be1f7.tmp</t>
  </si>
  <si>
    <t>\\acsfs\profiles$\joselrb\Downloads\3c56b65a-6fed-48cb-b110-4e86db1be1f7.tmp</t>
  </si>
  <si>
    <t>01/24/2020 11:12:11</t>
  </si>
  <si>
    <t>01/24/2020 11:11:23</t>
  </si>
  <si>
    <t>01/24/2020 11:17:11</t>
  </si>
  <si>
    <t>86dc9627-f5ea-43cd-887d-b6937c09575d.tmp</t>
  </si>
  <si>
    <t>\\acsfs\profiles$\lorrainerdl\Downloads\86dc9627-f5ea-43cd-887d-b6937c09575d.tmp</t>
  </si>
  <si>
    <t>328a2f86-8131-4f05-b749-a70626ff741b.tmp</t>
  </si>
  <si>
    <t>\\acsfs\profiles$\lorrainerdl\Downloads\328a2f86-8131-4f05-b749-a70626ff741b.tmp</t>
  </si>
  <si>
    <t>01/24/2020 11:18:49</t>
  </si>
  <si>
    <t>01/24/2020 11:25:12</t>
  </si>
  <si>
    <t>dc2ffea4-a820-468b-821e-a7388e1188b2.tmp</t>
  </si>
  <si>
    <t>\\acsfs\profiles$\jhonatadss\Downloads\dc2ffea4-a820-468b-821e-a7388e1188b2.tmp</t>
  </si>
  <si>
    <t>01/24/2020 11:30:13</t>
  </si>
  <si>
    <t>01/24/2020 11:29:09</t>
  </si>
  <si>
    <t>159e6cc5-07e2-46df-bb8c-8397568e104b.tmp</t>
  </si>
  <si>
    <t>\\acsfs\profiles$\jhonatadss\Downloads\159e6cc5-07e2-46df-bb8c-8397568e104b.tmp</t>
  </si>
  <si>
    <t>01/24/2020 11:42:14</t>
  </si>
  <si>
    <t>01/24/2020 11:37:50</t>
  </si>
  <si>
    <t>01/24/2020 11:37:52</t>
  </si>
  <si>
    <t>01/24/2020 11:38:16</t>
  </si>
  <si>
    <t>01/24/2020 11:38:26</t>
  </si>
  <si>
    <t>b49ec8ce-b80e-475c-93f0-c21955dd167f.tmp</t>
  </si>
  <si>
    <t>\\acsfs\profiles$\henriquehmdo\Downloads\b49ec8ce-b80e-475c-93f0-c21955dd167f.tmp</t>
  </si>
  <si>
    <t>Q29udHJvbGxlci5SUC0yMDAwLVByaW1hcmlvXzE- (48).ica</t>
  </si>
  <si>
    <t>\\acsfs\profiles$\henriquehmdo\Downloads\Q29udHJvbGxlci5SUC0yMDAwLVByaW1hcmlvXzE- (48).ica</t>
  </si>
  <si>
    <t>cf0b4c0c-9712-4059-8de2-d75fa16c0739.tmp</t>
  </si>
  <si>
    <t>\\acsfs\profiles$\henriquehmdo\Downloads\cf0b4c0c-9712-4059-8de2-d75fa16c0739.tmp</t>
  </si>
  <si>
    <t>01/24/2020 11:39:50</t>
  </si>
  <si>
    <t>33e4eda3-66eb-4812-8896-9ed88891b39a.tmp</t>
  </si>
  <si>
    <t>\\acsfs\profiles$\henriquehmdo\Downloads\33e4eda3-66eb-4812-8896-9ed88891b39a.tmp</t>
  </si>
  <si>
    <t>01/24/2020 11:40:53</t>
  </si>
  <si>
    <t>930a0f64-6941-4cc0-b233-99c428cca732.tmp</t>
  </si>
  <si>
    <t>\\acsfs\profiles$\henriquehmdo\Downloads\930a0f64-6941-4cc0-b233-99c428cca732.tmp</t>
  </si>
  <si>
    <t>01/24/2020 11:40:56</t>
  </si>
  <si>
    <t>e5d45db4-a610-4ab0-841c-45dd94c08c1b.tmp</t>
  </si>
  <si>
    <t>\\acsfs\profiles$\henriquehmdo\Downloads\e5d45db4-a610-4ab0-841c-45dd94c08c1b.tmp</t>
  </si>
  <si>
    <t>01/24/2020 11:43:31</t>
  </si>
  <si>
    <t>01/24/2020 11:45:13</t>
  </si>
  <si>
    <t>3df76dc8-e79c-4b84-bf83-e15e39023d2d.tmp</t>
  </si>
  <si>
    <t>\\acsfs\profiles$\matheushds\Downloads\3df76dc8-e79c-4b84-bf83-e15e39023d2d.tmp</t>
  </si>
  <si>
    <t>01/24/2020 11:46:36</t>
  </si>
  <si>
    <t>01/24/2020 11:50:13</t>
  </si>
  <si>
    <t>31c37dd6-2f7a-4121-9b1a-7e9e9d02f0c0.tmp</t>
  </si>
  <si>
    <t>\\acsfs\profiles$\matheushds\Downloads\31c37dd6-2f7a-4121-9b1a-7e9e9d02f0c0.tmp</t>
  </si>
  <si>
    <t>01/24/2020 11:52:13</t>
  </si>
  <si>
    <t>01/24/2020 11:47:35</t>
  </si>
  <si>
    <t>01/24/2020 11:47:38</t>
  </si>
  <si>
    <t>01/24/2020 11:47:48</t>
  </si>
  <si>
    <t>01/24/2020 11:48:19</t>
  </si>
  <si>
    <t>01/24/2020 11:50:29</t>
  </si>
  <si>
    <t>01/24/2020 11:55:13</t>
  </si>
  <si>
    <t>78219fc4-0869-46d5-8e6b-112bd3a75e28.tmp</t>
  </si>
  <si>
    <t>\\acsfs\profiles$\matheushds\Downloads\78219fc4-0869-46d5-8e6b-112bd3a75e28.tmp</t>
  </si>
  <si>
    <t>01/24/2020 11:52:34</t>
  </si>
  <si>
    <t>01/24/2020 11:56:13</t>
  </si>
  <si>
    <t>10.200.66.144</t>
  </si>
  <si>
    <t>64-1C-67-9D-1E-33</t>
  </si>
  <si>
    <t>VOTORANT-LB015</t>
  </si>
  <si>
    <t>thamiresbds</t>
  </si>
  <si>
    <t>\\acsfs\profiles$\thamiresbds\Downloads\</t>
  </si>
  <si>
    <t>c44a74a2-ac75-4f0f-b62d-348b82d95032.tmp</t>
  </si>
  <si>
    <t>\\acsfs\profiles$\thamiresbds\Downloads\c44a74a2-ac75-4f0f-b62d-348b82d95032.tmp</t>
  </si>
  <si>
    <t>01/24/2020 11:53:45</t>
  </si>
  <si>
    <t>ccc1592e-27a9-4a9f-b018-b791840f2bd2.tmp</t>
  </si>
  <si>
    <t>\\acsfs\profiles$\thamiresbds\Downloads\ccc1592e-27a9-4a9f-b018-b791840f2bd2.tmp</t>
  </si>
  <si>
    <t>01/24/2020 11:53:46</t>
  </si>
  <si>
    <t>60bcb9d7-ae4a-47e4-b5d6-ee053410d014.tmp</t>
  </si>
  <si>
    <t>\\acsfs\profiles$\thamiresbds\Downloads\60bcb9d7-ae4a-47e4-b5d6-ee053410d014.tmp</t>
  </si>
  <si>
    <t>01/24/2020 11:53:48</t>
  </si>
  <si>
    <t>944923d0-d7cd-4354-a953-2d4acb98733c.tmp</t>
  </si>
  <si>
    <t>\\acsfs\profiles$\thamiresbds\Downloads\944923d0-d7cd-4354-a953-2d4acb98733c.tmp</t>
  </si>
  <si>
    <t>01/24/2020 11:56:06</t>
  </si>
  <si>
    <t>01/24/2020 11:57:50</t>
  </si>
  <si>
    <t>01/24/2020 12:00:14</t>
  </si>
  <si>
    <t>febf33d9-4224-4c0f-a13e-4b2c76499f17.tmp</t>
  </si>
  <si>
    <t>\\acsfs\profiles$\quindaizaagds\Downloads\febf33d9-4224-4c0f-a13e-4b2c76499f17.tmp</t>
  </si>
  <si>
    <t>01/24/2020 12:04:10</t>
  </si>
  <si>
    <t>01/24/2020 12:05:13</t>
  </si>
  <si>
    <t>78f19e85-6f6e-4190-b9ce-71412d8ef278.tmp</t>
  </si>
  <si>
    <t>\\acsfs\profiles$\sarahbal\Downloads\78f19e85-6f6e-4190-b9ce-71412d8ef278.tmp</t>
  </si>
  <si>
    <t>01/24/2020 12:04:20</t>
  </si>
  <si>
    <t>c7fb4f58-0118-41d1-852e-5d5ec0e6a511.tmp</t>
  </si>
  <si>
    <t>\\acsfs\profiles$\sarahbal\Downloads\c7fb4f58-0118-41d1-852e-5d5ec0e6a511.tmp</t>
  </si>
  <si>
    <t>01/24/2020 12:06:13</t>
  </si>
  <si>
    <t>e34f5c23-e053-4e64-990e-dab355a5d1a8.tmp</t>
  </si>
  <si>
    <t>\\acsfs\profiles$\thamiresbds\Downloads\e34f5c23-e053-4e64-990e-dab355a5d1a8.tmp</t>
  </si>
  <si>
    <t>01/24/2020 12:04:30</t>
  </si>
  <si>
    <t>01/24/2020 12:04:50</t>
  </si>
  <si>
    <t>01/24/2020 12:05:26</t>
  </si>
  <si>
    <t>01/24/2020 12:10:13</t>
  </si>
  <si>
    <t>Viviana Leonel da Silva_1_6781758471477999710_1_32.wav</t>
  </si>
  <si>
    <t>\\acsfs\Deptos\EDUCACAO EMPRESARIAL\FERNANDA MONIT\Fernanda\MONITORIA JANEIRO\Ligaçoes para MUTANT terceiro ciclo janeiro\Viviana Leonel da Silva_1_6781758471477999710_1_32.wav</t>
  </si>
  <si>
    <t>cbc91a35-0ef3-4fd9-b1ee-5d98a90eae27.tmp</t>
  </si>
  <si>
    <t>\\acsfs\profiles$\sarahbal\Downloads\cbc91a35-0ef3-4fd9-b1ee-5d98a90eae27.tmp</t>
  </si>
  <si>
    <t>01/24/2020 12:07:53</t>
  </si>
  <si>
    <t>01/24/2020 12:09:36</t>
  </si>
  <si>
    <t>01/24/2020 12:13:14</t>
  </si>
  <si>
    <t>7f3ba091-6bcf-4ca0-8176-393020c4ab5b.tmp</t>
  </si>
  <si>
    <t>\\acsfs\profiles$\nayarasds\Downloads\7f3ba091-6bcf-4ca0-8176-393020c4ab5b.tmp</t>
  </si>
  <si>
    <t>01/24/2020 12:10:54</t>
  </si>
  <si>
    <t>01/24/2020 12:15:13</t>
  </si>
  <si>
    <t>01/24/2020 12:11:05</t>
  </si>
  <si>
    <t>https://parceiro.metlife.com.br/cotadorml/implantador/propostas/cadproposta.aspx</t>
  </si>
  <si>
    <t>01/24/2020 12:11:07</t>
  </si>
  <si>
    <t>01/24/2020 12:17:37</t>
  </si>
  <si>
    <t>01/24/2020 12:21:13</t>
  </si>
  <si>
    <t>01/24/2020 12:17:38</t>
  </si>
  <si>
    <t>01/24/2020 12:19:02</t>
  </si>
  <si>
    <t>01/24/2020 12:19:03</t>
  </si>
  <si>
    <t>01/24/2020 12:28:08</t>
  </si>
  <si>
    <t>01/24/2020 12:30:13</t>
  </si>
  <si>
    <t>01/24/2020 12:28:48</t>
  </si>
  <si>
    <t>01/24/2020 12:32:13</t>
  </si>
  <si>
    <t>2d5f40d4-559b-41af-be9e-ad1fcafc0141.tmp</t>
  </si>
  <si>
    <t>\\acsfs\profiles$\lorrainerdl\Downloads\2d5f40d4-559b-41af-be9e-ad1fcafc0141.tmp</t>
  </si>
  <si>
    <t>01/24/2020 12:28:46</t>
  </si>
  <si>
    <t>548303d4-88b0-407a-a22e-1b6eacea0f17.tmp</t>
  </si>
  <si>
    <t>\\acsfs\profiles$\joselrb\Downloads\548303d4-88b0-407a-a22e-1b6eacea0f17.tmp</t>
  </si>
  <si>
    <t>01/24/2020 12:29:16</t>
  </si>
  <si>
    <t>24034ecd-006a-45b5-ad42-ceebaab9ea5d.tmp</t>
  </si>
  <si>
    <t>\\acsfs\profiles$\joselrb\Downloads\24034ecd-006a-45b5-ad42-ceebaab9ea5d.tmp</t>
  </si>
  <si>
    <t>01/23/2020 20:52:22</t>
  </si>
  <si>
    <t>01/24/2020 12:33:13</t>
  </si>
  <si>
    <t>CONSORCIO.txt</t>
  </si>
  <si>
    <t>\\acsfs\profiles$\regisedsj\My Documents\CONSORCIO.txt</t>
  </si>
  <si>
    <t>01/23/2020 20:53:35</t>
  </si>
  <si>
    <t>01/23/2020 20:53:36</t>
  </si>
  <si>
    <t>lu10820949i.tmp</t>
  </si>
  <si>
    <t>\\acsfs\profiles$\regisedsj\My Documents\lu10820949i.tmp</t>
  </si>
  <si>
    <t>\\acsfs\profiles$\regisedsj\My Documents\lu10820949i.tmp\</t>
  </si>
  <si>
    <t>\\acsfs\profiles$\regisedsj\My Documents\lu10820949i.tmp\META-INF\</t>
  </si>
  <si>
    <t>\\acsfs\profiles$\regisedsj\My Documents\lu10820949i.tmp\Thumbnails\</t>
  </si>
  <si>
    <t>01/24/2020 12:30:27</t>
  </si>
  <si>
    <t>01/24/2020 12:35:13</t>
  </si>
  <si>
    <t>01/24/2020 12:31:52</t>
  </si>
  <si>
    <t>01/24/2020 12:36:14</t>
  </si>
  <si>
    <t>01/24/2020 12:31:53</t>
  </si>
  <si>
    <t>lu116801aeges.tmp</t>
  </si>
  <si>
    <t>\\acsfs\profiles$\dhiulliananads\My Documents\lu116801aeges.tmp</t>
  </si>
  <si>
    <t>\\acsfs\profiles$\dhiulliananads\My Documents\lu116801aeges.tmp\</t>
  </si>
  <si>
    <t>\\acsfs\profiles$\dhiulliananads\My Documents\lu116801aeges.tmp\META-INF\</t>
  </si>
  <si>
    <t>\\acsfs\profiles$\dhiulliananads\My Documents\lu116801aeges.tmp\Thumbnails\</t>
  </si>
  <si>
    <t>01/24/2020 12:33:02</t>
  </si>
  <si>
    <t>01/24/2020 12:37:13</t>
  </si>
  <si>
    <t>2160ffe0-7659-4ebb-a007-861c9c4ec8a0.tmp</t>
  </si>
  <si>
    <t>\\acsfs\profiles$\lorrainerdl\Downloads\2160ffe0-7659-4ebb-a007-861c9c4ec8a0.tmp</t>
  </si>
  <si>
    <t>01/24/2020 12:35:08</t>
  </si>
  <si>
    <t>01/24/2020 12:40:13</t>
  </si>
  <si>
    <t>01/24/2020 12:37:21</t>
  </si>
  <si>
    <t>01/24/2020 12:46:33</t>
  </si>
  <si>
    <t>01/24/2020 12:50:13</t>
  </si>
  <si>
    <t>69dc71aa-5822-475f-be99-b26d651a76b3.tmp</t>
  </si>
  <si>
    <t>\\acsfs\profiles$\lorenabmc\Downloads\69dc71aa-5822-475f-be99-b26d651a76b3.tmp</t>
  </si>
  <si>
    <t>01/24/2020 12:59:34</t>
  </si>
  <si>
    <t>01/24/2020 13:00:13</t>
  </si>
  <si>
    <t>01/24/2020 12:59:36</t>
  </si>
  <si>
    <t>01/24/2020 13:14:06</t>
  </si>
  <si>
    <t>01/24/2020 13:15:14</t>
  </si>
  <si>
    <t>d41c6960-ad27-42e0-9044-d422b8c7ca6c.tmp</t>
  </si>
  <si>
    <t>\\acsfs\profiles$\laylaams\Downloads\d41c6960-ad27-42e0-9044-d422b8c7ca6c.tmp</t>
  </si>
  <si>
    <t>01/24/2020 13:15:25</t>
  </si>
  <si>
    <t>01/24/2020 13:20:13</t>
  </si>
  <si>
    <t>8e2bf7f6-1526-4404-9515-e64b6511b2ba.tmp</t>
  </si>
  <si>
    <t>\\acsfs\profiles$\laylaams\Downloads\8e2bf7f6-1526-4404-9515-e64b6511b2ba.tmp</t>
  </si>
  <si>
    <t>01/24/2020 13:17:10</t>
  </si>
  <si>
    <t>8b8d1b68-e913-451d-9c1d-f3afe7e0c707.tmp</t>
  </si>
  <si>
    <t>\\acsfs\profiles$\laylaams\Downloads\8b8d1b68-e913-451d-9c1d-f3afe7e0c707.tmp</t>
  </si>
  <si>
    <t>01/24/2020 13:26:09</t>
  </si>
  <si>
    <t>01/24/2020 13:27:13</t>
  </si>
  <si>
    <t>163d3d2f-a75a-47b7-9b9a-ae437737e210.tmp</t>
  </si>
  <si>
    <t>\\acsfs\profiles$\joselrb\Downloads\163d3d2f-a75a-47b7-9b9a-ae437737e210.tmp</t>
  </si>
  <si>
    <t>01/24/2020 13:30:00</t>
  </si>
  <si>
    <t>01/24/2020 13:35:13</t>
  </si>
  <si>
    <t>3e1126e3-77b2-4a9b-8f90-a420988f1f97.tmp</t>
  </si>
  <si>
    <t>\\acsfs\profiles$\sarahbal\Downloads\3e1126e3-77b2-4a9b-8f90-a420988f1f97.tmp</t>
  </si>
  <si>
    <t>01/24/2020 13:35:36</t>
  </si>
  <si>
    <t>01/24/2020 13:40:13</t>
  </si>
  <si>
    <t>Wender Bruno Nunes Meneses_1_6781813794951729783_1_32.wav</t>
  </si>
  <si>
    <t>\\acsfs\Deptos\EDUCACAO EMPRESARIAL\FERNANDA MONIT\Fernanda\MONITORIA JANEIRO\Ligaçoes para MUTANT terceiro ciclo janeiro\Wender Bruno Nunes Meneses_1_6781813794951729783_1_32.wav</t>
  </si>
  <si>
    <t>01/24/2020 13:41:57</t>
  </si>
  <si>
    <t>01/24/2020 13:45:13</t>
  </si>
  <si>
    <t>01/24/2020 13:42:13</t>
  </si>
  <si>
    <t>01/24/2020 13:42:14</t>
  </si>
  <si>
    <t>01/24/2020 13:47:13</t>
  </si>
  <si>
    <t>01/24/2020 13:44:58</t>
  </si>
  <si>
    <t>lu116801aegex.tmp</t>
  </si>
  <si>
    <t>\\acsfs\profiles$\dhiulliananads\My Documents\lu116801aegex.tmp</t>
  </si>
  <si>
    <t>\\acsfs\profiles$\dhiulliananads\My Documents\lu116801aegex.tmp\</t>
  </si>
  <si>
    <t>\\acsfs\profiles$\dhiulliananads\My Documents\lu116801aegex.tmp\META-INF\</t>
  </si>
  <si>
    <t>\\acsfs\profiles$\dhiulliananads\My Documents\lu116801aegex.tmp\Thumbnails\</t>
  </si>
  <si>
    <t>01/24/2020 13:46:34</t>
  </si>
  <si>
    <t>01/24/2020 13:50:13</t>
  </si>
  <si>
    <t>d2861c49-b224-48a3-a682-9a407fd49fbe.tmp</t>
  </si>
  <si>
    <t>\\acsfs\profiles$\KARENJSS\Downloads\d2861c49-b224-48a3-a682-9a407fd49fbe.tmp</t>
  </si>
  <si>
    <t>01/24/2020 13:48:25</t>
  </si>
  <si>
    <t>e8632bd9-9279-44a0-8479-a6a3a6a1368d.tmp</t>
  </si>
  <si>
    <t>\\acsfs\profiles$\KARENJSS\Downloads\e8632bd9-9279-44a0-8479-a6a3a6a1368d.tmp</t>
  </si>
  <si>
    <t>01/24/2020 13:48:41</t>
  </si>
  <si>
    <t>b02aea3d-4385-4be0-885b-3724ee340492.tmp</t>
  </si>
  <si>
    <t>\\acsfs\profiles$\KARENJSS\Downloads\b02aea3d-4385-4be0-885b-3724ee340492.tmp</t>
  </si>
  <si>
    <t>01/24/2020 13:49:40</t>
  </si>
  <si>
    <t>bc6125ac-12d9-4d0f-ad5f-0bcdd31fdb93.tmp</t>
  </si>
  <si>
    <t>\\acsfs\profiles$\KARENJSS\Downloads\bc6125ac-12d9-4d0f-ad5f-0bcdd31fdb93.tmp</t>
  </si>
  <si>
    <t>01/24/2020 14:01:35</t>
  </si>
  <si>
    <t>01/24/2020 14:03:13</t>
  </si>
  <si>
    <t>10.200.67.179</t>
  </si>
  <si>
    <t>96fb3637-e82d-412e-a053-cca2d77d27f9.tmp</t>
  </si>
  <si>
    <t>\\acsfs\profiles$\victorgl\Downloads\96fb3637-e82d-412e-a053-cca2d77d27f9.tmp</t>
  </si>
  <si>
    <t>01/24/2020 14:01:36</t>
  </si>
  <si>
    <t>04787ef0-758d-4b22-8edc-5385ae21f21c.tmp</t>
  </si>
  <si>
    <t>\\acsfs\profiles$\victorgl\Downloads\04787ef0-758d-4b22-8edc-5385ae21f21c.tmp</t>
  </si>
  <si>
    <t>01/24/2020 14:02:06</t>
  </si>
  <si>
    <t>01/24/2020 14:05:13</t>
  </si>
  <si>
    <t>Gabriela Ferreira Fraga_1_6780655068609842782_1_32.wav</t>
  </si>
  <si>
    <t>\\acsfs\Deptos\EDUCACAO EMPRESARIAL\FERNANDA MONIT\Fernanda\MONITORIA JANEIRO\Ligaçoes para MUTANT terceiro ciclo janeiro\Gabriela Ferreira Fraga_1_6780655068609842782_1_32.wav</t>
  </si>
  <si>
    <t>01/24/2020 14:03:34</t>
  </si>
  <si>
    <t>01/24/2020 14:08:13</t>
  </si>
  <si>
    <t>9a8345b5-18a4-454a-8422-e6e88be5f60c.tmp</t>
  </si>
  <si>
    <t>\\acsfs\profiles$\victorgl\Downloads\9a8345b5-18a4-454a-8422-e6e88be5f60c.tmp</t>
  </si>
  <si>
    <t>01/24/2020 14:04:20</t>
  </si>
  <si>
    <t>07fed1af-19af-48bd-a657-efdac12e84a8.tmp</t>
  </si>
  <si>
    <t>\\acsfs\profiles$\victorgl\Downloads\07fed1af-19af-48bd-a657-efdac12e84a8.tmp</t>
  </si>
  <si>
    <t>01/24/2020 14:16:13</t>
  </si>
  <si>
    <t>01/24/2020 14:12:30</t>
  </si>
  <si>
    <t>6ad70485-e330-40b8-969b-c0d257031ca5.tmp</t>
  </si>
  <si>
    <t>\\acsfs\profiles$\henriquehmdo\Downloads\6ad70485-e330-40b8-969b-c0d257031ca5.tmp</t>
  </si>
  <si>
    <t>01/24/2020 14:13:30</t>
  </si>
  <si>
    <t>87a94468-fb62-43a4-a3ea-f74e4d69e289.tmp</t>
  </si>
  <si>
    <t>\\acsfs\profiles$\henriquehmdo\Downloads\87a94468-fb62-43a4-a3ea-f74e4d69e289.tmp</t>
  </si>
  <si>
    <t>01/24/2020 14:14:26</t>
  </si>
  <si>
    <t>96264a6f-163a-4379-a29e-f7dba8c7dfe1.tmp</t>
  </si>
  <si>
    <t>\\acsfs\profiles$\henriquehmdo\Downloads\96264a6f-163a-4379-a29e-f7dba8c7dfe1.tmp</t>
  </si>
  <si>
    <t>01/24/2020 14:15:37</t>
  </si>
  <si>
    <t>1178de58-39b4-41b4-b085-6c079f13d91a.tmp</t>
  </si>
  <si>
    <t>\\acsfs\profiles$\henriquehmdo\Downloads\1178de58-39b4-41b4-b085-6c079f13d91a.tmp</t>
  </si>
  <si>
    <t>01/24/2020 14:16:22</t>
  </si>
  <si>
    <t>01/24/2020 14:21:13</t>
  </si>
  <si>
    <t>7c831dc3-8df5-4dbd-a1e1-fbc7177b0d78.tmp</t>
  </si>
  <si>
    <t>\\acsfs\profiles$\matheusmax\Downloads\7c831dc3-8df5-4dbd-a1e1-fbc7177b0d78.tmp</t>
  </si>
  <si>
    <t>01/24/2020 14:16:30</t>
  </si>
  <si>
    <t>2fbec249-0aa9-493f-ac69-a096950dd39a.tmp</t>
  </si>
  <si>
    <t>\\acsfs\profiles$\matheusmax\Downloads\2fbec249-0aa9-493f-ac69-a096950dd39a.tmp</t>
  </si>
  <si>
    <t>01/24/2020 14:17:52</t>
  </si>
  <si>
    <t>b7cb867e-d412-4a53-8c73-96fe8f5f0752.tmp</t>
  </si>
  <si>
    <t>\\acsfs\profiles$\matheusmax\Downloads\b7cb867e-d412-4a53-8c73-96fe8f5f0752.tmp</t>
  </si>
  <si>
    <t>01/24/2020 14:17:26</t>
  </si>
  <si>
    <t>afb75d98-4b26-4d1d-b518-b92c4e9ca046.tmp</t>
  </si>
  <si>
    <t>\\acsfs\profiles$\henriquehmdo\Downloads\afb75d98-4b26-4d1d-b518-b92c4e9ca046.tmp</t>
  </si>
  <si>
    <t>01/24/2020 14:18:47</t>
  </si>
  <si>
    <t>3f2fd7dc-50e5-43c0-b75f-5c0b9d2968c6.tmp</t>
  </si>
  <si>
    <t>\\acsfs\profiles$\henriquehmdo\Downloads\3f2fd7dc-50e5-43c0-b75f-5c0b9d2968c6.tmp</t>
  </si>
  <si>
    <t>01/24/2020 14:18:51</t>
  </si>
  <si>
    <t>5b8a162f-78a1-4575-96f9-3a94af74a4a2.tmp</t>
  </si>
  <si>
    <t>\\acsfs\profiles$\henriquehmdo\Downloads\5b8a162f-78a1-4575-96f9-3a94af74a4a2.tmp</t>
  </si>
  <si>
    <t>01/24/2020 14:22:02</t>
  </si>
  <si>
    <t>01/24/2020 14:25:13</t>
  </si>
  <si>
    <t>Lorrayne Valentino Amancio_1_6780276424293039772_1_32.wav</t>
  </si>
  <si>
    <t>\\acsfs\Deptos\EDUCACAO EMPRESARIAL\FERNANDA MONIT\Fernanda\MONITORIA JANEIRO\Ligaçoes para MUTANT terceiro ciclo janeiro\Lorrayne Valentino Amancio_1_6780276424293039772_1_32.wav</t>
  </si>
  <si>
    <t>01/24/2020 14:26:03</t>
  </si>
  <si>
    <t>01/24/2020 14:30:13</t>
  </si>
  <si>
    <t>09d80c98-fea8-45f8-97fd-398c9e3bae83.tmp</t>
  </si>
  <si>
    <t>\\acsfs\profiles$\laylaams\Downloads\09d80c98-fea8-45f8-97fd-398c9e3bae83.tmp</t>
  </si>
  <si>
    <t>01/24/2020 14:45:36</t>
  </si>
  <si>
    <t>01/24/2020 14:48:13</t>
  </si>
  <si>
    <t>fe7072a0-d5da-496a-a100-5e1664a5516f.tmp</t>
  </si>
  <si>
    <t>\\acsfs\profiles$\victorgl\Downloads\fe7072a0-d5da-496a-a100-5e1664a5516f.tmp</t>
  </si>
  <si>
    <t>01/24/2020 14:45:42</t>
  </si>
  <si>
    <t>2597f803-33fb-4033-93fa-405356b68e0b.tmp</t>
  </si>
  <si>
    <t>\\acsfs\profiles$\victorgl\Downloads\2597f803-33fb-4033-93fa-405356b68e0b.tmp</t>
  </si>
  <si>
    <t>01/24/2020 14:46:36</t>
  </si>
  <si>
    <t>01/24/2020 14:50:13</t>
  </si>
  <si>
    <t>Lucas Barbosa da Silva_1_6780346960540929857_1_32.wav</t>
  </si>
  <si>
    <t>\\acsfs\Deptos\EDUCACAO EMPRESARIAL\FERNANDA MONIT\Fernanda\MONITORIA JANEIRO\Ligaçoes para MUTANT terceiro ciclo janeiro\Lucas Barbosa da Silva_1_6780346960540929857_1_32.wav</t>
  </si>
  <si>
    <t>01/24/2020 14:52:13</t>
  </si>
  <si>
    <t>01/24/2020 14:51:06</t>
  </si>
  <si>
    <t>1eef4f5e-bb54-4e0a-9938-1cf36f08ff5e.tmp</t>
  </si>
  <si>
    <t>\\acsfs\profiles$\henriqueco\Downloads\1eef4f5e-bb54-4e0a-9938-1cf36f08ff5e.tmp</t>
  </si>
  <si>
    <t>01/24/2020 14:51:17</t>
  </si>
  <si>
    <t>bc5569cb-d92b-4663-bb44-8c14c36f992d.tmp</t>
  </si>
  <si>
    <t>\\acsfs\profiles$\henriqueco\Downloads\bc5569cb-d92b-4663-bb44-8c14c36f992d.tmp</t>
  </si>
  <si>
    <t>01/24/2020 14:55:13</t>
  </si>
  <si>
    <t>01/24/2020 14:51:32</t>
  </si>
  <si>
    <t>d53f0d59-ebb5-4fae-ac84-569ed7c90260.tmp</t>
  </si>
  <si>
    <t>\\acsfs\profiles$\KARENJSS\Downloads\d53f0d59-ebb5-4fae-ac84-569ed7c90260.tmp</t>
  </si>
  <si>
    <t>01/24/2020 14:50:19</t>
  </si>
  <si>
    <t>46b5349a-c745-4af8-b752-238c257ebdb7.tmp</t>
  </si>
  <si>
    <t>\\acsfs\profiles$\laylaams\Downloads\46b5349a-c745-4af8-b752-238c257ebdb7.tmp</t>
  </si>
  <si>
    <t>01/24/2020 14:50:33</t>
  </si>
  <si>
    <t>24a5edf4-818e-438f-bf99-72a675f88365.tmp</t>
  </si>
  <si>
    <t>\\acsfs\profiles$\laylaams\Downloads\24a5edf4-818e-438f-bf99-72a675f88365.tmp</t>
  </si>
  <si>
    <t>01/24/2020 14:52:09</t>
  </si>
  <si>
    <t>01/24/2020 14:57:13</t>
  </si>
  <si>
    <t>8db10581-22a7-4829-83b5-aaf58b910463.tmp</t>
  </si>
  <si>
    <t>\\acsfs\profiles$\henriqueco\Downloads\8db10581-22a7-4829-83b5-aaf58b910463.tmp</t>
  </si>
  <si>
    <t>01/24/2020 14:52:40</t>
  </si>
  <si>
    <t>8b97634e-db00-46c0-94e5-35b733b5307b.tmp</t>
  </si>
  <si>
    <t>\\acsfs\profiles$\henriqueco\Downloads\8b97634e-db00-46c0-94e5-35b733b5307b.tmp</t>
  </si>
  <si>
    <t>01/24/2020 14:53:09</t>
  </si>
  <si>
    <t>99192e15-4f35-4874-99e1-6f08dd1ff241.tmp</t>
  </si>
  <si>
    <t>\\acsfs\profiles$\henriqueco\Downloads\99192e15-4f35-4874-99e1-6f08dd1ff241.tmp</t>
  </si>
  <si>
    <t>01/24/2020 14:53:37</t>
  </si>
  <si>
    <t>7cc85134-1420-42cf-9991-268f3e8ad1f9.tmp</t>
  </si>
  <si>
    <t>\\acsfs\profiles$\henriqueco\Downloads\7cc85134-1420-42cf-9991-268f3e8ad1f9.tmp</t>
  </si>
  <si>
    <t>01/24/2020 14:59:47</t>
  </si>
  <si>
    <t>01/24/2020 15:00:13</t>
  </si>
  <si>
    <t>01/24/2020 14:56:19</t>
  </si>
  <si>
    <t>01/24/2020 15:01:14</t>
  </si>
  <si>
    <t>01/24/2020 14:56:28</t>
  </si>
  <si>
    <t>01/24/2020 14:56:29</t>
  </si>
  <si>
    <t>01/24/2020 14:56:55</t>
  </si>
  <si>
    <t>01/24/2020 14:56:56</t>
  </si>
  <si>
    <t>01/24/2020 14:57:00</t>
  </si>
  <si>
    <t>01/24/2020 15:00:29</t>
  </si>
  <si>
    <t>01/24/2020 15:05:13</t>
  </si>
  <si>
    <t>23/04/1971;__/__/____;</t>
  </si>
  <si>
    <t>https://23/04/1971,__/__/____</t>
  </si>
  <si>
    <t>01/24/2020 15:00:39</t>
  </si>
  <si>
    <t>01/24/2020 15:01:51</t>
  </si>
  <si>
    <t>01/24/2020 15:07:22</t>
  </si>
  <si>
    <t>01/24/2020 15:11:13</t>
  </si>
  <si>
    <t>Dimensionamento_Janeiro Financeira_3ºCiclo (3).xlsx</t>
  </si>
  <si>
    <t>01/24/2020 15:08:37</t>
  </si>
  <si>
    <t>01/24/2020 15:08:31</t>
  </si>
  <si>
    <t>01/24/2020 15:14:13</t>
  </si>
  <si>
    <t>e092673a-2bfd-47e3-b9fe-593151a14ae4.tmp</t>
  </si>
  <si>
    <t>\\acsfs\profiles$\laurandos\Downloads\e092673a-2bfd-47e3-b9fe-593151a14ae4.tmp</t>
  </si>
  <si>
    <t>01/24/2020 15:09:10</t>
  </si>
  <si>
    <t>302037c1-4e2f-4a9a-8f6a-ca5afe640aeb.tmp</t>
  </si>
  <si>
    <t>\\acsfs\profiles$\laurandos\Downloads\302037c1-4e2f-4a9a-8f6a-ca5afe640aeb.tmp</t>
  </si>
  <si>
    <t>01/24/2020 15:09:40</t>
  </si>
  <si>
    <t>c6e5792f-41b3-4966-a257-9779d0663a48.tmp</t>
  </si>
  <si>
    <t>\\acsfs\profiles$\rosileiam\Downloads\c6e5792f-41b3-4966-a257-9779d0663a48.tmp</t>
  </si>
  <si>
    <t>01/24/2020 15:11:02</t>
  </si>
  <si>
    <t>57f58b88-a9ab-4f14-b397-4936529c476f.tmp</t>
  </si>
  <si>
    <t>\\acsfs\profiles$\rosileiam\Downloads\57f58b88-a9ab-4f14-b397-4936529c476f.tmp</t>
  </si>
  <si>
    <t>01/24/2020 15:12:06</t>
  </si>
  <si>
    <t>1d756920-e959-4e48-b569-2d6994bd3eee.tmp</t>
  </si>
  <si>
    <t>\\acsfs\profiles$\rosileiam\Downloads\1d756920-e959-4e48-b569-2d6994bd3eee.tmp</t>
  </si>
  <si>
    <t>01/24/2020 15:11:15</t>
  </si>
  <si>
    <t>01/24/2020 15:15:14</t>
  </si>
  <si>
    <t>Lucas Qitonio de Souza Silva_1_6780664414458684154_1_32.wav</t>
  </si>
  <si>
    <t>\\acsfs\Deptos\EDUCACAO EMPRESARIAL\FERNANDA MONIT\Fernanda\MONITORIA JANEIRO\Ligaçoes para MUTANT terceiro ciclo janeiro\Lucas Qitonio de Souza Silva_1_6780664414458684154_1_32.wav</t>
  </si>
  <si>
    <t>01/24/2020 15:17:42</t>
  </si>
  <si>
    <t>01/24/2020 15:19:13</t>
  </si>
  <si>
    <t>e5a7b767-9c46-4deb-ba9a-f0e2fb962701.tmp</t>
  </si>
  <si>
    <t>\\acsfs\profiles$\rosileiam\Downloads\e5a7b767-9c46-4deb-ba9a-f0e2fb962701.tmp</t>
  </si>
  <si>
    <t>01/24/2020 15:16:39</t>
  </si>
  <si>
    <t>01/24/2020 15:21:13</t>
  </si>
  <si>
    <t>f42eb806-7e0a-4109-8d23-9cfc06220001.tmp</t>
  </si>
  <si>
    <t>\\acsfs\profiles$\matheusmax\Downloads\f42eb806-7e0a-4109-8d23-9cfc06220001.tmp</t>
  </si>
  <si>
    <t>01/24/2020 15:19:46</t>
  </si>
  <si>
    <t>01/24/2020 15:19:47</t>
  </si>
  <si>
    <t>01/24/2020 15:21:08</t>
  </si>
  <si>
    <t>06446d37-eb30-4210-80d5-d7ab867acf23.tmp</t>
  </si>
  <si>
    <t>\\acsfs\profiles$\henriquehmdo\Downloads\06446d37-eb30-4210-80d5-d7ab867acf23.tmp</t>
  </si>
  <si>
    <t>01/24/2020 15:22:14</t>
  </si>
  <si>
    <t>01/24/2020 15:18:39</t>
  </si>
  <si>
    <t>939afbfa-c022-4ae1-a707-b0e080a55984.tmp</t>
  </si>
  <si>
    <t>\\acsfs\profiles$\henriqueco\Downloads\939afbfa-c022-4ae1-a707-b0e080a55984.tmp</t>
  </si>
  <si>
    <t>01/24/2020 15:21:00</t>
  </si>
  <si>
    <t>84c7c3c3-14cf-49ae-8ea3-e0ad45ea43dd.tmp</t>
  </si>
  <si>
    <t>\\acsfs\profiles$\henriqueco\Downloads\84c7c3c3-14cf-49ae-8ea3-e0ad45ea43dd.tmp</t>
  </si>
  <si>
    <t>01/24/2020 15:21:03</t>
  </si>
  <si>
    <t>01/24/2020 15:24:13</t>
  </si>
  <si>
    <t>165ff429-78d2-4fb7-97e8-0cceaecf928b.tmp</t>
  </si>
  <si>
    <t>\\acsfs\profiles$\laurandos\Downloads\165ff429-78d2-4fb7-97e8-0cceaecf928b.tmp</t>
  </si>
  <si>
    <t>01/24/2020 15:21:10</t>
  </si>
  <si>
    <t>b2eabf1e-e1fc-4836-b18d-3e7075dfcfdb.tmp</t>
  </si>
  <si>
    <t>\\acsfs\profiles$\rosileiam\Downloads\b2eabf1e-e1fc-4836-b18d-3e7075dfcfdb.tmp</t>
  </si>
  <si>
    <t>01/24/2020 15:21:20</t>
  </si>
  <si>
    <t>01/24/2020 15:25:14</t>
  </si>
  <si>
    <t>63c91086-a30a-41c7-a821-dc09dd775e38.tmp</t>
  </si>
  <si>
    <t>\\acsfs\profiles$\laylaams\Downloads\63c91086-a30a-41c7-a821-dc09dd775e38.tmp</t>
  </si>
  <si>
    <t>01/24/2020 15:23:53</t>
  </si>
  <si>
    <t>01/24/2020 15:26:13</t>
  </si>
  <si>
    <t>78631b9c-52cf-4d7b-967c-e052c7db3076.tmp</t>
  </si>
  <si>
    <t>\\acsfs\profiles$\henriquehmdo\Downloads\78631b9c-52cf-4d7b-967c-e052c7db3076.tmp</t>
  </si>
  <si>
    <t>01/24/2020 15:24:00</t>
  </si>
  <si>
    <t>01/24/2020 15:24:01</t>
  </si>
  <si>
    <t>01/24/2020 15:24:45</t>
  </si>
  <si>
    <t>01/24/2020 15:24:28</t>
  </si>
  <si>
    <t>01/24/2020 15:27:13</t>
  </si>
  <si>
    <t>bd9e006e-2f6f-4cfd-b92c-e1f8d1c882cd.tmp</t>
  </si>
  <si>
    <t>\\acsfs\profiles$\henriqueco\Downloads\bd9e006e-2f6f-4cfd-b92c-e1f8d1c882cd.tmp</t>
  </si>
  <si>
    <t>ebfc9793-2fc2-4f8c-9590-a80d96b69133.tmp</t>
  </si>
  <si>
    <t>\\acsfs\profiles$\henriqueco\Downloads\ebfc9793-2fc2-4f8c-9590-a80d96b69133.tmp</t>
  </si>
  <si>
    <t>01/24/2020 15:29:13</t>
  </si>
  <si>
    <t>01/24/2020 15:24:32</t>
  </si>
  <si>
    <t>815154cd-de4b-4ba6-a373-b5fad950403d.tmp</t>
  </si>
  <si>
    <t>\\acsfs\profiles$\rosileiam\Downloads\815154cd-de4b-4ba6-a373-b5fad950403d.tmp</t>
  </si>
  <si>
    <t>01/24/2020 15:24:33</t>
  </si>
  <si>
    <t>614f4339-5bcf-44d9-b647-57dae49b2019.tmp</t>
  </si>
  <si>
    <t>\\acsfs\profiles$\rosileiam\Downloads\614f4339-5bcf-44d9-b647-57dae49b2019.tmp</t>
  </si>
  <si>
    <t>01/24/2020 15:24:38</t>
  </si>
  <si>
    <t>6e410e6b-87ea-426e-9706-79abda276e32.tmp</t>
  </si>
  <si>
    <t>\\acsfs\profiles$\rosileiam\Downloads\6e410e6b-87ea-426e-9706-79abda276e32.tmp</t>
  </si>
  <si>
    <t>01/24/2020 15:30:31</t>
  </si>
  <si>
    <t>01/24/2020 15:32:13</t>
  </si>
  <si>
    <t>86762d02-b8bf-43d4-9de5-53040cc19b08.tmp</t>
  </si>
  <si>
    <t>\\acsfs\profiles$\henriqueco\Downloads\86762d02-b8bf-43d4-9de5-53040cc19b08.tmp</t>
  </si>
  <si>
    <t>01/24/2020 15:30:44</t>
  </si>
  <si>
    <t>01/24/2020 15:35:14</t>
  </si>
  <si>
    <t>05be329c-26c0-4605-a4dc-eeb7313d098e.tmp</t>
  </si>
  <si>
    <t>\\acsfs\profiles$\laylaams\Downloads\05be329c-26c0-4605-a4dc-eeb7313d098e.tmp</t>
  </si>
  <si>
    <t>01/24/2020 15:33:41</t>
  </si>
  <si>
    <t>01/24/2020 15:36:13</t>
  </si>
  <si>
    <t>01/24/2020 15:32:19</t>
  </si>
  <si>
    <t>01/24/2020 15:37:13</t>
  </si>
  <si>
    <t>01/24/2020 15:32:22</t>
  </si>
  <si>
    <t>carlaamj@bv.algartech.com;erikamcg@bv.algartech.com;giovannapdjc@bv.algartech.com;ingridrd@bv.algartech.com;karoline@bv.algartech.com;marcellaag@bv.algartech.com;rafaellafcd@bv.algartech.com;</t>
  </si>
  <si>
    <t>carlaamj@bv.algartech.com,erikamcg@bv.algartech.com,giovannapdjc@bv.algartech.com,ingridrd@bv.algartech.com,karoline@bv.algartech.com,marcellaag@bv.algartech.com,rafaellafcd@bv.algartech.com</t>
  </si>
  <si>
    <t>01/24/2020 15:34:53</t>
  </si>
  <si>
    <t>70356285-4533-4771-a15d-d6560129c794.tmp</t>
  </si>
  <si>
    <t>\\acsfs\profiles$\henriqueco\Downloads\70356285-4533-4771-a15d-d6560129c794.tmp</t>
  </si>
  <si>
    <t>01/24/2020 15:38:46</t>
  </si>
  <si>
    <t>01/24/2020 15:41:13</t>
  </si>
  <si>
    <t>1763edc5-1c2e-472a-a65c-f93bc88e7401.tmp</t>
  </si>
  <si>
    <t>\\acsfs\profiles$\matheusmax\Downloads\1763edc5-1c2e-472a-a65c-f93bc88e7401.tmp</t>
  </si>
  <si>
    <t>01/24/2020 15:44:46</t>
  </si>
  <si>
    <t>01/24/2020 15:48:13</t>
  </si>
  <si>
    <t>b22dc9b4-689f-4956-94f9-e413ed62c169.tmp</t>
  </si>
  <si>
    <t>\\acsfs\profiles$\victorgl\Downloads\b22dc9b4-689f-4956-94f9-e413ed62c169.tmp</t>
  </si>
  <si>
    <t>01/24/2020 15:45:38</t>
  </si>
  <si>
    <t>8b0b8f72-547f-4cb3-96fb-2678cae70749.tmp</t>
  </si>
  <si>
    <t>\\acsfs\profiles$\victorgl\Downloads\8b0b8f72-547f-4cb3-96fb-2678cae70749.tmp</t>
  </si>
  <si>
    <t>01/24/2020 15:45:39</t>
  </si>
  <si>
    <t>5540387e-8bcb-4c21-8842-c71e721ffc5b.tmp</t>
  </si>
  <si>
    <t>\\acsfs\profiles$\victorgl\Downloads\5540387e-8bcb-4c21-8842-c71e721ffc5b.tmp</t>
  </si>
  <si>
    <t>01/24/2020 15:47:16</t>
  </si>
  <si>
    <t>01/24/2020 15:49:14</t>
  </si>
  <si>
    <t>ad485587-245e-4f09-adfa-58bcb75fa63d.tmp</t>
  </si>
  <si>
    <t>\\acsfs\profiles$\laurandos\Downloads\ad485587-245e-4f09-adfa-58bcb75fa63d.tmp</t>
  </si>
  <si>
    <t>01/24/2020 15:52:15</t>
  </si>
  <si>
    <t>01/24/2020 15:56:13</t>
  </si>
  <si>
    <t>01/24/2020 15:53:48</t>
  </si>
  <si>
    <t>01/24/2020 15:57:14</t>
  </si>
  <si>
    <t>01/24/2020 15:53:53</t>
  </si>
  <si>
    <t>01/24/2020 15:53:54</t>
  </si>
  <si>
    <t>01/24/2020 15:56:55</t>
  </si>
  <si>
    <t>01/24/2020 15:58:13</t>
  </si>
  <si>
    <t>\\acsfs\Deptos\Operacao\Banco_Votorantim\Supervisao\Maristela\CRBV vendas\Não confirmado 789491.crdownload\</t>
  </si>
  <si>
    <t>\\acsfs\Deptos\Operacao\Banco_Votorantim\Supervisao\Maristela\CRBV vendas\Não confirmado 789491.crdownload</t>
  </si>
  <si>
    <t>Não confirmado 789491.crdownload</t>
  </si>
  <si>
    <t>01/24/2020 16:06:57</t>
  </si>
  <si>
    <t>01/24/2020 16:09:13</t>
  </si>
  <si>
    <t>b56a2edd-91aa-40cc-8290-e7bbc69c3b64.tmp</t>
  </si>
  <si>
    <t>\\acsfs\profiles$\fernandofs\Downloads\b56a2edd-91aa-40cc-8290-e7bbc69c3b64.tmp</t>
  </si>
  <si>
    <t>01/24/2020 16:06:58</t>
  </si>
  <si>
    <t>850da481-4988-499a-b625-3533043ef4aa.tmp</t>
  </si>
  <si>
    <t>\\acsfs\profiles$\fernandofs\Downloads\850da481-4988-499a-b625-3533043ef4aa.tmp</t>
  </si>
  <si>
    <t>01/24/2020 16:06:11</t>
  </si>
  <si>
    <t>d11d29b3-fd28-4caa-b154-85c52c8579be.tmp</t>
  </si>
  <si>
    <t>\\acsfs\profiles$\laurandos\Downloads\d11d29b3-fd28-4caa-b154-85c52c8579be.tmp</t>
  </si>
  <si>
    <t>01/24/2020 16:13:07</t>
  </si>
  <si>
    <t>01/24/2020 16:15:14</t>
  </si>
  <si>
    <t>b5acce0a-8572-495a-a38f-34efc017c61d.tmp</t>
  </si>
  <si>
    <t>\\acsfs\profiles$\myllenardl\Downloads\b5acce0a-8572-495a-a38f-34efc017c61d.tmp</t>
  </si>
  <si>
    <t>01/24/2020 16:13:40</t>
  </si>
  <si>
    <t>a01bb29d-22b3-478e-97c1-5ee382a54546.tmp</t>
  </si>
  <si>
    <t>\\acsfs\profiles$\myllenardl\Downloads\a01bb29d-22b3-478e-97c1-5ee382a54546.tmp</t>
  </si>
  <si>
    <t>01/24/2020 16:14:48</t>
  </si>
  <si>
    <t>9195c230-534d-436d-8b46-2ab9b60565da.tmp</t>
  </si>
  <si>
    <t>\\acsfs\profiles$\myllenardl\Downloads\9195c230-534d-436d-8b46-2ab9b60565da.tmp</t>
  </si>
  <si>
    <t>01/24/2020 16:20:39</t>
  </si>
  <si>
    <t>01/24/2020 16:22:13</t>
  </si>
  <si>
    <t>1d197171-be4b-4af6-879f-2aa3477f2a6c.tmp</t>
  </si>
  <si>
    <t>\\acsfs\profiles$\henriqueco\Downloads\1d197171-be4b-4af6-879f-2aa3477f2a6c.tmp</t>
  </si>
  <si>
    <t>01/24/2020 16:18:26</t>
  </si>
  <si>
    <t>01/24/2020 16:24:13</t>
  </si>
  <si>
    <t>e3eb7cf5-34f5-450d-861b-99ef14b6b4f3.tmp</t>
  </si>
  <si>
    <t>\\acsfs\profiles$\andreapdsg\Downloads\e3eb7cf5-34f5-450d-861b-99ef14b6b4f3.tmp</t>
  </si>
  <si>
    <t>01/24/2020 16:18:29</t>
  </si>
  <si>
    <t>01/24/2020 16:24:17</t>
  </si>
  <si>
    <t>01/24/2020 16:28:13</t>
  </si>
  <si>
    <t>Não confirmado 872711.crdownload</t>
  </si>
  <si>
    <t>\\acsfs\Deptos\Operacao\Banco_Votorantim\Supervisao\Maristela\CRBV vendas\Desligamento\Não confirmado 872711.crdownload</t>
  </si>
  <si>
    <t>01/24/2020 16:33:16</t>
  </si>
  <si>
    <t>01/24/2020 16:34:14</t>
  </si>
  <si>
    <t>5b90e6c4-74da-4a9d-bdb5-de35dec6841e.tmp</t>
  </si>
  <si>
    <t>\\acsfs\profiles$\andreapdsg\Downloads\5b90e6c4-74da-4a9d-bdb5-de35dec6841e.tmp</t>
  </si>
  <si>
    <t>01/24/2020 16:33:31</t>
  </si>
  <si>
    <t>01/24/2020 16:35:13</t>
  </si>
  <si>
    <t>01/24/2020 16:32:40</t>
  </si>
  <si>
    <t>01/24/2020 16:37:13</t>
  </si>
  <si>
    <t>70ccd895-e994-41a4-8ad2-afbc6b1b132e.tmp</t>
  </si>
  <si>
    <t>\\acsfs\profiles$\henriquehmdo\Downloads\70ccd895-e994-41a4-8ad2-afbc6b1b132e.tmp</t>
  </si>
  <si>
    <t>01/24/2020 16:33:20</t>
  </si>
  <si>
    <t>ce855ead-2ff6-45cf-9438-34054453d37c.tmp</t>
  </si>
  <si>
    <t>\\acsfs\profiles$\henriquehmdo\Downloads\ce855ead-2ff6-45cf-9438-34054453d37c.tmp</t>
  </si>
  <si>
    <t>01/24/2020 16:44:13</t>
  </si>
  <si>
    <t>01/24/2020 16:41:42</t>
  </si>
  <si>
    <t>a46fa2bf-a909-4f21-a5ec-a106ec0df631.tmp</t>
  </si>
  <si>
    <t>\\acsfs\profiles$\rosileiam\Downloads\a46fa2bf-a909-4f21-a5ec-a106ec0df631.tmp</t>
  </si>
  <si>
    <t>01/24/2020 16:42:39</t>
  </si>
  <si>
    <t>01/24/2020 16:45:13</t>
  </si>
  <si>
    <t>mail.google.com/mail/u/0/#inbox/FMfcgxwGCtLHCmRdwLFzvCzlkxDXGKMW?compose=HfxTvNsbRGTlNQTGTRpGwkQQzNxgdjsrTJQZxxccDZVCgvnsNJsVqTjTTJwTZZbRWfGJDpNfLZlGpFjjmFKPsfMmDVRqvNWXcWFGlhznkDrJbxjCNTvwsCPqMLKDDxcRPZtxngBCQXRZFLDLHGpXfnXwxNrPBrtWlwMkxq</t>
  </si>
  <si>
    <t>H:\EDUCACAO EMPRESARIAL\FERNANDA MONIT\Fernanda\MONITORIA JANEIRO\Ligaçoes para MUTANT terceiro ciclo janeiro\</t>
  </si>
  <si>
    <t>Lucas Quitonio de Souza Silva_1_6780664414458684154_1_32.wav</t>
  </si>
  <si>
    <t>01/24/2020 16:44:03</t>
  </si>
  <si>
    <t>https:///sync/u/0/i/s?hl=pt-BR&amp;c=753</t>
  </si>
  <si>
    <t>"2":"&lt;div dir=\"ltr\"&gt;&lt;br clear=\"all\"&gt;&lt;div&gt;&lt;div&gt;&lt;img data-surl=\"cid:ii_k5sklkc40\" src=\"blob:https://mail.google.com/5e0be797-484f-473e-8416-af6035d3aabe\" alt=\"image.png\" width=\"542\" height=\"385\"&gt;&lt;br&gt;&lt;/div&gt;&lt;/div&gt;-- &lt;br&gt;&lt;div dir=\"ltr\" class=\"gmail_signature\" data-smartmai;"2":"kesiadof@algartech.com";"2":"marianerdo@algartech.com";"2":"talmaiardo@algartech.com";"2":"thiagordu@algartech.com";"3":"kesia de oliveira fernandes"}];"3":"larisa cristina carvalho camilo"};"3":"mariane rodrigues de oliveira"};"3":"talmaia rodrigues de oliveira"};"3":"thiago rodrigues duarte"};"4":[{"1":1;"7":"1579895042178";"8":"alerta de erro fatal - lucas quitonio de souza silva";"9":{"2":[{"1":0;1;2;@algartech.com";dia de sousa"}];</t>
  </si>
  <si>
    <t>https://"2":"&lt;div dir=\"ltr\"&gt;&lt;br clear=\"all\"&gt;&lt;div&gt;&lt;div&gt;&lt;img data-surl=\"cid:ii_k5sklkc40\" src=\"blob:https://mail.google.com/5e0be797-484f-473e-8416-af6035d3aabe\" alt=\"image.png\" width=\"542\" height=\"385\"&gt;&lt;br&gt;&lt;/div&gt;&lt;/div&gt;-- &lt;br&gt;&lt;div dir=\"ltr\" class=\"gmail_signature\" data-smartmai,"2":"kesiadof@algartech.com","2":"marianerdo@algartech.com","2":"talmaiardo@algartech.com","2":"thiagordu@algartech.com","3":"kesia de oliveira fernandes"}],"3":"larisa cristina carvalho camilo"},"3":"mariane rodrigues de oliveira"},"3":"talmaia rodrigues de oliveira"},"3":"thiago rodrigues duarte"},"4":[{"1":1,"7":"1579895042178","8":"alerta de erro fatal - lucas quitonio de souza silva","9":{"2":[{"1":0,1,2,@algartech.com",dia de sousa"}]</t>
  </si>
  <si>
    <t>01/24/2020 16:45:42</t>
  </si>
  <si>
    <t>01/24/2020 16:49:14</t>
  </si>
  <si>
    <t>296031f0-1851-4238-be7f-7391f440d1cf.tmp</t>
  </si>
  <si>
    <t>\\acsfs\profiles$\laurandos\Downloads\296031f0-1851-4238-be7f-7391f440d1cf.tmp</t>
  </si>
  <si>
    <t>01/24/2020 16:44:51</t>
  </si>
  <si>
    <t>01/24/2020 16:50:13</t>
  </si>
  <si>
    <t>kesiadof@algartech.com;larisacc@algartech.com;marianacds@algartech.com;marianerdo@algartech.com;talmaiardo@algartech.com;thiagordu@algartech.com;</t>
  </si>
  <si>
    <t>kesiadof@algartech.com,larisacc@algartech.com,marianacds@algartech.com,marianerdo@algartech.com,talmaiardo@algartech.com,thiagordu@algartech.com</t>
  </si>
  <si>
    <t>01/24/2020 16:50:40</t>
  </si>
  <si>
    <t>01/24/2020 16:52:14</t>
  </si>
  <si>
    <t>01/24/2020 16:50:41</t>
  </si>
  <si>
    <t>01/24/2020 16:50:42</t>
  </si>
  <si>
    <t>01/24/2020 16:50:43</t>
  </si>
  <si>
    <t>01/24/2020 16:50:44</t>
  </si>
  <si>
    <t>01/24/2020 16:50:46</t>
  </si>
  <si>
    <t>01/24/2020 16:51:36</t>
  </si>
  <si>
    <t>01/24/2020 16:54:13</t>
  </si>
  <si>
    <t>d2c725ef-6d1e-4cf2-8e88-e4cf56466fa7.tmp</t>
  </si>
  <si>
    <t>\\acsfs\profiles$\andreapdsg\Downloads\d2c725ef-6d1e-4cf2-8e88-e4cf56466fa7.tmp</t>
  </si>
  <si>
    <t>01/24/2020 16:51:26</t>
  </si>
  <si>
    <t>01/24/2020 16:57:14</t>
  </si>
  <si>
    <t>01/24/2020 16:51:27</t>
  </si>
  <si>
    <t>01/24/2020 16:51:32</t>
  </si>
  <si>
    <t>01/24/2020 16:51:33</t>
  </si>
  <si>
    <t>01/24/2020 16:51:58</t>
  </si>
  <si>
    <t>01/24/2020 16:51:59</t>
  </si>
  <si>
    <t>01/24/2020 16:53:06</t>
  </si>
  <si>
    <t>.~lock.Controle de Vendas do dia.ods#</t>
  </si>
  <si>
    <t>\\acsfs\profiles$\HENRIQUEHMDO\.~lock.Controle de Vendas do dia.ods#</t>
  </si>
  <si>
    <t>01/24/2020 16:53:07</t>
  </si>
  <si>
    <t>Controle de Vendas do dia.ods</t>
  </si>
  <si>
    <t>\\acsfs\profiles$\HENRIQUEHMDO\Controle de Vendas do dia.ods</t>
  </si>
  <si>
    <t>\\acsfs\profiles$\HENRIQUEHMDO\Controle de Vendas do dia.ods\</t>
  </si>
  <si>
    <t>\\acsfs\profiles$\HENRIQUEHMDO\Controle de Vendas do dia.ods\META-INF\</t>
  </si>
  <si>
    <t>\\acsfs\profiles$\HENRIQUEHMDO\Controle de Vendas do dia.ods\Thumbnails\</t>
  </si>
  <si>
    <t>01/24/2020 16:54:46</t>
  </si>
  <si>
    <t>01/24/2020 16:53:58</t>
  </si>
  <si>
    <t>01/24/2020 16:59:14</t>
  </si>
  <si>
    <t>1e6c9f6c-5ddb-49c6-a0a2-8b9e90568d92.tmp</t>
  </si>
  <si>
    <t>\\acsfs\profiles$\rosileiam\Downloads\1e6c9f6c-5ddb-49c6-a0a2-8b9e90568d92.tmp</t>
  </si>
  <si>
    <t>01/24/2020 16:58:52</t>
  </si>
  <si>
    <t>01/24/2020 17:02:13</t>
  </si>
  <si>
    <t>01/24/2020 17:11:52</t>
  </si>
  <si>
    <t>01/24/2020 17:15:14</t>
  </si>
  <si>
    <t>Parecer Ticket_874393_.pdf</t>
  </si>
  <si>
    <t>\\acsfs\Deptos\EDUCACAO EMPRESARIAL\FERNANDA MONIT\Fernanda\MONITORIA JANEIRO\Parecer Ticket_874393_.pdf</t>
  </si>
  <si>
    <t>01/24/2020 17:11:53</t>
  </si>
  <si>
    <t>\\acsfs\Deptos\EDUCACAO EMPRESARIAL\FERNANDA MONIT\Fernanda\MONITORIA JANEIRO\Parecer Ticket_874393_.pdf\</t>
  </si>
  <si>
    <t>\\acsfs\Deptos\EDUCACAO EMPRESARIAL\FERNANDA MONIT\Fernanda\MONITORIA JANEIRO\Parecer Ticket_874393_.pdf\:Zone.Identifier:$DATA</t>
  </si>
  <si>
    <t>01/24/2020 17:11:56</t>
  </si>
  <si>
    <t>01/24/2020 17:17:13</t>
  </si>
  <si>
    <t>301d69c3-55fa-4a1c-95cf-d3b021b2374d.tmp</t>
  </si>
  <si>
    <t>\\acsfs\profiles$\henriquehmdo\Downloads\301d69c3-55fa-4a1c-95cf-d3b021b2374d.tmp</t>
  </si>
  <si>
    <t>01/24/2020 17:19:56</t>
  </si>
  <si>
    <t>01/24/2020 17:25:13</t>
  </si>
  <si>
    <t>Parecer Ticket_874393__.pdf</t>
  </si>
  <si>
    <t>\\acsfs\Deptos\EDUCACAO EMPRESARIAL\FERNANDA MONIT\Fernanda\MONITORIA JANEIRO\Parecer Ticket_874393__.pdf</t>
  </si>
  <si>
    <t>01/24/2020 17:19:57</t>
  </si>
  <si>
    <t>\\acsfs\Deptos\EDUCACAO EMPRESARIAL\FERNANDA MONIT\Fernanda\MONITORIA JANEIRO\Parecer Ticket_874393__.pdf\</t>
  </si>
  <si>
    <t>\\acsfs\Deptos\EDUCACAO EMPRESARIAL\FERNANDA MONIT\Fernanda\MONITORIA JANEIRO\Parecer Ticket_874393__.pdf\:Zone.Identifier:$DATA</t>
  </si>
  <si>
    <t>01/24/2020 17:22:05</t>
  </si>
  <si>
    <t>Cartão CHECLIST CRCC CENTRAIS 15-01.xls</t>
  </si>
  <si>
    <t>\\acsfs\Deptos\EDUCACAO EMPRESARIAL\FERNANDA MONIT\Fernanda\MONITORIA JANEIRO\Cartão CHECLIST CRCC CENTRAIS 15-01.xls</t>
  </si>
  <si>
    <t>01/24/2020 17:23:20</t>
  </si>
  <si>
    <t>mail.google.com/mail/u/0/#search/link/FMfcgxwGBwckFmpphTTbFkWLvRDndsnC?compose=HfxTvNsbRGTlNQTGTRpGwkQQzNxgdjsrTJQZxxccDZVCgvnsNJsVqTjTTJwTZZbRWfGJDpNfLZlGpFjjmFKPsfMmDVRqvNWWRHjKWcNKqxjQkLbRHKrjjhstgKXfrwNgwjpcCxqKWgBZNlxwSfqLpMFChCkrrhtfXQfgHQ</t>
  </si>
  <si>
    <t>Dimensionamento_Dezembro_Cartões (1).xlsx</t>
  </si>
  <si>
    <t>01/24/2020 17:23:21</t>
  </si>
  <si>
    <t>mail.google.com/_/upload?authuser=0&amp;dcp=asu-n&amp;upload_id=AEnB2UrGacEEI4m2bv0EIXUxP_KoBiu0zC_3puhsOwKHcGmBNJSxafjLkGH8ygFy5fU79Y7RJ8NXKvXu-8YH3GLIdc-0RwPw2w&amp;upload_protocol=resumable</t>
  </si>
  <si>
    <t>https:///sync/u/0/i/s?hl=pt-BR&amp;c=865</t>
  </si>
  <si>
    <t>";"2":"&lt;div dir=\"ltr\"&gt;&lt;br clear=\"all\"&gt;&lt;div&gt;talmaia;"9":{"2":[{"1":0;0;0);font-family:calibri;165)\" target=\"_blank\"&gt;&lt;img alt=\"\" height=\"31\" src=\"https://sites.google.com/a/algartech.com/assinatura/_/rsrc/1579097956673/images/facebook.png?height=31&amp;width=29\" wiento-oper_x0011_�f�l�2��/&lt;�b�y�_x001E__x001C_q�/;_x001C_���2w�#��"6�͊6ja&gt;_x0016_��|�uh�p�`;7remj7csplyuf7xbad0tuweb9vxvb-utlkwgzwwzawxupp7gq_fwebfvkcjbw9cftts9szos9_5_mnsxgc-pf1cyk3mzodr8q=&amp;attredirects=0&amp;height=102&amp;width=254\" width=\"254\"&gt;&lt;/td&gt;&lt;/tr&gt;&lt;tr&gt;&lt;td colspan=\"4\" style=\"vertical-align:top\"&gt;&lt;img alt=\"\" height=\"7\" src=\"https://sites.google.com/a/algartech.com/assinatura/_/rsrc/1579097966827/images/linha-abaixo-assinatura.png?height=7&amp;width=254\" width=\"254\"&gt;&lt;/td&gt;&lt;/tr&gt;&lt;tr&gt;&lt;td align=\"center\" style=\"vertical-align:top\"&gt;&lt;a href=\"https://www.facebook.com/algartech\" rel=\"nofollow\" style=\"color:rgb(131;94;boa tarde!&lt;/div&gt;&lt;div&gt;&lt;br&gt;&lt;/div&gt;&lt;div&gt;conforme solicitado;helvetica;kesiadof@algartech.com;larisacc@algartech.com;marianacds@algartech.com;marianerdo@a</t>
  </si>
  <si>
    <t>https://","2":"&lt;div dir=\"ltr\"&gt;&lt;br clear=\"all\"&gt;&lt;div&gt;talmaia,"9":{"2":[{"1":0,0,0);font-family:calibri,165)\" target=\"_blank\"&gt;&lt;img alt=\"\" height=\"31\" src=\"https://sites.google.com/a/algartech.com/assinatura/_/rsrc/1579097956673/images/facebook.png?height=31&amp;width=29\" wiento-oper_x0011_�f�l�2��/&lt;�b�y�_x001E__x001C_q�/;_x001C_���2w�#��"6�͊6ja&gt;_x0016_��|�uh�p�`,7remj7csplyuf7xbad0tuweb9vxvb-utlkwgzwwzawxupp7gq_fwebfvkcjbw9cftts9szos9_5_mnsxgc-pf1cyk3mzodr8q=&amp;attredirects=0&amp;height=102&amp;width=254\" width=\"254\"&gt;&lt;/td&gt;&lt;/tr&gt;&lt;tr&gt;&lt;td colspan=\"4\" style=\"vertical-align:top\"&gt;&lt;img alt=\"\" height=\"7\" src=\"https://sites.google.com/a/algartech.com/assinatura/_/rsrc/1579097966827/images/linha-abaixo-assinatura.png?height=7&amp;width=254\" width=\"254\"&gt;&lt;/td&gt;&lt;/tr&gt;&lt;tr&gt;&lt;td align=\"center\" style=\"vertical-align:top\"&gt;&lt;a href=\"https://www.facebook.com/algartech\" rel=\"nofollow\" style=\"color:rgb(131,94,boa tarde!&lt;/div&gt;&lt;div&gt;&lt;br&gt;&lt;/div&gt;&lt;div&gt;conforme solicitado,helvetica,kesiadof@algartech.com,larisacc@algartech.com,marianacds@algartech.com,mari</t>
  </si>
  <si>
    <t>";"2":"&lt;div dir=\"ltr\"&gt;&lt;br clear=\"all\"&gt;&lt;div&gt;talmaia;"9":{"2":[{"1":0;0;0);font-family:calibri;165)\" target=\"_blank\"&gt;&lt;img alt=\"\" height=\"31\" src=\"https://sites.google.com/a/algartech.com/assinatura/_/rsrc/1579097956673/images/facebook.png?height=31&amp;width=29\" width=\"29\" style=\"border:none;padding:0px;border-radius:2px;margin:7px\"&gt;&lt;/a&gt;&lt;/td&gt;&lt;td align=\"center\" style=\"vertical-align:top\"&gt;&lt;a href=\"https://www.instagram.com/algartech/\" rel=\"nofollow\" style=\"color:rgb(131;165)\" target=\"_blank\"&gt;&lt;img alt=\"\" height=\"31\" src=\"https://sites.google.com/a/algartech.com/assinatura/_/rsrc/1579097956673/images/facebook.png?height=31&amp;width=29\" wiento-oper_x0011_�f�l�2��/&lt;�b�y�_x001E__x001C_q�/;_x001C_���2w�#��"6�͊6ja&gt;_x0016_��|�uh�p�`;165)\" target=\"_blank\"&gt;&lt;img alt=\"\" height=\"31\" src=\"https://sites.google.com/a/algartech.com/assinatura/_/rsrc/1579097961737/images/instagram.png?height=31&amp;width=29\" width=\"29\" style=\"border:none;padding:0px;border-radius:2px;margin:7px\"&gt;&lt;/a&gt;&lt;/td&gt;&lt;td align=\"center\" style=\"vertic</t>
  </si>
  <si>
    <t>https://","2":"&lt;div dir=\"ltr\"&gt;&lt;br clear=\"all\"&gt;&lt;div&gt;talmaia,"9":{"2":[{"1":0,0,0);font-family:calibri,165)\" target=\"_blank\"&gt;&lt;img alt=\"\" height=\"31\" src=\"https://sites.google.com/a/algartech.com/assinatura/_/rsrc/1579097956673/images/facebook.png?height=31&amp;width=29\" width=\"29\" style=\"border:none;padding:0px;border-radius:2px;margin:7px\"&gt;&lt;/a&gt;&lt;/td&gt;&lt;td align=\"center\" style=\"vertical-align:top\"&gt;&lt;a href=\"https://www.instagram.com/algartech/\" rel=\"nofollow\" style=\"color:rgb(131,165)\" target=\"_blank\"&gt;&lt;img alt=\"\" height=\"31\" src=\"https://sites.google.com/a/algartech.com/assinatura/_/rsrc/1579097956673/images/facebook.png?height=31&amp;width=29\" wiento-oper_x0011_�f�l�2��/&lt;�b�y�_x001E__x001C_q�/;_x001C_���2w�#��"6�͊6ja&gt;_x0016_��|�uh�p�`,165)\" target=\"_blank\"&gt;&lt;img alt=\"\" height=\"31\" src=\"https://sites.google.com/a/algartech.com/assinatura/_/rsrc/1579097961737/images/instagram.png?height=31&amp;width=29\" width=\"29\" style=\"border:none;padding:0px;border-radius:2px;margin:7px\"&gt;&lt;/a&gt;&lt;/td&gt;&lt;td align=\"center\" style=</t>
  </si>
  <si>
    <t>01/24/2020 17:28:41</t>
  </si>
  <si>
    <t>01/24/2020 17:30:13</t>
  </si>
  <si>
    <t>https://drive.google.com/batch/drive/v2internal?%24ct=multipart%2Fmixed%3B%20boundary%3D%22%3D%3D%3D%3D%3Dentyvbjawaad%3D%3D%3D%3D%3D%22&amp;key=AIzaSyAy9VVXHSpS2IJpptzYtGbLP3-3_l0aBk4</t>
  </si>
  <si>
    <t>01/24/2020 17:28:50</t>
  </si>
  <si>
    <t>https://drive.google.com/batch/drive/v2internal?%24ct=multipart%2Fmixed%3B%20boundary%3D%22%3D%3D%3D%3D%3D58q2qa3483ze%3D%3D%3D%3D%3D%22&amp;key=AIzaSyAy9VVXHSpS2IJpptzYtGbLP3-3_l0aBk4</t>
  </si>
  <si>
    <t>https://ancestorhasaugmentedpermissions,containsunsubscribedchildren,displayname,domain,emailaddress,file(kind,fileid,filesize,hasthumbnail,hasvisitorpermissions,id,id),items(deleted,ken,kind,lastmodifyinguser(kind,lastviewedbymedate,modifiedbymedate,modifieddate,ontainsunsubscribedchildren,owners(kind,perm,permissionid,picture,shared,sharedwithmedate,thumbnailversion,title,userpermission(role),workspaceids</t>
  </si>
  <si>
    <t>01/24/2020 17:28:51</t>
  </si>
  <si>
    <t>https://drive.google.com/batch/drive/v2internal?%24ct=multipart%2Fmixed%3B%20boundary%3D%22%3D%3D%3D%3D%3Dmi1x4wih7ae4%3D%3D%3D%3D%3D%22&amp;key=AIzaSyAy9VVXHSpS2IJpptzYtGbLP3-3_l0aBk4</t>
  </si>
  <si>
    <t>ancestorhasaugmentedpermissions;containsunsubscribedchildren;dis;displayname;domain;emailaddress;file(kind;fileid;filesize;hasthumbnail;hasvisitorpermissions;id;id);items(deleted;ken;kind;lastmodifyi;lastmodifyinguser(kind;lastviewedbymedate;modifiedbymedate;modifieddate;ontainsunsubscribedchildren;owners(kind;perm;permissionid;picture;rpermissions;shared;sharedwithmedate;thumbnailversion;title;userpermission(role);workspaceids;</t>
  </si>
  <si>
    <t>https://ancestorhasaugmentedpermissions,containsunsubscribedchildren,dis,displayname,domain,emailaddress,file(kind,fileid,filesize,hasthumbnail,hasvisitorpermissions,id,id),items(deleted,ken,kind,lastmodifyi,lastmodifyinguser(kind,lastviewedbymedate,modifiedbymedate,modifieddate,ontainsunsubscribedchildren,owners(kind,perm,permissionid,picture,rpermissions,shared,sharedwithmedate,thumbnailversion,title,userpermission(role),workspaceids</t>
  </si>
  <si>
    <t>https://drive.google.com/batch/drive/v2internal?%24ct=multipart%2Fmixed%3B%20boundary%3D%22%3D%3D%3D%3D%3Dhzaj8r5153nf%3D%3D%3D%3D%3D%22&amp;key=AIzaSyAy9VVXHSpS2IJpptzYtGbLP3-3_l0aBk4</t>
  </si>
  <si>
    <t>01/24/2020 17:28:52</t>
  </si>
  <si>
    <t>01/24/2020 17:29:05</t>
  </si>
  <si>
    <t>https://drive.google.com/batch/drive/v2internal?%24ct=multipart%2Fmixed%3B%20boundary%3D%22%3D%3D%3D%3D%3D3tiqvq7f4bdl%3D%3D%3D%3D%3D%22&amp;key=AIzaSyAy9VVXHSpS2IJpptzYtGbLP3-3_l0aBk4</t>
  </si>
  <si>
    <t>01/24/2020 17:29:06</t>
  </si>
  <si>
    <t>01/24/2020 17:29:07</t>
  </si>
  <si>
    <t>https://drive.google.com/batch/drive/v2internal?%24ct=multipart%2Fmixed%3B%20boundary%3D%22%3D%3D%3D%3D%3Dlgqku1bta367%3D%3D%3D%3D%3D%22&amp;key=AIzaSyAy9VVXHSpS2IJpptzYtGbLP3-3_l0aBk4</t>
  </si>
  <si>
    <t>01/24/2020 17:25:14</t>
  </si>
  <si>
    <t>376f8af8-9243-4933-828b-4f13cc3e1155.tmp</t>
  </si>
  <si>
    <t>\\acsfs\profiles$\KARENJSS\Downloads\376f8af8-9243-4933-828b-4f13cc3e1155.tmp</t>
  </si>
  <si>
    <t>01/24/2020 17:30:06</t>
  </si>
  <si>
    <t>01/24/2020 17:34:13</t>
  </si>
  <si>
    <t>c9bc18ad-ea60-4ef0-9461-b49be2fbacc3.tmp</t>
  </si>
  <si>
    <t>\\acsfs\profiles$\myllenardl\Downloads\c9bc18ad-ea60-4ef0-9461-b49be2fbacc3.tmp</t>
  </si>
  <si>
    <t>01/24/2020 17:33:00</t>
  </si>
  <si>
    <t>f1692a90-c2c5-4304-8b59-efded88d9c94.tmp</t>
  </si>
  <si>
    <t>\\acsfs\profiles$\myllenardl\Downloads\f1692a90-c2c5-4304-8b59-efded88d9c94.tmp</t>
  </si>
  <si>
    <t>01/24/2020 17:29:37</t>
  </si>
  <si>
    <t>01/24/2020 17:35:13</t>
  </si>
  <si>
    <t>https://drive.google.com/drive/logImpressions</t>
  </si>
  <si>
    <t>11.64;17420.075000001816;17460.109999999986;17804.58500000168;3;343.45500000199536;39.76];432.7850000008766;5;69.65000000127475;[null;ancestorhasaugmentedpermissions;b8_q9g/m=sylb;containsunsubscribedchildren;displayname;domain;emailaddress;everson felipe soares\ncpf: 412.524.988-10 \nprotocolo da solicitação: 174726766 \ndata e hora: 03/01/2020 12:37:12 \ntécnico: 100�;file(kind;fileid;filesize;hasthumbnail;hasvisitorpermissions;https://ssl.gstatic.com/docs/common/viewer/v3/v-sprite25.svg;id;id);items(deleted;ken;kind;lastmodifyinguser(kind;lastviewedbymedate;modifiedbymedate;modifieddate;null;null]];ontainsunsubscribedchildren;owners(kind;perm;permissionid;picture;qfnsff;self;shared;sharedwithmedate;syl4;syl5;syl6;syl7;syld;syle;syn;syqs;sysf;thumbnailversion;title;userpermission(role);workspaceids;xmlhttprequest;yppsyd";</t>
  </si>
  <si>
    <t>https://11.64,17420.075000001816,17460.109999999986,17804.58500000168,3,343.45500000199536,39.76],432.7850000008766,5,69.65000000127475,[null,ancestorhasaugmentedpermissions,b8_q9g/m=sylb,containsunsubscribedchildren,displayname,domain,emailaddress,everson felipe soares\ncpf: 412.524.988-10 \nprotocolo da solicitação: 174726766 \ndata e hora: 03/01/2020 12:37:12 \ntécnico: 100�,file(kind,fileid,filesize,hasthumbnail,hasvisitorpermissions,https://ssl.gstatic.com/docs/common/viewer/v3/v-sprite25.svg,id,id),items(deleted,ken,kind,lastmodifyinguser(kind,lastviewedbymedate,modifiedbymedate,modifieddate,null,null]],ontainsunsubscribedchildren,owners(kind,perm,permissionid,picture,qfnsff,self,shared,sharedwithmedate,syl4,syl5,syl6,syl7,syld,syle,syn,syqs,sysf,thumbnailversion,title,userpermission(role),workspaceids,xmlhttprequest,yppsyd"</t>
  </si>
  <si>
    <t>01/24/2020 17:29:38</t>
  </si>
  <si>
    <t>0;0.442;0.697];0];1.106;11.198;11.64;12.483;141.21999999770196;17420.075000001816;17460.109999999986;17769.200000002456;17804.58500000168;17871.180000001914;18174.580000002607;18182.544999999664;18187.300000001414;18205.880000001343;18441.750000001775;18501.760000002832;18652.390000002924;18744.49000000095;18753.480000003037;2. 06:48:56 \ntécnico: 90gcomportamental: 100gmédia: 95gsolicitação: informação sobre aumento de limite\nitem pontuado: registro atendimento-operadora não realiza\nobservação: cliente solicita informação sobre aumento de limite;212.7650000002177;228.5749999973632;245.97999999969034;249.94000000151573;29.506];3;30.378];343.45500000199536;36.025000001245644;36.258];371.59999999857973;39.76];400.72499999951106;432.7850000008766;48.60999999800697;5;560.4649999986577;69.65000000127475;8.814;84.98499999768683;["https://apis.google.com/_/scs/abc-static/_/js/k=gapi.gapi.en.sj5lkyeukoe.o/m=auth/exm=auth2;["https://drive.google.com/_/drive_fe/_/js/k=drive_fe.main.pt_br.nffxplqldqo.o/am=mrqermsehowa</t>
  </si>
  <si>
    <t>https://0,0.442,0.697],0],1.106,11.198,11.64,12.483,141.21999999770196,17420.075000001816,17460.109999999986,17769.200000002456,17804.58500000168,17871.180000001914,18174.580000002607,18182.544999999664,18187.300000001414,18205.880000001343,18441.750000001775,18501.760000002832,18652.390000002924,18744.49000000095,18753.480000003037,2. 06:48:56 \ntécnico: 90gcomportamental: 100gmédia: 95gsolicitação: informação sobre aumento de limite\nitem pontuado: registro atendimento-operadora não realiza\nobservação: cliente solicita informação sobre aumento de limite,212.7650000002177,228.5749999973632,245.97999999969034,249.94000000151573,29.506],3,30.378],343.45500000199536,36.025000001245644,36.258],371.59999999857973,39.76],400.72499999951106,432.7850000008766,48.60999999800697,5,560.4649999986577,69.65000000127475,8.814,84.98499999768683,["https://apis.google.com/_/scs/abc-static/_/js/k=gapi.gapi.en.sj5lkyeukoe.o/m=auth/exm=auth2,["https://drive.google.com/_/drive_fe/_/js/k=drive_fe.main.pt_br.nffxplqldqo.o/am=mrqe</t>
  </si>
  <si>
    <t>0;0.442;0.697];0];1.106;11.198;11.64;12.483;141.21999999770196;17420.075000001816;17460.109999999986;17769.200000002456;17804.58500000168;17871.180000001914;18174.580000002607;18182.544999999664;18187.300000001414;18205.880000001343;18439.515000001848;18441.750000001775;18501.460000003135;18501.760000002832;18642.934999999852;18652.390000002924;18744.49000000095;18753.115000003163;18753.480000003037;18981.68000000078;18987.29000000094;19057.345000001078;19510.870000001887;19608.605000001262;2. 06:48:56 \ntécnico: 90gcomportamental: 100gmédia: 95gsolicitação: informação sobre aumento de limite\nitem pontuado: registro atendimento-operadora não realiza\nobservação: cliente solicita informação sobre aumento de limite;2.058;2.542];20.076];212.7650000002177;228.5749999973632;245.97999999969034;249.94000000151573;29.506];3;30.378];304.94000000180677;343.45500000199536;354.95499999888125;36.025000001245644;36.258];371.59999999857973;39.76];4.92];400.72499999951106;418.3000000011816;432.7850000008766;48.6099999980069</t>
  </si>
  <si>
    <t>https://0,0.442,0.697],0],1.106,11.198,11.64,12.483,141.21999999770196,17420.075000001816,17460.109999999986,17769.200000002456,17804.58500000168,17871.180000001914,18174.580000002607,18182.544999999664,18187.300000001414,18205.880000001343,18439.515000001848,18441.750000001775,18501.460000003135,18501.760000002832,18642.934999999852,18652.390000002924,18744.49000000095,18753.115000003163,18753.480000003037,18981.68000000078,18987.29000000094,19057.345000001078,19510.870000001887,19608.605000001262,2. 06:48:56 \ntécnico: 90gcomportamental: 100gmédia: 95gsolicitação: informação sobre aumento de limite\nitem pontuado: registro atendimento-operadora não realiza\nobservação: cliente solicita informação sobre aumento de limite,2.058,2.542],20.076],212.7650000002177,228.5749999973632,245.97999999969034,249.94000000151573,29.506],3,30.378],304.94000000180677,343.45500000199536,354.95499999888125,36.025000001245644,36.258],371.59999999857973,39.76],4.92],400.72499999951106,418.3000000011816,432.7850000008766,48.60999</t>
  </si>
  <si>
    <t>0;0.333;0.442;0.549;0.683];0.697];0.929;0.941];0];1.053;1.106;1.822];11.198;11.64;113.53500000041095;12.483;128.92500000089058;14.474999999947613;141.21999999770196;165.38000000218744;17420.075000001816;17460.109999999986;17769.200000002456;17804.58500000168;17871.180000001914;18174.580000002607;18182.544999999664;18187.300000001414;18205.880000001343;18439.515000001848;18441.750000001775;18501.460000003135;18501.760000002832;18642.934999999852;18652.390000002924;18744.49000000095;18753.115000003163;18753.480000003037;18981.68000000078;18987.29000000094;19057.345000001078;19369.720000002417;19510.870000001887;19608.605000001262;19612.645000001066;19919.04500000237;19921.58500000005;2. 06:48:56 \ntécnico: 90gcomportamental: 100gmédia: 95gsolicitação: informação sobre aumento de limite\nitem pontuado: registro atendimento-operadora não realiza\nobservação: cliente solicita informação sobre aumento de limite;2.058;2.345];2.542];20.076];20226.959999999963;20245.97999999969;20377.050000002782;20461.709999999584;20</t>
  </si>
  <si>
    <t>https://0,0.333,0.442,0.549,0.683],0.697],0.929,0.941],0],1.053,1.106,1.822],11.198,11.64,113.53500000041095,12.483,128.92500000089058,14.474999999947613,141.21999999770196,165.38000000218744,17420.075000001816,17460.109999999986,17769.200000002456,17804.58500000168,17871.180000001914,18174.580000002607,18182.544999999664,18187.300000001414,18205.880000001343,18439.515000001848,18441.750000001775,18501.460000003135,18501.760000002832,18642.934999999852,18652.390000002924,18744.49000000095,18753.115000003163,18753.480000003037,18981.68000000078,18987.29000000094,19057.345000001078,19369.720000002417,19510.870000001887,19608.605000001262,19612.645000001066,19919.04500000237,19921.58500000005,2. 06:48:56 \ntécnico: 90gcomportamental: 100gmédia: 95gsolicitação: informação sobre aumento de limite\nitem pontuado: registro atendimento-operadora não realiza\nobservação: cliente solicita informação sobre aumento de limite,2.058,2.345],2.542],20.076],20226.959999999963,20245.97999999969,20377.050000002782,20461.7099999</t>
  </si>
  <si>
    <t>0;0.327;0.333;0.442;0.462];0.477;0.528;0.549;0.683];0.697];0.908];0.929;0.938];0.941];0];1.053;1.106;1.822];11.198;11.64;113.53500000041095;12.483;128.92500000089058;13.800000000628643;14.474999999947613;141.21999999770196;165.38000000218744;17420.075000001816;17460.109999999986;17769.200000002456;17804.58500000168;17871.180000001914;18174.580000002607;18182.544999999664;18187.300000001414;18205.880000001343;18439.515000001848;18441.750000001775;18501.460000003135;18501.760000002832;18642.934999999852;18652.390000002924;18744.49000000095;18753.115000003163;18753.480000003037;18981.68000000078;18987.29000000094;19057.345000001078;19369.720000002417;19510.870000001887;19608.605000001262;19612.645000001066;19919.04500000237;19921.58500000005;2. 06:48:56 \ntécnico: 90gcomportamental: 100gmédia: 95gsolicitação: informação sobre aumento de limite\nitem pontuado: registro atendimento-operadora não realiza\nobservação: cliente solicita informação sobre aumento de limite;2.058;2.345];2.542];20.076];20.72499999849242;2</t>
  </si>
  <si>
    <t>https://0,0.327,0.333,0.442,0.462],0.477,0.528,0.549,0.683],0.697],0.908],0.929,0.938],0.941],0],1.053,1.106,1.822],11.198,11.64,113.53500000041095,12.483,128.92500000089058,13.800000000628643,14.474999999947613,141.21999999770196,165.38000000218744,17420.075000001816,17460.109999999986,17769.200000002456,17804.58500000168,17871.180000001914,18174.580000002607,18182.544999999664,18187.300000001414,18205.880000001343,18439.515000001848,18441.750000001775,18501.460000003135,18501.760000002832,18642.934999999852,18652.390000002924,18744.49000000095,18753.115000003163,18753.480000003037,18981.68000000078,18987.29000000094,19057.345000001078,19369.720000002417,19510.870000001887,19608.605000001262,19612.645000001066,19919.04500000237,19921.58500000005,2. 06:48:56 \ntécnico: 90gcomportamental: 100gmédia: 95gsolicitação: informação sobre aumento de limite\nitem pontuado: registro atendimento-operadora não realiza\nobservação: cliente solicita informação sobre aumento de limite,2.058,2.345],2.542],20.076],20.72499999</t>
  </si>
  <si>
    <t>01/24/2020 17:29:39</t>
  </si>
  <si>
    <t>01/24/2020 17:34:26</t>
  </si>
  <si>
    <t>https://drive.google.com/batch/drive/v2internal?%24ct=multipart%2Fmixed%3B%20boundary%3D%22%3D%3D%3D%3D%3Dsgzl522j8q9o%3D%3D%3D%3D%3D%22&amp;key=AIzaSyAy9VVXHSpS2IJpptzYtGbLP3-3_l0aBk4</t>
  </si>
  <si>
    <t xml:space="preserve">"mozilla/5.0 (windows nt 6.1) applewebkit/537.36 (khtml;1;13;13700185;13700235;13700563;13700607;13700883;13701235;13701262;13701298;13701422;13701573;13701589;13701625;1370165;13701825;13701901;13701957;13702084;1579897712868000;1579897719332000;[[13701749;adfn-ctcyros8v5uz3f5qm49vith6yh-ptvsgyykrtqd-1dpl6u6yrgwkvl9msgbgrtjlqkxjq-a;ancestorhasaugmentedpermissions;containsunsubscribedchildren;displayname;domain;emailaddress;file(kind;fileid;filesize;fslrxqods94ema";hasthumbnail;hasvisitorpermissions;id;id);items(deleted;ken;ken=ac4w5vg-2jmio9kkwiy9wu_zqxectujchg:1579897712856&amp;buildlabel=drive.web-frontend_20200114.00_p4272369368rrrrrrr 85994394592\n\n\n\nskil de entrada: bv_pague_contas\nanalista: cricia vital de oliveira \ncliente: rita de cássia \ncpf: 281.006.465-20 \nprotocolo da solicitação: 174736048 \ndata e hora: 03/01/2020 14:32:07 \ntécnico: 100gcomportamental: 100gmédia: 100gsolicitação: pagamento de conta/aumento de limite\nparabÉns pelo seu 100_x000E_m qualidade! continue assim.\nobservação: \n\n\nvoz </t>
  </si>
  <si>
    <t>https://"mozilla/5.0 (windows nt 6.1) applewebkit/537.36 (khtml,1,13,13700185,13700235,13700563,13700607,13700883,13701235,13701262,13701298,13701422,13701573,13701589,13701625,1370165,13701825,13701901,13701957,13702084,1579897712868000,1579897719332000,[[13701749,adfn-ctcyros8v5uz3f5qm49vith6yh-ptvsgyykrtqd-1dpl6u6yrgwkvl9msgbgrtjlqkxjq-a,ancestorhasaugmentedpermissions,containsunsubscribedchildren,displayname,domain,emailaddress,file(kind,fileid,filesize,fslrxqods94ema",hasthumbnail,hasvisitorpermissions,id,id),items(deleted,ken,ken=ac4w5vg-2jmio9kkwiy9wu_zqxectujchg:1579897712856&amp;buildlabel=drive.web-frontend_20200114.00_p4272369368rrrrrrr 85994394592\n\n\n\nskil de entrada: bv_pague_contas\nanalista: cricia vital de oliveira \ncliente: rita de cássia \ncpf: 281.006.465-20 \nprotocolo da solicitação: 174736048 \ndata e hora: 03/01/2020 14:32:07 \ntécnico: 100gcomportamental: 100gmédia: 100gsolicitação: pagamento de conta/aumento de limite\nparabÉns pelo seu 100_x000E_m qualidade! continue assim.\nobservação: \n</t>
  </si>
  <si>
    <t>01/24/2020 17:34:27</t>
  </si>
  <si>
    <t>https://drive.google.com/batch/drive/v2internal?%24ct=multipart%2Fmixed%3B%20boundary%3D%22%3D%3D%3D%3D%3Dmnugc1wdg25q%3D%3D%3D%3D%3D%22&amp;key=AIzaSyAy9VVXHSpS2IJpptzYtGbLP3-3_l0aBk4</t>
  </si>
  <si>
    <t>01/24/2020 17:34:28</t>
  </si>
  <si>
    <t>https://drive.google.com/batch/drive/v2internal?%24ct=multipart%2Fmixed%3B%20boundary%3D%22%3D%3D%3D%3D%3Dgnilj3fkzodo%3D%3D%3D%3D%3D%22&amp;key=AIzaSyAy9VVXHSpS2IJpptzYtGbLP3-3_l0aBk4</t>
  </si>
  <si>
    <t>01/24/2020 17:34:29</t>
  </si>
  <si>
    <t>01/24/2020 17:33:04</t>
  </si>
  <si>
    <t>01/24/2020 17:38:14</t>
  </si>
  <si>
    <t>\\acsfs\Deptos\Operacao\Banco_Votorantim\Supervisao\Maristela\CRBV vendas\Desligamento\Não confirmado 532122.crdownload\</t>
  </si>
  <si>
    <t>\\acsfs\Deptos\Operacao\Banco_Votorantim\Supervisao\Maristela\CRBV vendas\Desligamento\Não confirmado 532122.crdownload</t>
  </si>
  <si>
    <t>Não confirmado 532122.crdownload</t>
  </si>
  <si>
    <t>01/24/2020 17:33:57</t>
  </si>
  <si>
    <t>01/24/2020 17:39:14</t>
  </si>
  <si>
    <t>98d0ed62-97cc-4179-a22d-ddec4d94049a.tmp</t>
  </si>
  <si>
    <t>\\acsfs\profiles$\myllenardl\Downloads\98d0ed62-97cc-4179-a22d-ddec4d94049a.tmp</t>
  </si>
  <si>
    <t>01/24/2020 17:36:25</t>
  </si>
  <si>
    <t>7796bc90-35d6-4ad2-a3cd-8c2eaf129bfb.tmp</t>
  </si>
  <si>
    <t>\\acsfs\profiles$\myllenardl\Downloads\7796bc90-35d6-4ad2-a3cd-8c2eaf129bfb.tmp</t>
  </si>
  <si>
    <t>01/24/2020 17:40:43</t>
  </si>
  <si>
    <t>01/24/2020 17:43:14</t>
  </si>
  <si>
    <t>01/24/2020 17:40:45</t>
  </si>
  <si>
    <t>01/24/2020 17:44:14</t>
  </si>
  <si>
    <t>38cafdc0-54a1-4618-a664-5b17aa0a45c6.tmp</t>
  </si>
  <si>
    <t>\\acsfs\profiles$\rosileiam\Downloads\38cafdc0-54a1-4618-a664-5b17aa0a45c6.tmp</t>
  </si>
  <si>
    <t>01/24/2020 17:40:52</t>
  </si>
  <si>
    <t>edd616fd-ae87-4c75-a492-10e297d8dbba.tmp</t>
  </si>
  <si>
    <t>\\acsfs\profiles$\rosileiam\Downloads\edd616fd-ae87-4c75-a492-10e297d8dbba.tmp</t>
  </si>
  <si>
    <t>01/24/2020 17:42:33</t>
  </si>
  <si>
    <t>01/24/2020 17:47:14</t>
  </si>
  <si>
    <t>01/24/2020 17:42:34</t>
  </si>
  <si>
    <t>01/24/2020 17:53:38</t>
  </si>
  <si>
    <t>01/24/2020 17:57:15</t>
  </si>
  <si>
    <t>01/24/2020 17:53:39</t>
  </si>
  <si>
    <t>01/24/2020 17:53:40</t>
  </si>
  <si>
    <t>01/24/2020 17:55:24</t>
  </si>
  <si>
    <t>ef05aef6-f738-4bf2-aeb9-81ed4cddd6f4.tmp</t>
  </si>
  <si>
    <t>\\acsfs\profiles$\henriqueco\Downloads\ef05aef6-f738-4bf2-aeb9-81ed4cddd6f4.tmp</t>
  </si>
  <si>
    <t>01/24/2020 17:59:14</t>
  </si>
  <si>
    <t>01/24/2020 17:56:20</t>
  </si>
  <si>
    <t>082370d0-b20e-4823-8577-a45a8cd3223f.tmp</t>
  </si>
  <si>
    <t>\\acsfs\profiles$\fernandofs\Downloads\082370d0-b20e-4823-8577-a45a8cd3223f.tmp</t>
  </si>
  <si>
    <t>01/24/2020 17:56:22</t>
  </si>
  <si>
    <t>54802292-52cf-42bc-9edd-df5ba63efdff.tmp</t>
  </si>
  <si>
    <t>\\acsfs\profiles$\fernandofs\Downloads\54802292-52cf-42bc-9edd-df5ba63efdff.tmp</t>
  </si>
  <si>
    <t>01/24/2020 17:57:42</t>
  </si>
  <si>
    <t>47c240b0-f811-472c-85c3-1bd43024e307.tmp</t>
  </si>
  <si>
    <t>\\acsfs\profiles$\fernandofs\Downloads\47c240b0-f811-472c-85c3-1bd43024e307.tmp</t>
  </si>
  <si>
    <t>01/24/2020 18:00:21</t>
  </si>
  <si>
    <t>01/24/2020 18:01:14</t>
  </si>
  <si>
    <t>d46fbe1d-cae6-49cb-b77d-27b602ea4963.tmp</t>
  </si>
  <si>
    <t>\\acsfs\profiles$\matheusmax\Downloads\d46fbe1d-cae6-49cb-b77d-27b602ea4963.tmp</t>
  </si>
  <si>
    <t>01/24/2020 17:56:23</t>
  </si>
  <si>
    <t>01/24/2020 18:02:15</t>
  </si>
  <si>
    <t>01/24/2020 17:56:45</t>
  </si>
  <si>
    <t>01/24/2020 17:56:46</t>
  </si>
  <si>
    <t>01/24/2020 17:58:27</t>
  </si>
  <si>
    <t>2e19028f-7705-43e2-a1db-9f1b4c23da99.tmp</t>
  </si>
  <si>
    <t>\\acsfs\profiles$\henriqueco\Downloads\2e19028f-7705-43e2-a1db-9f1b4c23da99.tmp</t>
  </si>
  <si>
    <t>01/24/2020 18:02:30</t>
  </si>
  <si>
    <t>01/24/2020 18:04:14</t>
  </si>
  <si>
    <t>6f4ad3b0-9dab-4e9e-90c5-f85cf686b100.tmp</t>
  </si>
  <si>
    <t>\\acsfs\profiles$\fernandofs\Downloads\6f4ad3b0-9dab-4e9e-90c5-f85cf686b100.tmp</t>
  </si>
  <si>
    <t>01/24/2020 18:00:30</t>
  </si>
  <si>
    <t>26348e22-2df8-4836-aa79-cfe6f6662202.tmp</t>
  </si>
  <si>
    <t>\\acsfs\profiles$\andreapdsg\Downloads\26348e22-2df8-4836-aa79-cfe6f6662202.tmp</t>
  </si>
  <si>
    <t>01/24/2020 18:00:03</t>
  </si>
  <si>
    <t>7847577f-a208-49d9-a1c1-5753d8a9ebf9.tmp</t>
  </si>
  <si>
    <t>\\acsfs\profiles$\laurandos\Downloads\7847577f-a208-49d9-a1c1-5753d8a9ebf9.tmp</t>
  </si>
  <si>
    <t>01/24/2020 18:00:06</t>
  </si>
  <si>
    <t>4eb1a2a9-f91e-44b4-ad72-0bbfbde6b55d.tmp</t>
  </si>
  <si>
    <t>\\acsfs\profiles$\laurandos\Downloads\4eb1a2a9-f91e-44b4-ad72-0bbfbde6b55d.tmp</t>
  </si>
  <si>
    <t>01/24/2020 18:01:07</t>
  </si>
  <si>
    <t>8ca34a0d-fcf1-4183-b7fb-44aa825ba022.tmp</t>
  </si>
  <si>
    <t>\\acsfs\profiles$\laurandos\Downloads\8ca34a0d-fcf1-4183-b7fb-44aa825ba022.tmp</t>
  </si>
  <si>
    <t>01/24/2020 18:01:11</t>
  </si>
  <si>
    <t>33455165-c53c-4b0f-a6a1-8396d3eaf205.tmp</t>
  </si>
  <si>
    <t>\\acsfs\profiles$\laurandos\Downloads\33455165-c53c-4b0f-a6a1-8396d3eaf205.tmp</t>
  </si>
  <si>
    <t>01/24/2020 18:00:07</t>
  </si>
  <si>
    <t>47581660-d74c-42cf-b4ea-46413ba5474c.tmp</t>
  </si>
  <si>
    <t>\\acsfs\profiles$\myllenardl\Downloads\47581660-d74c-42cf-b4ea-46413ba5474c.tmp</t>
  </si>
  <si>
    <t>01/24/2020 18:01:47</t>
  </si>
  <si>
    <t>cf4b92dc-0bbb-453e-af8b-f32dea926f00.tmp</t>
  </si>
  <si>
    <t>\\acsfs\profiles$\rosileiam\Downloads\cf4b92dc-0bbb-453e-af8b-f32dea926f00.tmp</t>
  </si>
  <si>
    <t>01/24/2020 18:03:47</t>
  </si>
  <si>
    <t>24a07edf-1082-4188-97c3-b31473aa2cba.tmp</t>
  </si>
  <si>
    <t>\\acsfs\profiles$\rosileiam\Downloads\24a07edf-1082-4188-97c3-b31473aa2cba.tmp</t>
  </si>
  <si>
    <t>01/24/2020 18:02:09</t>
  </si>
  <si>
    <t>01/24/2020 18:06:14</t>
  </si>
  <si>
    <t>490d475d-e79a-4b46-9b79-90372610ba0c.tmp</t>
  </si>
  <si>
    <t>\\acsfs\profiles$\mariajaf\Downloads\490d475d-e79a-4b46-9b79-90372610ba0c.tmp</t>
  </si>
  <si>
    <t>01/24/2020 18:02:19</t>
  </si>
  <si>
    <t>Q29udHJvbGxlci5SUC0yMDAwLURSLU5PSVRFXzE- (2).ica</t>
  </si>
  <si>
    <t>\\acsfs\profiles$\mariajaf\Downloads\Q29udHJvbGxlci5SUC0yMDAwLURSLU5PSVRFXzE- (2).ica</t>
  </si>
  <si>
    <t>01/24/2020 18:03:25</t>
  </si>
  <si>
    <t>90bb6c4e-82b6-4964-8da7-c873f959256a.tmp</t>
  </si>
  <si>
    <t>\\acsfs\profiles$\mariajaf\Downloads\90bb6c4e-82b6-4964-8da7-c873f959256a.tmp</t>
  </si>
  <si>
    <t>01/24/2020 18:03:57</t>
  </si>
  <si>
    <t>735ed92b-4a1a-463f-84e6-57c000ab76c4.tmp</t>
  </si>
  <si>
    <t>\\acsfs\profiles$\mariajaf\Downloads\735ed92b-4a1a-463f-84e6-57c000ab76c4.tmp</t>
  </si>
  <si>
    <t>01/24/2020 18:04:21</t>
  </si>
  <si>
    <t>7832f51c-44c4-420d-a2c2-cb3732de16c4.tmp</t>
  </si>
  <si>
    <t>\\acsfs\profiles$\mariajaf\Downloads\7832f51c-44c4-420d-a2c2-cb3732de16c4.tmp</t>
  </si>
  <si>
    <t>01/24/2020 18:03:44</t>
  </si>
  <si>
    <t>a0844ebf-ac91-46d0-ac4a-ca09489617ca.tmp</t>
  </si>
  <si>
    <t>\\acsfs\profiles$\matheusmax\Downloads\a0844ebf-ac91-46d0-ac4a-ca09489617ca.tmp</t>
  </si>
  <si>
    <t>01/24/2020 18:04:05</t>
  </si>
  <si>
    <t>01/24/2020 18:07:15</t>
  </si>
  <si>
    <t>05e3e008-1a49-45a1-ad42-6e2edc43516a.tmp</t>
  </si>
  <si>
    <t>\\acsfs\profiles$\henriqueco\Downloads\05e3e008-1a49-45a1-ad42-6e2edc43516a.tmp</t>
  </si>
  <si>
    <t>01/24/2020 18:09:14</t>
  </si>
  <si>
    <t>ed599aaa-20d3-4369-9ac4-4ff1e516e9ed.tmp</t>
  </si>
  <si>
    <t>\\acsfs\profiles$\andreapdsg\Downloads\ed599aaa-20d3-4369-9ac4-4ff1e516e9ed.tmp</t>
  </si>
  <si>
    <t>01/24/2020 18:06:06</t>
  </si>
  <si>
    <t>2774d12d-f3d5-48e3-8f8a-0fa6ca57c95f.tmp</t>
  </si>
  <si>
    <t>\\acsfs\profiles$\laurandos\Downloads\2774d12d-f3d5-48e3-8f8a-0fa6ca57c95f.tmp</t>
  </si>
  <si>
    <t>01/24/2020 18:04:42</t>
  </si>
  <si>
    <t>9dc1662c-adf7-4b57-a8e1-184d88494b17.tmp</t>
  </si>
  <si>
    <t>\\acsfs\profiles$\myllenardl\Downloads\9dc1662c-adf7-4b57-a8e1-184d88494b17.tmp</t>
  </si>
  <si>
    <t>01/24/2020 18:08:20</t>
  </si>
  <si>
    <t>01/24/2020 18:14:14</t>
  </si>
  <si>
    <t>d2c66ae0-6ace-4da7-b972-c23fa10b9032.tmp</t>
  </si>
  <si>
    <t>\\acsfs\profiles$\fernandofs\Downloads\d2c66ae0-6ace-4da7-b972-c23fa10b9032.tmp</t>
  </si>
  <si>
    <t>01/24/2020 18:08:22</t>
  </si>
  <si>
    <t>14f28b1d-b934-438e-88f9-2c9f1d54a232.tmp</t>
  </si>
  <si>
    <t>\\acsfs\profiles$\fernandofs\Downloads\14f28b1d-b934-438e-88f9-2c9f1d54a232.tmp</t>
  </si>
  <si>
    <t>01/24/2020 18:16:40</t>
  </si>
  <si>
    <t>01/24/2020 18:17:14</t>
  </si>
  <si>
    <t>62e90730-d1b3-4cbb-bf3e-6d4a63eb9a75.tmp</t>
  </si>
  <si>
    <t>\\acsfs\profiles$\henriqueco\Downloads\62e90730-d1b3-4cbb-bf3e-6d4a63eb9a75.tmp</t>
  </si>
  <si>
    <t>01/24/2020 18:17:18</t>
  </si>
  <si>
    <t>01/24/2020 18:19:14</t>
  </si>
  <si>
    <t>88be9f4b-727a-4729-a700-e6c2dedc37c3.tmp</t>
  </si>
  <si>
    <t>\\acsfs\profiles$\andreapdsg\Downloads\88be9f4b-727a-4729-a700-e6c2dedc37c3.tmp</t>
  </si>
  <si>
    <t>01/24/2020 18:21:14</t>
  </si>
  <si>
    <t>01/24/2020 18:16:25</t>
  </si>
  <si>
    <t>Dimensionamento_Janeiro Financeira_3ºCiclo (3) (1).xlsx</t>
  </si>
  <si>
    <t>\\acsfs\ACS\001 - Qualidade Lilian\ELIANE\Dimensionamento_Janeiro Financeira_3ºCiclo (3) (1).xlsx</t>
  </si>
  <si>
    <t>\\acsfs\ACS\001 - Qualidade Lilian\ELIANE\Dimensionamento_Janeiro Financeira_3ºCiclo (3) (1).xlsx\</t>
  </si>
  <si>
    <t>\\acsfs\ACS\001 - Qualidade Lilian\ELIANE\Dimensionamento_Janeiro Financeira_3ºCiclo (3) (1).xlsx\:Zone.Identifier:$DATA</t>
  </si>
  <si>
    <t>01/24/2020 18:23:14</t>
  </si>
  <si>
    <t>01/24/2020 18:24:14</t>
  </si>
  <si>
    <t>74d7c377-f15a-43a1-ba55-dcf28eafcfa7.tmp</t>
  </si>
  <si>
    <t>\\acsfs\profiles$\laurandos\Downloads\74d7c377-f15a-43a1-ba55-dcf28eafcfa7.tmp</t>
  </si>
  <si>
    <t>01/24/2020 18:27:30</t>
  </si>
  <si>
    <t>01/24/2020 18:29:14</t>
  </si>
  <si>
    <t>8d3bd24a-1b54-4223-9cd6-60b8d7d1d1d9.tmp</t>
  </si>
  <si>
    <t>\\acsfs\profiles$\taylaedoa\Downloads\8d3bd24a-1b54-4223-9cd6-60b8d7d1d1d9.tmp</t>
  </si>
  <si>
    <t>01/24/2020 18:28:43</t>
  </si>
  <si>
    <t>724ac43c-b56e-4bfd-b947-fc988ad8e2fc.tmp</t>
  </si>
  <si>
    <t>\\acsfs\profiles$\taylaedoa\Downloads\724ac43c-b56e-4bfd-b947-fc988ad8e2fc.tmp</t>
  </si>
  <si>
    <t>01/24/2020 18:29:41</t>
  </si>
  <si>
    <t>01/24/2020 18:32:15</t>
  </si>
  <si>
    <t>58f26984-c3d5-4e41-9190-1fbbfbc1870f.tmp</t>
  </si>
  <si>
    <t>\\acsfs\profiles$\henriqueco\Downloads\58f26984-c3d5-4e41-9190-1fbbfbc1870f.tmp</t>
  </si>
  <si>
    <t>01/24/2020 18:45:50</t>
  </si>
  <si>
    <t>01/24/2020 18:49:15</t>
  </si>
  <si>
    <t>171cd646-6125-4d6d-8866-a818899c2377.tmp</t>
  </si>
  <si>
    <t>\\acsfs\profiles$\taylaedoa\Downloads\171cd646-6125-4d6d-8866-a818899c2377.tmp</t>
  </si>
  <si>
    <t>01/24/2020 18:48:34</t>
  </si>
  <si>
    <t>9e6bc3bc-7345-43fe-b050-aecf5d1693d6.tmp</t>
  </si>
  <si>
    <t>\\acsfs\profiles$\taylaedoa\Downloads\9e6bc3bc-7345-43fe-b050-aecf5d1693d6.tmp</t>
  </si>
  <si>
    <t>01/24/2020 18:49:46</t>
  </si>
  <si>
    <t>01/24/2020 18:52:15</t>
  </si>
  <si>
    <t>e9690d88-e5c1-44d2-b9ee-3a88e97f6c05.tmp</t>
  </si>
  <si>
    <t>\\acsfs\profiles$\henriqueco\Downloads\e9690d88-e5c1-44d2-b9ee-3a88e97f6c05.tmp</t>
  </si>
  <si>
    <t>01/24/2020 18:50:53</t>
  </si>
  <si>
    <t>20a3b1f0-6695-4685-a9ec-8a6aacb15fc6.tmp</t>
  </si>
  <si>
    <t>\\acsfs\profiles$\henriqueco\Downloads\20a3b1f0-6695-4685-a9ec-8a6aacb15fc6.tmp</t>
  </si>
  <si>
    <t>01/24/2020 18:50:46</t>
  </si>
  <si>
    <t>01/24/2020 18:54:14</t>
  </si>
  <si>
    <t>8556d612-8970-4f70-bd4c-4f0f2a6e395d.tmp</t>
  </si>
  <si>
    <t>\\acsfs\profiles$\rosileiam\Downloads\8556d612-8970-4f70-bd4c-4f0f2a6e395d.tmp</t>
  </si>
  <si>
    <t>01/24/2020 18:54:00</t>
  </si>
  <si>
    <t>01/24/2020 18:59:14</t>
  </si>
  <si>
    <t>941866a4-4f99-4d10-8e69-8ca0f977fb4b.tmp</t>
  </si>
  <si>
    <t>\\acsfs\profiles$\taylaedoa\Downloads\941866a4-4f99-4d10-8e69-8ca0f977fb4b.tmp</t>
  </si>
  <si>
    <t>01/24/2020 19:03:19</t>
  </si>
  <si>
    <t>01/24/2020 19:04:15</t>
  </si>
  <si>
    <t>2f4fec11-562b-461f-8930-207dc2ca13a9.tmp</t>
  </si>
  <si>
    <t>\\acsfs\profiles$\taylaedoa\Downloads\2f4fec11-562b-461f-8930-207dc2ca13a9.tmp</t>
  </si>
  <si>
    <t>01/24/2020 19:17:06</t>
  </si>
  <si>
    <t>01/24/2020 19:19:14</t>
  </si>
  <si>
    <t>19d5dc18-bc20-43cb-b6b7-4808461d4604.tmp</t>
  </si>
  <si>
    <t>\\acsfs\profiles$\laurandos\Downloads\19d5dc18-bc20-43cb-b6b7-4808461d4604.tmp</t>
  </si>
  <si>
    <t>01/24/2020 19:14:40</t>
  </si>
  <si>
    <t>e98d439f-7679-44e2-b2c6-10807dd083ad.tmp</t>
  </si>
  <si>
    <t>\\acsfs\profiles$\taylaedoa\Downloads\e98d439f-7679-44e2-b2c6-10807dd083ad.tmp</t>
  </si>
  <si>
    <t>01/24/2020 19:23:28</t>
  </si>
  <si>
    <t>01/24/2020 19:27:15</t>
  </si>
  <si>
    <t>10265ca0-ab3f-4eb1-b982-a7cd0a466e90.tmp</t>
  </si>
  <si>
    <t>\\acsfs\profiles$\henriqueco\Downloads\10265ca0-ab3f-4eb1-b982-a7cd0a466e90.tmp</t>
  </si>
  <si>
    <t>01/24/2020 20:12:57</t>
  </si>
  <si>
    <t>01/24/2020 20:14:15</t>
  </si>
  <si>
    <t>335b104e-8b39-4ab5-9de0-43b8eabe057f.tmp</t>
  </si>
  <si>
    <t>\\acsfs\profiles$\taylaedoa\Downloads\335b104e-8b39-4ab5-9de0-43b8eabe057f.tmp</t>
  </si>
  <si>
    <t>01/24/2020 20:19:57</t>
  </si>
  <si>
    <t>01/24/2020 20:21:14</t>
  </si>
  <si>
    <t>427e0835-8ffd-4f09-a902-9392547ac905.tmp</t>
  </si>
  <si>
    <t>\\acsfs\profiles$\matheusmax\Downloads\427e0835-8ffd-4f09-a902-9392547ac905.tmp</t>
  </si>
  <si>
    <t>01/24/2020 20:38:51</t>
  </si>
  <si>
    <t>01/24/2020 20:42:14</t>
  </si>
  <si>
    <t>894e129a-b3d6-4f19-9c42-579bb9d8fcb8.tmp</t>
  </si>
  <si>
    <t>\\acsfs\profiles$\henriqueco\Downloads\894e129a-b3d6-4f19-9c42-579bb9d8fcb8.tmp</t>
  </si>
  <si>
    <t>01/24/2020 21:04:10</t>
  </si>
  <si>
    <t>01/24/2020 21:09:14</t>
  </si>
  <si>
    <t>143fcfb5-6f7a-4528-b2f4-97d947c7310a.tmp</t>
  </si>
  <si>
    <t>\\acsfs\profiles$\taylaedoa\Downloads\143fcfb5-6f7a-4528-b2f4-97d947c7310a.tmp</t>
  </si>
  <si>
    <t>01/24/2020 21:04:15</t>
  </si>
  <si>
    <t>8cce103c-d642-41b5-83ca-2d6b37072c8c.tmp</t>
  </si>
  <si>
    <t>\\acsfs\profiles$\taylaedoa\Downloads\8cce103c-d642-41b5-83ca-2d6b37072c8c.tmp</t>
  </si>
  <si>
    <t>01/24/2020 21:06:21</t>
  </si>
  <si>
    <t>ab6a9e65-e6ab-4d2a-86b9-ebacaba856b4.tmp</t>
  </si>
  <si>
    <t>\\acsfs\profiles$\taylaedoa\Downloads\ab6a9e65-e6ab-4d2a-86b9-ebacaba856b4.tmp</t>
  </si>
  <si>
    <t>01/24/2020 21:08:11</t>
  </si>
  <si>
    <t>39cb6dc2-727d-40a4-8251-80712b11b14c.tmp</t>
  </si>
  <si>
    <t>\\acsfs\profiles$\taylaedoa\Downloads\39cb6dc2-727d-40a4-8251-80712b11b14c.tmp</t>
  </si>
  <si>
    <t>01/24/2020 21:14:14</t>
  </si>
  <si>
    <t>01/24/2020 21:11:16</t>
  </si>
  <si>
    <t>75785ea8-51b2-42b6-b3fe-0d147b2cf504.tmp</t>
  </si>
  <si>
    <t>\\acsfs\profiles$\rosileiam\Downloads\75785ea8-51b2-42b6-b3fe-0d147b2cf504.tmp</t>
  </si>
  <si>
    <t>01/24/2020 21:20:06</t>
  </si>
  <si>
    <t>01/24/2020 21:24:14</t>
  </si>
  <si>
    <t>ca5dcbdb-90d8-40d9-abff-22cc2652f6cd.tmp</t>
  </si>
  <si>
    <t>\\acsfs\profiles$\rosileiam\Downloads\ca5dcbdb-90d8-40d9-abff-22cc2652f6cd.tmp</t>
  </si>
  <si>
    <t>01/24/2020 21:46:01</t>
  </si>
  <si>
    <t>01/24/2020 21:51:14</t>
  </si>
  <si>
    <t>1e47f537-dea2-4677-a467-740438cb02a7.tmp</t>
  </si>
  <si>
    <t>\\acsfs\profiles$\mariajaf\Downloads\1e47f537-dea2-4677-a467-740438cb02a7.tmp</t>
  </si>
  <si>
    <t>01/24/2020 21:50:05</t>
  </si>
  <si>
    <t>3c0785aa-839a-4668-a3c2-2b3ffafec20e.tmp</t>
  </si>
  <si>
    <t>\\acsfs\profiles$\mariajaf\Downloads\3c0785aa-839a-4668-a3c2-2b3ffafec20e.tmp</t>
  </si>
  <si>
    <t>01/24/2020 21:53:07</t>
  </si>
  <si>
    <t>01/24/2020 21:54:15</t>
  </si>
  <si>
    <t>5ae7a6be-0b9f-41ba-a565-67592451e9b8.tmp</t>
  </si>
  <si>
    <t>\\acsfs\profiles$\myllenardl\Downloads\5ae7a6be-0b9f-41ba-a565-67592451e9b8.tmp</t>
  </si>
  <si>
    <t>01/25/2020 05:54:17</t>
  </si>
  <si>
    <t>01/25/2020 05:54:11</t>
  </si>
  <si>
    <t>f3793c27-e85e-424a-8c1a-2a3335a28f3d.tmp</t>
  </si>
  <si>
    <t>\\acsfs\profiles$\BRUNAAR\Downloads\f3793c27-e85e-424a-8c1a-2a3335a28f3d.tmp</t>
  </si>
  <si>
    <t>01/25/2020 05:55:52</t>
  </si>
  <si>
    <t>01/25/2020 05:59:17</t>
  </si>
  <si>
    <t>09030f43-2fcf-4279-aaa6-c0663d97b0fe.tmp</t>
  </si>
  <si>
    <t>\\acsfs\profiles$\BRUNAAR\Downloads\09030f43-2fcf-4279-aaa6-c0663d97b0fe.tmp</t>
  </si>
  <si>
    <t>01/25/2020 06:05:36</t>
  </si>
  <si>
    <t>01/25/2020 06:09:17</t>
  </si>
  <si>
    <t>01/25/2020 06:06:25</t>
  </si>
  <si>
    <t>01/25/2020 06:06:26</t>
  </si>
  <si>
    <t>lu9756m7my.tmp</t>
  </si>
  <si>
    <t>\\acsfs\profiles$\BRUNAAR\Numero\lu9756m7my.tmp</t>
  </si>
  <si>
    <t>01/25/2020 06:07:19</t>
  </si>
  <si>
    <t>lu9756m7n3.tmp</t>
  </si>
  <si>
    <t>\\acsfs\profiles$\BRUNAAR\Numero\lu9756m7n3.tmp</t>
  </si>
  <si>
    <t>01/25/2020 06:07:40</t>
  </si>
  <si>
    <t>lu9756m7n7.tmp</t>
  </si>
  <si>
    <t>\\acsfs\profiles$\BRUNAAR\Numero\lu9756m7n7.tmp</t>
  </si>
  <si>
    <t>01/25/2020 06:22:47</t>
  </si>
  <si>
    <t>01/25/2020 06:25:17</t>
  </si>
  <si>
    <t>6aa9244e-f87f-4304-93b1-2979e8dbcc77.tmp</t>
  </si>
  <si>
    <t>\\acsfs\profiles$\ALYNYA\Downloads\6aa9244e-f87f-4304-93b1-2979e8dbcc77.tmp</t>
  </si>
  <si>
    <t>01/25/2020 06:23:30</t>
  </si>
  <si>
    <t>d8256519-6950-416e-b684-88ce897542fd.tmp</t>
  </si>
  <si>
    <t>\\acsfs\profiles$\ALYNYA\Downloads\d8256519-6950-416e-b684-88ce897542fd.tmp</t>
  </si>
  <si>
    <t>01/25/2020 06:24:58</t>
  </si>
  <si>
    <t>abe3f8c5-e77e-4f19-a4ef-3a4d0a2c284b.tmp</t>
  </si>
  <si>
    <t>\\acsfs\profiles$\ALYNYA\Downloads\abe3f8c5-e77e-4f19-a4ef-3a4d0a2c284b.tmp</t>
  </si>
  <si>
    <t>01/25/2020 06:26:24</t>
  </si>
  <si>
    <t>01/25/2020 06:30:17</t>
  </si>
  <si>
    <t>f81df88a-8a67-4deb-91ac-46c68e417d0e.tmp</t>
  </si>
  <si>
    <t>\\acsfs\profiles$\ALYNYA\Downloads\f81df88a-8a67-4deb-91ac-46c68e417d0e.tmp</t>
  </si>
  <si>
    <t>01/25/2020 06:30:26</t>
  </si>
  <si>
    <t>01/25/2020 06:35:18</t>
  </si>
  <si>
    <t>dbabf320-7e33-48e0-ad21-a2e30bd4ad65.tmp</t>
  </si>
  <si>
    <t>\\acsfs\profiles$\ALYNYA\Downloads\dbabf320-7e33-48e0-ad21-a2e30bd4ad65.tmp</t>
  </si>
  <si>
    <t>01/25/2020 06:55:26</t>
  </si>
  <si>
    <t>01/25/2020 06:59:18</t>
  </si>
  <si>
    <t>01/25/2020 06:55:27</t>
  </si>
  <si>
    <t>lu9756m7nd.tmp</t>
  </si>
  <si>
    <t>\\acsfs\profiles$\BRUNAAR\Numero\lu9756m7nd.tmp</t>
  </si>
  <si>
    <t>01/25/2020 07:18:14</t>
  </si>
  <si>
    <t>01/25/2020 07:20:18</t>
  </si>
  <si>
    <t>04af97fc-d79b-46f2-b69f-0e774d686e5f.tmp</t>
  </si>
  <si>
    <t>\\acsfs\profiles$\ALYNYA\Downloads\04af97fc-d79b-46f2-b69f-0e774d686e5f.tmp</t>
  </si>
  <si>
    <t>01/25/2020 07:22:18</t>
  </si>
  <si>
    <t>01/25/2020 07:19:03</t>
  </si>
  <si>
    <t>\\acsfs\profiles$\marcellewdl\My Documents\My Pictures\</t>
  </si>
  <si>
    <t>\\acsfs\profiles$\marcellewdl\My Documents\My Videos\desktop.ini</t>
  </si>
  <si>
    <t>01/25/2020 07:19:05</t>
  </si>
  <si>
    <t>\\acsfs\profiles$\marcellewdl\My Documents\My Videos\</t>
  </si>
  <si>
    <t>01/25/2020 07:19:07</t>
  </si>
  <si>
    <t>01/25/2020 07:19:16</t>
  </si>
  <si>
    <t>01/25/2020 07:19:30</t>
  </si>
  <si>
    <t>01/25/2020 07:19:34</t>
  </si>
  <si>
    <t>\\acsfs\profiles$\marcellewdl\My Documents\My Pictures\desktop.ini</t>
  </si>
  <si>
    <t>01/25/2020 07:19:35</t>
  </si>
  <si>
    <t>01/25/2020 07:19:38</t>
  </si>
  <si>
    <t>01/25/2020 07:19:39</t>
  </si>
  <si>
    <t>01/25/2020 07:19:45</t>
  </si>
  <si>
    <t>01/25/2020 07:19:46</t>
  </si>
  <si>
    <t>\\acsfs\profiles$\marcellewdl\Contacts\</t>
  </si>
  <si>
    <t>\\acsfs\profiles$\marcellewdl\Contacts\desktop.ini</t>
  </si>
  <si>
    <t>01/25/2020 07:20:22</t>
  </si>
  <si>
    <t>01/25/2020 07:20:23</t>
  </si>
  <si>
    <t>01/25/2020 07:20:53</t>
  </si>
  <si>
    <t>\\acsfs\profiles$\marcellewdl\My Documents\My Music\</t>
  </si>
  <si>
    <t>01/25/2020 07:20:54</t>
  </si>
  <si>
    <t>01/25/2020 07:20:59</t>
  </si>
  <si>
    <t>\\acsfs\profiles$\marcellewdl\Favorites\desktop.ini</t>
  </si>
  <si>
    <t>01/25/2020 07:21:00</t>
  </si>
  <si>
    <t>01/25/2020 07:21:01</t>
  </si>
  <si>
    <t>01/25/2020 07:21:03</t>
  </si>
  <si>
    <t>01/25/2020 07:21:05</t>
  </si>
  <si>
    <t>01/25/2020 07:21:06</t>
  </si>
  <si>
    <t>01/25/2020 07:21:09</t>
  </si>
  <si>
    <t>01/25/2020 07:21:10</t>
  </si>
  <si>
    <t>\\acsfs\profiles$\marcellewdl\My Documents\My Music\desktop.ini</t>
  </si>
  <si>
    <t>01/25/2020 07:21:17</t>
  </si>
  <si>
    <t>01/25/2020 07:21:20</t>
  </si>
  <si>
    <t>01/25/2020 07:21:23</t>
  </si>
  <si>
    <t>01/25/2020 07:21:26</t>
  </si>
  <si>
    <t>01/25/2020 07:21:29</t>
  </si>
  <si>
    <t>\\acsfs\profiles$\marcellewdl\Searches\</t>
  </si>
  <si>
    <t>\\acsfs\profiles$\marcellewdl\Searches\desktop.ini</t>
  </si>
  <si>
    <t>01/25/2020 07:21:31</t>
  </si>
  <si>
    <t>01/25/2020 07:21:33</t>
  </si>
  <si>
    <t>01/25/2020 07:21:34</t>
  </si>
  <si>
    <t>01/25/2020 07:21:35</t>
  </si>
  <si>
    <t>01/25/2020 07:21:38</t>
  </si>
  <si>
    <t>\\acsfs\profiles$\marcellewdl\Downloads\desktop.ini</t>
  </si>
  <si>
    <t>01/25/2020 07:21:39</t>
  </si>
  <si>
    <t>01/25/2020 07:21:41</t>
  </si>
  <si>
    <t>\\acsfs\profiles$\marcellewdl\Favorites\</t>
  </si>
  <si>
    <t>\\acsfs\profiles$\marcellewdl\My Documents\desktop.ini</t>
  </si>
  <si>
    <t>01/25/2020 07:21:42</t>
  </si>
  <si>
    <t>01/25/2020 07:21:43</t>
  </si>
  <si>
    <t>01/25/2020 07:27:18</t>
  </si>
  <si>
    <t>01/25/2020 07:21:44</t>
  </si>
  <si>
    <t>01/25/2020 07:21:46</t>
  </si>
  <si>
    <t>01/25/2020 07:21:47</t>
  </si>
  <si>
    <t>01/25/2020 07:21:48</t>
  </si>
  <si>
    <t>\\acsfs\profiles$\marcellewdl\Saved Games\desktop.ini</t>
  </si>
  <si>
    <t>01/25/2020 07:21:49</t>
  </si>
  <si>
    <t>01/25/2020 07:28:18</t>
  </si>
  <si>
    <t>01/25/2020 07:25:41</t>
  </si>
  <si>
    <t>01/25/2020 07:25:55</t>
  </si>
  <si>
    <t>01/25/2020 07:25:57</t>
  </si>
  <si>
    <t>01/25/2020 07:25:58</t>
  </si>
  <si>
    <t>01/25/2020 07:26:00</t>
  </si>
  <si>
    <t>01/25/2020 07:26:05</t>
  </si>
  <si>
    <t>01/25/2020 07:26:06</t>
  </si>
  <si>
    <t>01/25/2020 07:26:07</t>
  </si>
  <si>
    <t>01/25/2020 07:26:27</t>
  </si>
  <si>
    <t>01/25/2020 07:26:33</t>
  </si>
  <si>
    <t>01/25/2020 07:26:35</t>
  </si>
  <si>
    <t>01/25/2020 07:26:36</t>
  </si>
  <si>
    <t>01/25/2020 07:26:45</t>
  </si>
  <si>
    <t>01/25/2020 07:26:46</t>
  </si>
  <si>
    <t>01/25/2020 07:26:48</t>
  </si>
  <si>
    <t>01/25/2020 07:26:56</t>
  </si>
  <si>
    <t>01/25/2020 07:26:57</t>
  </si>
  <si>
    <t>01/25/2020 07:26:59</t>
  </si>
  <si>
    <t>01/25/2020 07:27:00</t>
  </si>
  <si>
    <t>01/25/2020 07:27:39</t>
  </si>
  <si>
    <t>01/25/2020 07:27:48</t>
  </si>
  <si>
    <t>01/25/2020 07:27:50</t>
  </si>
  <si>
    <t>01/25/2020 07:27:51</t>
  </si>
  <si>
    <t>01/25/2020 07:29:19</t>
  </si>
  <si>
    <t>01/25/2020 07:27:49</t>
  </si>
  <si>
    <t>af34b8f1-d34d-42be-80df-ab5cabc44cc7.tmp</t>
  </si>
  <si>
    <t>\\acsfs\profiles$\felipetds\Downloads\af34b8f1-d34d-42be-80df-ab5cabc44cc7.tmp</t>
  </si>
  <si>
    <t>01/25/2020 07:28:13</t>
  </si>
  <si>
    <t>01/25/2020 07:33:18</t>
  </si>
  <si>
    <t>01/25/2020 07:28:15</t>
  </si>
  <si>
    <t>01/25/2020 07:28:23</t>
  </si>
  <si>
    <t>01/25/2020 07:28:25</t>
  </si>
  <si>
    <t>01/25/2020 07:28:26</t>
  </si>
  <si>
    <t>01/25/2020 07:28:29</t>
  </si>
  <si>
    <t>01/25/2020 07:28:31</t>
  </si>
  <si>
    <t>01/25/2020 07:28:44</t>
  </si>
  <si>
    <t>01/25/2020 07:28:45</t>
  </si>
  <si>
    <t>01/25/2020 07:28:46</t>
  </si>
  <si>
    <t>01/25/2020 07:28:54</t>
  </si>
  <si>
    <t>01/25/2020 07:28:55</t>
  </si>
  <si>
    <t>01/25/2020 07:28:56</t>
  </si>
  <si>
    <t>01/25/2020 07:28:57</t>
  </si>
  <si>
    <t>01/25/2020 07:29:03</t>
  </si>
  <si>
    <t>01/25/2020 07:29:04</t>
  </si>
  <si>
    <t>01/25/2020 07:29:24</t>
  </si>
  <si>
    <t>01/25/2020 07:29:25</t>
  </si>
  <si>
    <t>01/25/2020 07:29:29</t>
  </si>
  <si>
    <t>01/25/2020 07:29:31</t>
  </si>
  <si>
    <t>01/25/2020 07:30:10</t>
  </si>
  <si>
    <t>winrt--{S-1-5-21-602162358-764733703-839522115-354180}-.searchconnector-ms</t>
  </si>
  <si>
    <t>\\acsfs\profiles$\marcellewdl\Searches\winrt--{S-1-5-21-602162358-764733703-839522115-354180}-.searchconnector-ms</t>
  </si>
  <si>
    <t>01/25/2020 07:28:39</t>
  </si>
  <si>
    <t>01/25/2020 07:34:18</t>
  </si>
  <si>
    <t>ce3411b0-2c3c-4f5b-ae89-b4e97e6d64cd.tmp</t>
  </si>
  <si>
    <t>\\acsfs\profiles$\felipetds\Downloads\ce3411b0-2c3c-4f5b-ae89-b4e97e6d64cd.tmp</t>
  </si>
  <si>
    <t>01/25/2020 07:29:52</t>
  </si>
  <si>
    <t>c49cc0ff-afa7-4d96-b6d5-9c7e85eaabda.tmp</t>
  </si>
  <si>
    <t>\\acsfs\profiles$\felipetds\Downloads\c49cc0ff-afa7-4d96-b6d5-9c7e85eaabda.tmp</t>
  </si>
  <si>
    <t>01/25/2020 07:36:18</t>
  </si>
  <si>
    <t>01/25/2020 07:33:07</t>
  </si>
  <si>
    <t>01/25/2020 07:33:09</t>
  </si>
  <si>
    <t>01/25/2020 07:33:10</t>
  </si>
  <si>
    <t>01/25/2020 07:33:24</t>
  </si>
  <si>
    <t>01/25/2020 07:33:25</t>
  </si>
  <si>
    <t>01/25/2020 07:33:32</t>
  </si>
  <si>
    <t>01/25/2020 07:33:33</t>
  </si>
  <si>
    <t>01/25/2020 07:33:34</t>
  </si>
  <si>
    <t>01/25/2020 07:33:38</t>
  </si>
  <si>
    <t>01/25/2020 07:33:40</t>
  </si>
  <si>
    <t>01/25/2020 07:33:42</t>
  </si>
  <si>
    <t>01/25/2020 07:33:43</t>
  </si>
  <si>
    <t>01/25/2020 07:33:44</t>
  </si>
  <si>
    <t>01/25/2020 07:33:47</t>
  </si>
  <si>
    <t>01/25/2020 07:33:48</t>
  </si>
  <si>
    <t>01/25/2020 07:33:49</t>
  </si>
  <si>
    <t>01/25/2020 07:34:05</t>
  </si>
  <si>
    <t>01/25/2020 07:34:12</t>
  </si>
  <si>
    <t>01/25/2020 07:34:13</t>
  </si>
  <si>
    <t>01/25/2020 07:34:20</t>
  </si>
  <si>
    <t>01/25/2020 07:34:21</t>
  </si>
  <si>
    <t>01/25/2020 07:34:35</t>
  </si>
  <si>
    <t>01/25/2020 07:34:36</t>
  </si>
  <si>
    <t>01/25/2020 07:34:37</t>
  </si>
  <si>
    <t>01/25/2020 07:34:38</t>
  </si>
  <si>
    <t>01/25/2020 07:35:08</t>
  </si>
  <si>
    <t>01/25/2020 07:35:10</t>
  </si>
  <si>
    <t>01/25/2020 07:35:11</t>
  </si>
  <si>
    <t>01/25/2020 07:35:18</t>
  </si>
  <si>
    <t>01/25/2020 07:35:20</t>
  </si>
  <si>
    <t>01/25/2020 07:35:22</t>
  </si>
  <si>
    <t>01/25/2020 07:35:25</t>
  </si>
  <si>
    <t>01/25/2020 07:35:26</t>
  </si>
  <si>
    <t>01/25/2020 07:35:27</t>
  </si>
  <si>
    <t>01/25/2020 07:35:29</t>
  </si>
  <si>
    <t>01/25/2020 07:35:31</t>
  </si>
  <si>
    <t>01/25/2020 07:35:34</t>
  </si>
  <si>
    <t>01/25/2020 07:35:36</t>
  </si>
  <si>
    <t>01/25/2020 07:35:37</t>
  </si>
  <si>
    <t>01/25/2020 07:35:38</t>
  </si>
  <si>
    <t>01/25/2020 07:35:40</t>
  </si>
  <si>
    <t>01/25/2020 07:37:04</t>
  </si>
  <si>
    <t>01/25/2020 07:38:18</t>
  </si>
  <si>
    <t>d5459c97-423a-463a-8364-1b6e8f4fd8d8.tmp</t>
  </si>
  <si>
    <t>\\acsfs\profiles$\marcellewdl\Downloads\d5459c97-423a-463a-8364-1b6e8f4fd8d8.tmp</t>
  </si>
  <si>
    <t>01/25/2020 07:35:41</t>
  </si>
  <si>
    <t>01/25/2020 07:41:18</t>
  </si>
  <si>
    <t>01/25/2020 07:36:24</t>
  </si>
  <si>
    <t>01/25/2020 07:38:19</t>
  </si>
  <si>
    <t>01/25/2020 07:43:19</t>
  </si>
  <si>
    <t>a34fdf61-c5e1-40f5-9675-7d9b8dabe402.tmp</t>
  </si>
  <si>
    <t>\\acsfs\profiles$\marcellewdl\Downloads\a34fdf61-c5e1-40f5-9675-7d9b8dabe402.tmp</t>
  </si>
  <si>
    <t>01/25/2020 07:44:12</t>
  </si>
  <si>
    <t>01/25/2020 07:46:18</t>
  </si>
  <si>
    <t>6d38d9d7-66cf-40df-9592-b5f12b677044.tmp</t>
  </si>
  <si>
    <t>\\acsfs\profiles$\dhiulliananads\Downloads\6d38d9d7-66cf-40df-9592-b5f12b677044.tmp</t>
  </si>
  <si>
    <t>01/25/2020 07:45:25</t>
  </si>
  <si>
    <t>8f5103dc-a1eb-4a3c-932d-c33751ba82f9.tmp</t>
  </si>
  <si>
    <t>\\acsfs\profiles$\dhiulliananads\Downloads\8f5103dc-a1eb-4a3c-932d-c33751ba82f9.tmp</t>
  </si>
  <si>
    <t>01/25/2020 07:51:38</t>
  </si>
  <si>
    <t>01/25/2020 07:55:18</t>
  </si>
  <si>
    <t>540db611-595f-49ef-99d3-c47279c0ad3a.tmp</t>
  </si>
  <si>
    <t>\\acsfs\profiles$\mariagsg\Downloads\540db611-595f-49ef-99d3-c47279c0ad3a.tmp</t>
  </si>
  <si>
    <t>a15d6077-49a2-4755-82c9-b536323848b2.tmp</t>
  </si>
  <si>
    <t>\\acsfs\profiles$\mariagsg\Downloads\a15d6077-49a2-4755-82c9-b536323848b2.tmp</t>
  </si>
  <si>
    <t>01/25/2020 07:51:57</t>
  </si>
  <si>
    <t>01/25/2020 07:52:07</t>
  </si>
  <si>
    <t>01/25/2020 07:52:09</t>
  </si>
  <si>
    <t>01/25/2020 07:52:30</t>
  </si>
  <si>
    <t>01/25/2020 07:52:59</t>
  </si>
  <si>
    <t>8eb699a2-5796-4012-9270-73827db64d6e.tmp</t>
  </si>
  <si>
    <t>\\acsfs\profiles$\mariagsg\Downloads\8eb699a2-5796-4012-9270-73827db64d6e.tmp</t>
  </si>
  <si>
    <t>01/25/2020 07:53:40</t>
  </si>
  <si>
    <t>117d9c2d-3473-45b4-9594-35a15f23e09f.tmp</t>
  </si>
  <si>
    <t>\\acsfs\profiles$\mariagsg\Downloads\117d9c2d-3473-45b4-9594-35a15f23e09f.tmp</t>
  </si>
  <si>
    <t>01/25/2020 07:54:39</t>
  </si>
  <si>
    <t>55873653-f413-4ab2-b104-4bc357b3a7fc.tmp</t>
  </si>
  <si>
    <t>\\acsfs\profiles$\mariagsg\Downloads\55873653-f413-4ab2-b104-4bc357b3a7fc.tmp</t>
  </si>
  <si>
    <t>01/25/2020 07:57:11</t>
  </si>
  <si>
    <t>01/25/2020 07:56:52</t>
  </si>
  <si>
    <t>01/25/2020 07:59:18</t>
  </si>
  <si>
    <t>08d5fb0e-9982-4b29-a5ba-6c74b37c606d.tmp</t>
  </si>
  <si>
    <t>\\acsfs\profiles$\luanarda\Downloads\08d5fb0e-9982-4b29-a5ba-6c74b37c606d.tmp</t>
  </si>
  <si>
    <t>01/25/2020 07:57:38</t>
  </si>
  <si>
    <t>01/25/2020 08:00:18</t>
  </si>
  <si>
    <t>ecdf7264-f076-482d-8dbb-8588a7d4b50e.tmp</t>
  </si>
  <si>
    <t>\\acsfs\profiles$\mariagsg\Downloads\ecdf7264-f076-482d-8dbb-8588a7d4b50e.tmp</t>
  </si>
  <si>
    <t>01/25/2020 07:56:51</t>
  </si>
  <si>
    <t>01/25/2020 08:02:18</t>
  </si>
  <si>
    <t>01/25/2020 07:56:53</t>
  </si>
  <si>
    <t>01/25/2020 07:56:56</t>
  </si>
  <si>
    <t>01/25/2020 07:56:57</t>
  </si>
  <si>
    <t>01/25/2020 07:57:01</t>
  </si>
  <si>
    <t>01/25/2020 07:57:02</t>
  </si>
  <si>
    <t>01/25/2020 07:57:06</t>
  </si>
  <si>
    <t>01/25/2020 07:57:07</t>
  </si>
  <si>
    <t>01/25/2020 07:57:16</t>
  </si>
  <si>
    <t>01/25/2020 07:57:17</t>
  </si>
  <si>
    <t>01/25/2020 07:57:18</t>
  </si>
  <si>
    <t>01/25/2020 07:57:19</t>
  </si>
  <si>
    <t>01/25/2020 07:57:20</t>
  </si>
  <si>
    <t>01/25/2020 07:57:21</t>
  </si>
  <si>
    <t>01/25/2020 07:57:23</t>
  </si>
  <si>
    <t>01/25/2020 07:57:24</t>
  </si>
  <si>
    <t>01/25/2020 07:57:25</t>
  </si>
  <si>
    <t>01/25/2020 07:57:26</t>
  </si>
  <si>
    <t>01/25/2020 07:57:27</t>
  </si>
  <si>
    <t>01/25/2020 07:57:28</t>
  </si>
  <si>
    <t>01/25/2020 07:57:29</t>
  </si>
  <si>
    <t>01/25/2020 07:57:30</t>
  </si>
  <si>
    <t>01/25/2020 07:57:31</t>
  </si>
  <si>
    <t>01/25/2020 07:57:32</t>
  </si>
  <si>
    <t>01/25/2020 07:57:33</t>
  </si>
  <si>
    <t>01/25/2020 07:57:34</t>
  </si>
  <si>
    <t>01/25/2020 07:57:35</t>
  </si>
  <si>
    <t>01/25/2020 07:57:36</t>
  </si>
  <si>
    <t>01/25/2020 07:57:37</t>
  </si>
  <si>
    <t>01/25/2020 07:57:40</t>
  </si>
  <si>
    <t>01/25/2020 07:57:41</t>
  </si>
  <si>
    <t>01/25/2020 07:57:42</t>
  </si>
  <si>
    <t>01/25/2020 07:57:45</t>
  </si>
  <si>
    <t>01/25/2020 07:57:46</t>
  </si>
  <si>
    <t>01/25/2020 07:57:48</t>
  </si>
  <si>
    <t>01/25/2020 07:57:50</t>
  </si>
  <si>
    <t>01/25/2020 07:57:51</t>
  </si>
  <si>
    <t>01/25/2020 07:57:52</t>
  </si>
  <si>
    <t>01/25/2020 07:57:54</t>
  </si>
  <si>
    <t>01/25/2020 07:58:28</t>
  </si>
  <si>
    <t>01/25/2020 07:59:57</t>
  </si>
  <si>
    <t>8111365c-3d47-4d9c-9bd9-52de961007c4.tmp</t>
  </si>
  <si>
    <t>\\acsfs\profiles$\paulovadc\Downloads\8111365c-3d47-4d9c-9bd9-52de961007c4.tmp</t>
  </si>
  <si>
    <t>01/25/2020 08:01:29</t>
  </si>
  <si>
    <t>99f636ba-c780-4d1e-a3b7-a493172f7c2b.tmp</t>
  </si>
  <si>
    <t>\\acsfs\profiles$\paulovadc\Downloads\99f636ba-c780-4d1e-a3b7-a493172f7c2b.tmp</t>
  </si>
  <si>
    <t>01/25/2020 08:00:42</t>
  </si>
  <si>
    <t>01/25/2020 08:04:18</t>
  </si>
  <si>
    <t>05cef5bf-1dfe-49ed-8815-708c293ebeac.tmp</t>
  </si>
  <si>
    <t>\\acsfs\profiles$\luanarda\Downloads\05cef5bf-1dfe-49ed-8815-708c293ebeac.tmp</t>
  </si>
  <si>
    <t>01/25/2020 08:06:09</t>
  </si>
  <si>
    <t>01/25/2020 08:09:18</t>
  </si>
  <si>
    <t>01/25/2020 08:06:15</t>
  </si>
  <si>
    <t>ee1820ff-4311-42c5-af2e-83f0d6208a9c.tmp</t>
  </si>
  <si>
    <t>\\acsfs\profiles$\BRUNAAR\Downloads\ee1820ff-4311-42c5-af2e-83f0d6208a9c.tmp</t>
  </si>
  <si>
    <t>01/25/2020 08:08:57</t>
  </si>
  <si>
    <t>01/25/2020 08:05:31</t>
  </si>
  <si>
    <t>01/25/2020 08:10:18</t>
  </si>
  <si>
    <t>ccab5f25-45a3-4fd3-9b43-45e6163265c2.tmp</t>
  </si>
  <si>
    <t>\\acsfs\profiles$\mariagsg\Downloads\ccab5f25-45a3-4fd3-9b43-45e6163265c2.tmp</t>
  </si>
  <si>
    <t>01/25/2020 08:09:37</t>
  </si>
  <si>
    <t>01/25/2020 08:14:18</t>
  </si>
  <si>
    <t>01/25/2020 08:15:18</t>
  </si>
  <si>
    <t>lu1067250uu7.tmp</t>
  </si>
  <si>
    <t>\\acsfs\profiles$\BRUNAAR\Numero\lu1067250uu7.tmp</t>
  </si>
  <si>
    <t>01/25/2020 08:19:13</t>
  </si>
  <si>
    <t>01/25/2020 08:21:19</t>
  </si>
  <si>
    <t>01/25/2020 08:19:43</t>
  </si>
  <si>
    <t>01/25/2020 08:19:44</t>
  </si>
  <si>
    <t>lu91241rp4u.tmp</t>
  </si>
  <si>
    <t>\\acsfs\profiles$\dhiulliananads\My Documents\lu91241rp4u.tmp</t>
  </si>
  <si>
    <t>\\acsfs\profiles$\dhiulliananads\My Documents\lu91241rp4u.tmp\</t>
  </si>
  <si>
    <t>\\acsfs\profiles$\dhiulliananads\My Documents\lu91241rp4u.tmp\META-INF\</t>
  </si>
  <si>
    <t>\\acsfs\profiles$\dhiulliananads\My Documents\lu91241rp4u.tmp\Thumbnails\</t>
  </si>
  <si>
    <t>01/25/2020 08:25:22</t>
  </si>
  <si>
    <t>01/25/2020 08:27:18</t>
  </si>
  <si>
    <t>090fff80-d076-4264-b47d-3628ec3dc485.tmp</t>
  </si>
  <si>
    <t>\\acsfs\profiles$\paulovadc\Downloads\090fff80-d076-4264-b47d-3628ec3dc485.tmp</t>
  </si>
  <si>
    <t>01/25/2020 08:26:17</t>
  </si>
  <si>
    <t>01/25/2020 08:30:18</t>
  </si>
  <si>
    <t>f024727e-9568-4574-b0c4-f559b2893279.tmp</t>
  </si>
  <si>
    <t>\\acsfs\profiles$\ALYNYA\Downloads\f024727e-9568-4574-b0c4-f559b2893279.tmp</t>
  </si>
  <si>
    <t>01/25/2020 08:26:21</t>
  </si>
  <si>
    <t>2e77ed04-6f69-42ad-8a3d-586baba40515.tmp</t>
  </si>
  <si>
    <t>\\acsfs\profiles$\ALYNYA\Downloads\2e77ed04-6f69-42ad-8a3d-586baba40515.tmp</t>
  </si>
  <si>
    <t>01/25/2020 08:36:19</t>
  </si>
  <si>
    <t>01/25/2020 08:31:32</t>
  </si>
  <si>
    <t>78f20ab8-83cf-446c-bd7a-6c3dba0983ba.tmp</t>
  </si>
  <si>
    <t>\\acsfs\profiles$\nataliacsl\Downloads\78f20ab8-83cf-446c-bd7a-6c3dba0983ba.tmp</t>
  </si>
  <si>
    <t>01/25/2020 08:33:37</t>
  </si>
  <si>
    <t>3bb45b11-8f8e-4047-8703-e09d578c6029.tmp</t>
  </si>
  <si>
    <t>\\acsfs\profiles$\nataliacsl\Downloads\3bb45b11-8f8e-4047-8703-e09d578c6029.tmp</t>
  </si>
  <si>
    <t>01/25/2020 08:37:35</t>
  </si>
  <si>
    <t>01/25/2020 08:41:18</t>
  </si>
  <si>
    <t>025cc152-069e-4fee-8c89-bd4004a4b92a.tmp</t>
  </si>
  <si>
    <t>\\acsfs\profiles$\dhiulliananads\Downloads\025cc152-069e-4fee-8c89-bd4004a4b92a.tmp</t>
  </si>
  <si>
    <t>01/25/2020 08:37:40</t>
  </si>
  <si>
    <t>9bf1e2ab-95b8-486c-8fb8-01af4d04a8da.tmp</t>
  </si>
  <si>
    <t>\\acsfs\profiles$\dhiulliananads\Downloads\9bf1e2ab-95b8-486c-8fb8-01af4d04a8da.tmp</t>
  </si>
  <si>
    <t>01/25/2020 08:50:26</t>
  </si>
  <si>
    <t>01/25/2020 08:55:18</t>
  </si>
  <si>
    <t>lu1067250uub.tmp</t>
  </si>
  <si>
    <t>\\acsfs\profiles$\BRUNAAR\Numero\lu1067250uub.tmp</t>
  </si>
  <si>
    <t>01/25/2020 08:58:40</t>
  </si>
  <si>
    <t>01/25/2020 09:03:19</t>
  </si>
  <si>
    <t>e1035a30-c37f-40ec-a87b-36c29a3ca484.tmp</t>
  </si>
  <si>
    <t>\\acsfs\profiles$\websondsa\Downloads\e1035a30-c37f-40ec-a87b-36c29a3ca484.tmp</t>
  </si>
  <si>
    <t>01/25/2020 08:59:00</t>
  </si>
  <si>
    <t>bd314ce1-b96d-48fe-8569-369372ecd21c.tmp</t>
  </si>
  <si>
    <t>\\acsfs\profiles$\websondsa\Downloads\bd314ce1-b96d-48fe-8569-369372ecd21c.tmp</t>
  </si>
  <si>
    <t>01/25/2020 08:59:20</t>
  </si>
  <si>
    <t>3114862d-fac3-4597-b327-c86d34bab465.tmp</t>
  </si>
  <si>
    <t>\\acsfs\profiles$\websondsa\Downloads\3114862d-fac3-4597-b327-c86d34bab465.tmp</t>
  </si>
  <si>
    <t>01/25/2020 09:01:03</t>
  </si>
  <si>
    <t>61b21fed-df52-4cd4-870b-03e9987a602b.tmp</t>
  </si>
  <si>
    <t>\\acsfs\profiles$\websondsa\Downloads\61b21fed-df52-4cd4-870b-03e9987a602b.tmp</t>
  </si>
  <si>
    <t>01/25/2020 09:04:43</t>
  </si>
  <si>
    <t>01/25/2020 09:06:18</t>
  </si>
  <si>
    <t>lu91241rp4z.tmp</t>
  </si>
  <si>
    <t>\\acsfs\profiles$\dhiulliananads\My Documents\lu91241rp4z.tmp</t>
  </si>
  <si>
    <t>\\acsfs\profiles$\dhiulliananads\My Documents\lu91241rp4z.tmp\</t>
  </si>
  <si>
    <t>\\acsfs\profiles$\dhiulliananads\My Documents\lu91241rp4z.tmp\META-INF\</t>
  </si>
  <si>
    <t>\\acsfs\profiles$\dhiulliananads\My Documents\lu91241rp4z.tmp\Thumbnails\</t>
  </si>
  <si>
    <t>01/25/2020 09:15:15</t>
  </si>
  <si>
    <t>01/25/2020 09:19:19</t>
  </si>
  <si>
    <t>fd8a0538-25a2-471d-89ab-c6144844c101.tmp</t>
  </si>
  <si>
    <t>\\acsfs\profiles$\felipetds\Downloads\fd8a0538-25a2-471d-89ab-c6144844c101.tmp</t>
  </si>
  <si>
    <t>01/25/2020 09:17:15</t>
  </si>
  <si>
    <t>01/25/2020 09:22:18</t>
  </si>
  <si>
    <t>d852f39d-7577-41b4-baad-a5b111de3179.tmp</t>
  </si>
  <si>
    <t>\\acsfs\profiles$\Flaviojmm\Downloads\d852f39d-7577-41b4-baad-a5b111de3179.tmp</t>
  </si>
  <si>
    <t>01/25/2020 09:18:26</t>
  </si>
  <si>
    <t>983466d5-10a4-49be-a7c1-d3329173ce2a.tmp</t>
  </si>
  <si>
    <t>\\acsfs\profiles$\Flaviojmm\Downloads\983466d5-10a4-49be-a7c1-d3329173ce2a.tmp</t>
  </si>
  <si>
    <t>01/25/2020 09:19:14</t>
  </si>
  <si>
    <t>01/25/2020 09:23:25</t>
  </si>
  <si>
    <t>01/25/2020 09:26:18</t>
  </si>
  <si>
    <t>06fb0e32-a7bc-4ea4-8425-cf2a882e5a2a.tmp</t>
  </si>
  <si>
    <t>\\acsfs\profiles$\dhiulliananads\Downloads\06fb0e32-a7bc-4ea4-8425-cf2a882e5a2a.tmp</t>
  </si>
  <si>
    <t>01/25/2020 09:22:46</t>
  </si>
  <si>
    <t>01/25/2020 09:28:18</t>
  </si>
  <si>
    <t>8687c409-017b-4565-99ef-9d4b4f03a88b.tmp</t>
  </si>
  <si>
    <t>\\acsfs\profiles$\websondsa\Downloads\8687c409-017b-4565-99ef-9d4b4f03a88b.tmp</t>
  </si>
  <si>
    <t>01/25/2020 09:29:43</t>
  </si>
  <si>
    <t>01/25/2020 09:31:18</t>
  </si>
  <si>
    <t>01/25/2020 09:29:44</t>
  </si>
  <si>
    <t>lu91241rp54.tmp</t>
  </si>
  <si>
    <t>\\acsfs\profiles$\dhiulliananads\My Documents\lu91241rp54.tmp</t>
  </si>
  <si>
    <t>\\acsfs\profiles$\dhiulliananads\My Documents\lu91241rp54.tmp\</t>
  </si>
  <si>
    <t>\\acsfs\profiles$\dhiulliananads\My Documents\lu91241rp54.tmp\META-INF\</t>
  </si>
  <si>
    <t>\\acsfs\profiles$\dhiulliananads\My Documents\lu91241rp54.tmp\Thumbnails\</t>
  </si>
  <si>
    <t>01/25/2020 09:56:18</t>
  </si>
  <si>
    <t>01/25/2020 09:53:13</t>
  </si>
  <si>
    <t>01/25/2020 09:53:14</t>
  </si>
  <si>
    <t>lu91241rp59.tmp</t>
  </si>
  <si>
    <t>\\acsfs\profiles$\dhiulliananads\My Documents\lu91241rp59.tmp</t>
  </si>
  <si>
    <t>\\acsfs\profiles$\dhiulliananads\My Documents\lu91241rp59.tmp\</t>
  </si>
  <si>
    <t>\\acsfs\profiles$\dhiulliananads\My Documents\lu91241rp59.tmp\META-INF\</t>
  </si>
  <si>
    <t>\\acsfs\profiles$\dhiulliananads\My Documents\lu91241rp59.tmp\Thumbnails\</t>
  </si>
  <si>
    <t>01/25/2020 09:55:48</t>
  </si>
  <si>
    <t>01/25/2020 09:55:50</t>
  </si>
  <si>
    <t>01/25/2020 09:53:48</t>
  </si>
  <si>
    <t>01/25/2020 09:58:19</t>
  </si>
  <si>
    <t>01/25/2020 09:58:51</t>
  </si>
  <si>
    <t>01/25/2020 10:02:18</t>
  </si>
  <si>
    <t>01/25/2020 09:58:53</t>
  </si>
  <si>
    <t>lu18120spj55.tmp</t>
  </si>
  <si>
    <t>\\acsfs\profiles$\Flaviojmm\My Documents\lu18120spj55.tmp</t>
  </si>
  <si>
    <t>\\acsfs\profiles$\Flaviojmm\My Documents\lu18120spj55.tmp\</t>
  </si>
  <si>
    <t>\\acsfs\profiles$\Flaviojmm\My Documents\lu18120spj55.tmp\META-INF\</t>
  </si>
  <si>
    <t>\\acsfs\profiles$\Flaviojmm\My Documents\lu18120spj55.tmp\Thumbnails\</t>
  </si>
  <si>
    <t>01/25/2020 10:05:42</t>
  </si>
  <si>
    <t>01/25/2020 10:10:19</t>
  </si>
  <si>
    <t>c5e3b4e4-7fd8-4287-a26f-978465ecfb35.tmp</t>
  </si>
  <si>
    <t>\\acsfs\profiles$\mariagsg\Downloads\c5e3b4e4-7fd8-4287-a26f-978465ecfb35.tmp</t>
  </si>
  <si>
    <t>01/25/2020 10:09:22</t>
  </si>
  <si>
    <t>01/25/2020 10:13:18</t>
  </si>
  <si>
    <t>74-86-7A-FC-CE-B0</t>
  </si>
  <si>
    <t>VOTORANT-ABB010</t>
  </si>
  <si>
    <t>GEOVANNA SOUSA MARTINS (25).contact</t>
  </si>
  <si>
    <t>\\acsfs\profiles$\geovannasm\Contacts\GEOVANNA SOUSA MARTINS (25).contact</t>
  </si>
  <si>
    <t>01/25/2020 10:09:23</t>
  </si>
  <si>
    <t>01/25/2020 10:09:50</t>
  </si>
  <si>
    <t>01/25/2020 10:09:51</t>
  </si>
  <si>
    <t>01/25/2020 10:09:52</t>
  </si>
  <si>
    <t>01/25/2020 10:09:53</t>
  </si>
  <si>
    <t>01/25/2020 10:09:54</t>
  </si>
  <si>
    <t>01/25/2020 10:09:55</t>
  </si>
  <si>
    <t>01/25/2020 10:09:56</t>
  </si>
  <si>
    <t>01/25/2020 10:09:57</t>
  </si>
  <si>
    <t>01/25/2020 10:09:58</t>
  </si>
  <si>
    <t>01/25/2020 10:09:59</t>
  </si>
  <si>
    <t>01/25/2020 10:10:45</t>
  </si>
  <si>
    <t>01/25/2020 10:10:46</t>
  </si>
  <si>
    <t>01/25/2020 10:10:48</t>
  </si>
  <si>
    <t>01/25/2020 10:10:49</t>
  </si>
  <si>
    <t>01/25/2020 10:13:37</t>
  </si>
  <si>
    <t>01/25/2020 10:14:18</t>
  </si>
  <si>
    <t>leticiaat</t>
  </si>
  <si>
    <t>\\acsfs\profiles$\leticiaat\Contacts\</t>
  </si>
  <si>
    <t>LETICIA ALVES TEIXEIRA (29795).contact</t>
  </si>
  <si>
    <t>\\acsfs\profiles$\leticiaat\Contacts\LETICIA ALVES TEIXEIRA (29795).contact</t>
  </si>
  <si>
    <t>01/25/2020 10:13:38</t>
  </si>
  <si>
    <t>01/25/2020 10:14:04</t>
  </si>
  <si>
    <t>\\acsfs\profiles$\leticiaat\My Documents\My Videos\</t>
  </si>
  <si>
    <t>\\acsfs\profiles$\leticiaat\My Documents\My Videos\desktop.ini</t>
  </si>
  <si>
    <t>01/25/2020 10:14:05</t>
  </si>
  <si>
    <t>\\acsfs\profiles$\leticiaat\My Documents\My Pictures\</t>
  </si>
  <si>
    <t>\\acsfs\profiles$\leticiaat\My Documents\My Pictures\desktop.ini</t>
  </si>
  <si>
    <t>01/25/2020 10:14:06</t>
  </si>
  <si>
    <t>01/25/2020 10:15:19</t>
  </si>
  <si>
    <t>\\acsfs\profiles$\leticiaat\Contacts\desktop.ini</t>
  </si>
  <si>
    <t>01/25/2020 10:14:07</t>
  </si>
  <si>
    <t>\\acsfs\profiles$\leticiaat\Favorites\</t>
  </si>
  <si>
    <t>\\acsfs\profiles$\leticiaat\Favorites\desktop.ini</t>
  </si>
  <si>
    <t>01/25/2020 10:14:08</t>
  </si>
  <si>
    <t>\\acsfs\profiles$\leticiaat\My Documents\My Music\</t>
  </si>
  <si>
    <t>\\acsfs\profiles$\leticiaat\My Documents\My Music\desktop.ini</t>
  </si>
  <si>
    <t>01/25/2020 10:14:09</t>
  </si>
  <si>
    <t>\\acsfs\profiles$\leticiaat\Searches\</t>
  </si>
  <si>
    <t>\\acsfs\profiles$\leticiaat\Searches\desktop.ini</t>
  </si>
  <si>
    <t>01/25/2020 10:14:10</t>
  </si>
  <si>
    <t>\\acsfs\profiles$\leticiaat\Downloads\</t>
  </si>
  <si>
    <t>\\acsfs\profiles$\leticiaat\Downloads\desktop.ini</t>
  </si>
  <si>
    <t>\\acsfs\profiles$\leticiaat\My Documents\</t>
  </si>
  <si>
    <t>\\acsfs\profiles$\leticiaat\My Documents\desktop.ini</t>
  </si>
  <si>
    <t>01/25/2020 10:14:11</t>
  </si>
  <si>
    <t>01/25/2020 10:14:36</t>
  </si>
  <si>
    <t>01/25/2020 10:17:18</t>
  </si>
  <si>
    <t>01/25/2020 10:12:56</t>
  </si>
  <si>
    <t>01/25/2020 10:18:18</t>
  </si>
  <si>
    <t>5056631d-2cbe-4e2c-ba8e-d3eae049d992.tmp</t>
  </si>
  <si>
    <t>\\acsfs\profiles$\geovannasm\Downloads\5056631d-2cbe-4e2c-ba8e-d3eae049d992.tmp</t>
  </si>
  <si>
    <t>01/25/2020 10:14:15</t>
  </si>
  <si>
    <t>6569201a-2372-499b-a39f-ac2ac7c35dd0.tmp</t>
  </si>
  <si>
    <t>\\acsfs\profiles$\geovannasm\Downloads\6569201a-2372-499b-a39f-ac2ac7c35dd0.tmp</t>
  </si>
  <si>
    <t>01/25/2020 10:14:52</t>
  </si>
  <si>
    <t>c20f9cc6-9258-408b-853d-996245797bf5.tmp</t>
  </si>
  <si>
    <t>\\acsfs\profiles$\geovannasm\Downloads\c20f9cc6-9258-408b-853d-996245797bf5.tmp</t>
  </si>
  <si>
    <t>01/25/2020 10:20:18</t>
  </si>
  <si>
    <t>01/25/2020 10:14:12</t>
  </si>
  <si>
    <t>\\acsfs\profiles$\leticiaat\Saved Games\</t>
  </si>
  <si>
    <t>\\acsfs\profiles$\leticiaat\Saved Games\desktop.ini</t>
  </si>
  <si>
    <t>01/25/2020 10:15:08</t>
  </si>
  <si>
    <t>\\acsfs\profiles$\leticiaat\Favorites\Links for Brasil\</t>
  </si>
  <si>
    <t>\\acsfs\profiles$\leticiaat\Favorites\Links for Brasil\desktop.ini</t>
  </si>
  <si>
    <t>01/25/2020 10:15:09</t>
  </si>
  <si>
    <t>\\acsfs\profiles$\leticiaat\Favorites\Links for Brasil\Microsoft Brasil.url</t>
  </si>
  <si>
    <t>01/25/2020 10:15:10</t>
  </si>
  <si>
    <t>\\acsfs\profiles$\leticiaat\Favorites\Links for Brasil\Windows Brasil.url</t>
  </si>
  <si>
    <t>01/25/2020 10:15:12</t>
  </si>
  <si>
    <t>\\acsfs\profiles$\leticiaat\Favorites\Links for Brasil\MSN Brasil.url</t>
  </si>
  <si>
    <t>01/25/2020 10:18:19</t>
  </si>
  <si>
    <t>01/25/2020 10:22:18</t>
  </si>
  <si>
    <t>01/25/2020 10:18:20</t>
  </si>
  <si>
    <t>lu18120spj5e.tmp</t>
  </si>
  <si>
    <t>\\acsfs\profiles$\Flaviojmm\My Documents\lu18120spj5e.tmp</t>
  </si>
  <si>
    <t>\\acsfs\profiles$\Flaviojmm\My Documents\lu18120spj5e.tmp\</t>
  </si>
  <si>
    <t>\\acsfs\profiles$\Flaviojmm\My Documents\lu18120spj5e.tmp\META-INF\</t>
  </si>
  <si>
    <t>\\acsfs\profiles$\Flaviojmm\My Documents\lu18120spj5e.tmp\Thumbnails\</t>
  </si>
  <si>
    <t>01/25/2020 10:19:41</t>
  </si>
  <si>
    <t>01/25/2020 10:23:18</t>
  </si>
  <si>
    <t>10c87e0f-c7ca-4619-ab02-b9c0963c14d4.tmp</t>
  </si>
  <si>
    <t>\\acsfs\profiles$\websondsa\Downloads\10c87e0f-c7ca-4619-ab02-b9c0963c14d4.tmp</t>
  </si>
  <si>
    <t>01/25/2020 10:17:47</t>
  </si>
  <si>
    <t>267e9793-4e7c-4ea3-9615-13e6ce573d30.tmp</t>
  </si>
  <si>
    <t>\\acsfs\profiles$\geovannasm\Downloads\267e9793-4e7c-4ea3-9615-13e6ce573d30.tmp</t>
  </si>
  <si>
    <t>01/25/2020 10:18:50</t>
  </si>
  <si>
    <t>e87935f1-80a2-40dd-8526-47715ed3cbf0.tmp</t>
  </si>
  <si>
    <t>\\acsfs\profiles$\geovannasm\Downloads\e87935f1-80a2-40dd-8526-47715ed3cbf0.tmp</t>
  </si>
  <si>
    <t>01/25/2020 10:19:37</t>
  </si>
  <si>
    <t>1810d232-3050-40f0-a260-87d812536089.tmp</t>
  </si>
  <si>
    <t>\\acsfs\profiles$\geovannasm\Downloads\1810d232-3050-40f0-a260-87d812536089.tmp</t>
  </si>
  <si>
    <t>01/25/2020 10:26:08</t>
  </si>
  <si>
    <t>01/25/2020 10:31:18</t>
  </si>
  <si>
    <t>lu91241rp5e.tmp</t>
  </si>
  <si>
    <t>\\acsfs\profiles$\dhiulliananads\My Documents\lu91241rp5e.tmp</t>
  </si>
  <si>
    <t>\\acsfs\profiles$\dhiulliananads\My Documents\lu91241rp5e.tmp\</t>
  </si>
  <si>
    <t>\\acsfs\profiles$\dhiulliananads\My Documents\lu91241rp5e.tmp\META-INF\</t>
  </si>
  <si>
    <t>01/25/2020 10:26:09</t>
  </si>
  <si>
    <t>\\acsfs\profiles$\dhiulliananads\My Documents\lu91241rp5e.tmp\Thumbnails\</t>
  </si>
  <si>
    <t>01/25/2020 10:47:42</t>
  </si>
  <si>
    <t>01/25/2020 10:53:18</t>
  </si>
  <si>
    <t>f65b9563-2a33-4967-a3dd-3055cee519bd.tmp</t>
  </si>
  <si>
    <t>\\acsfs\profiles$\geovannasm\Downloads\f65b9563-2a33-4967-a3dd-3055cee519bd.tmp</t>
  </si>
  <si>
    <t>01/25/2020 10:52:04</t>
  </si>
  <si>
    <t>01/25/2020 10:56:18</t>
  </si>
  <si>
    <t>01/25/2020 10:52:06</t>
  </si>
  <si>
    <t>01/25/2020 10:52:08</t>
  </si>
  <si>
    <t>01/25/2020 10:58:38</t>
  </si>
  <si>
    <t>01/25/2020 11:01:18</t>
  </si>
  <si>
    <t>lu91241rp5j.tmp</t>
  </si>
  <si>
    <t>\\acsfs\profiles$\dhiulliananads\My Documents\lu91241rp5j.tmp</t>
  </si>
  <si>
    <t>\\acsfs\profiles$\dhiulliananads\My Documents\lu91241rp5j.tmp\</t>
  </si>
  <si>
    <t>\\acsfs\profiles$\dhiulliananads\My Documents\lu91241rp5j.tmp\META-INF\</t>
  </si>
  <si>
    <t>\\acsfs\profiles$\dhiulliananads\My Documents\lu91241rp5j.tmp\Thumbnails\</t>
  </si>
  <si>
    <t>01/25/2020 11:11:54</t>
  </si>
  <si>
    <t>01/25/2020 11:15:18</t>
  </si>
  <si>
    <t>1d912aef-cf01-45e4-8de1-430f2f8095cf.tmp</t>
  </si>
  <si>
    <t>\\acsfs\profiles$\ALYNYA\Downloads\1d912aef-cf01-45e4-8de1-430f2f8095cf.tmp</t>
  </si>
  <si>
    <t>01/25/2020 11:13:18</t>
  </si>
  <si>
    <t>01/25/2020 11:17:19</t>
  </si>
  <si>
    <t>01/25/2020 11:13:19</t>
  </si>
  <si>
    <t>lu18120spj5v.tmp</t>
  </si>
  <si>
    <t>\\acsfs\profiles$\Flaviojmm\My Documents\lu18120spj5v.tmp</t>
  </si>
  <si>
    <t>\\acsfs\profiles$\Flaviojmm\My Documents\lu18120spj5v.tmp\</t>
  </si>
  <si>
    <t>01/25/2020 11:13:20</t>
  </si>
  <si>
    <t>\\acsfs\profiles$\Flaviojmm\My Documents\lu18120spj5v.tmp\META-INF\</t>
  </si>
  <si>
    <t>\\acsfs\profiles$\Flaviojmm\My Documents\lu18120spj5v.tmp\Thumbnails\</t>
  </si>
  <si>
    <t>01/25/2020 11:31:10</t>
  </si>
  <si>
    <t>01/25/2020 11:33:19</t>
  </si>
  <si>
    <t>c183eeb8-899e-4bf0-a235-1ef9baef91bf.tmp</t>
  </si>
  <si>
    <t>\\acsfs\profiles$\geovannasm\Downloads\c183eeb8-899e-4bf0-a235-1ef9baef91bf.tmp</t>
  </si>
  <si>
    <t>01/25/2020 11:32:21</t>
  </si>
  <si>
    <t>DJ%20Guuga%20e%20MC%20Pierre%20-%20Elas%20Tão%20Pedindo%20Obrigado%20( (1).83vomz3.partial</t>
  </si>
  <si>
    <t>\\acsfs\profiles$\nathalydds\Downloads\DJ%20Guuga%20e%20MC%20Pierre%20-%20Elas%20Tão%20Pedindo%20Obrigado%20( (1).83vomz3.partial</t>
  </si>
  <si>
    <t>01/25/2020 11:36:13</t>
  </si>
  <si>
    <t>01/25/2020 11:39:20</t>
  </si>
  <si>
    <t>1fe66700-c14f-475e-81a4-1aea2e9d4161.tmp</t>
  </si>
  <si>
    <t>\\acsfs\profiles$\BRUNAAR\Downloads\1fe66700-c14f-475e-81a4-1aea2e9d4161.tmp</t>
  </si>
  <si>
    <t>01/25/2020 11:43:17</t>
  </si>
  <si>
    <t>01/25/2020 11:45:19</t>
  </si>
  <si>
    <t>01/25/2020 11:43:18</t>
  </si>
  <si>
    <t>lu1067250uuf.tmp</t>
  </si>
  <si>
    <t>\\acsfs\profiles$\BRUNAAR\Numero\lu1067250uuf.tmp</t>
  </si>
  <si>
    <t>01/25/2020 11:46:19</t>
  </si>
  <si>
    <t>01/25/2020 11:43:45</t>
  </si>
  <si>
    <t>01/25/2020 11:45:47</t>
  </si>
  <si>
    <t>01/25/2020 11:47:19</t>
  </si>
  <si>
    <t>01/25/2020 11:46:03</t>
  </si>
  <si>
    <t>01/25/2020 11:48:19</t>
  </si>
  <si>
    <t>a1832e4a-d322-4536-a2ec-a75f103a026e.tmp</t>
  </si>
  <si>
    <t>\\acsfs\profiles$\geovannasm\Downloads\a1832e4a-d322-4536-a2ec-a75f103a026e.tmp</t>
  </si>
  <si>
    <t>01/25/2020 11:47:28</t>
  </si>
  <si>
    <t>865797a7-2702-477d-8f95-253d9c9734e0.tmp</t>
  </si>
  <si>
    <t>\\acsfs\profiles$\geovannasm\Downloads\865797a7-2702-477d-8f95-253d9c9734e0.tmp</t>
  </si>
  <si>
    <t>01/25/2020 11:53:21</t>
  </si>
  <si>
    <t>01/25/2020 11:56:19</t>
  </si>
  <si>
    <t>01/25/2020 11:53:22</t>
  </si>
  <si>
    <t>lu91241rp5o.tmp</t>
  </si>
  <si>
    <t>\\acsfs\profiles$\dhiulliananads\My Documents\lu91241rp5o.tmp</t>
  </si>
  <si>
    <t>\\acsfs\profiles$\dhiulliananads\My Documents\lu91241rp5o.tmp\</t>
  </si>
  <si>
    <t>\\acsfs\profiles$\dhiulliananads\My Documents\lu91241rp5o.tmp\META-INF\</t>
  </si>
  <si>
    <t>\\acsfs\profiles$\dhiulliananads\My Documents\lu91241rp5o.tmp\Thumbnails\</t>
  </si>
  <si>
    <t>01/25/2020 12:01:00</t>
  </si>
  <si>
    <t>01/25/2020 12:03:19</t>
  </si>
  <si>
    <t>15314da0-ec52-4c13-8d94-aa9b36708110.tmp</t>
  </si>
  <si>
    <t>\\acsfs\profiles$\geovannasm\Downloads\15314da0-ec52-4c13-8d94-aa9b36708110.tmp</t>
  </si>
  <si>
    <t>01/25/2020 12:13:47</t>
  </si>
  <si>
    <t>01/25/2020 12:18:20</t>
  </si>
  <si>
    <t>Sofro (1).t1ormdg.partial</t>
  </si>
  <si>
    <t>\\acsfs\profiles$\nathalydds\Downloads\Sofro (1).t1ormdg.partial</t>
  </si>
  <si>
    <t>01/25/2020 12:16:45</t>
  </si>
  <si>
    <t>01/25/2020 12:20:19</t>
  </si>
  <si>
    <t>6435cd7b-6a41-4434-8cf2-57c787188271.tmp</t>
  </si>
  <si>
    <t>\\acsfs\profiles$\ALYNYA\Downloads\6435cd7b-6a41-4434-8cf2-57c787188271.tmp</t>
  </si>
  <si>
    <t>01/25/2020 12:24:21</t>
  </si>
  <si>
    <t>01/25/2020 12:26:19</t>
  </si>
  <si>
    <t>01/25/2020 12:24:23</t>
  </si>
  <si>
    <t>01/25/2020 12:29:44</t>
  </si>
  <si>
    <t>01/25/2020 12:31:19</t>
  </si>
  <si>
    <t>978a1c86-2be0-4b71-82c6-74beacd1114d.tmp</t>
  </si>
  <si>
    <t>\\acsfs\profiles$\dhiulliananads\Downloads\978a1c86-2be0-4b71-82c6-74beacd1114d.tmp</t>
  </si>
  <si>
    <t>01/25/2020 12:28:59</t>
  </si>
  <si>
    <t>d0e733b6-d51f-45a8-a8bd-10a329606dce.tmp</t>
  </si>
  <si>
    <t>\\acsfs\profiles$\nataliacsl\Downloads\d0e733b6-d51f-45a8-a8bd-10a329606dce.tmp</t>
  </si>
  <si>
    <t>01/25/2020 12:40:05</t>
  </si>
  <si>
    <t>01/25/2020 12:40:19</t>
  </si>
  <si>
    <t>lu20156115159.tmp</t>
  </si>
  <si>
    <t>\\acsfs\profiles$\ALYNYA\My Documents\lu20156115159.tmp</t>
  </si>
  <si>
    <t>\\acsfs\profiles$\ALYNYA\My Documents\lu20156115159.tmp\</t>
  </si>
  <si>
    <t>\\acsfs\profiles$\ALYNYA\My Documents\lu20156115159.tmp\META-INF\</t>
  </si>
  <si>
    <t>\\acsfs\profiles$\ALYNYA\My Documents\lu20156115159.tmp\Thumbnails\</t>
  </si>
  <si>
    <t>01/25/2020 12:39:37</t>
  </si>
  <si>
    <t>01/25/2020 12:43:19</t>
  </si>
  <si>
    <t>f3a0ecce-d4e2-46f6-b242-2c97a49cec12.tmp</t>
  </si>
  <si>
    <t>\\acsfs\profiles$\geovannasm\Downloads\f3a0ecce-d4e2-46f6-b242-2c97a49cec12.tmp</t>
  </si>
  <si>
    <t>01/25/2020 12:38:42</t>
  </si>
  <si>
    <t>a5409725-315d-42bc-9ef3-cf8d832cc72c.tmp</t>
  </si>
  <si>
    <t>\\acsfs\profiles$\marcellewdl\Downloads\a5409725-315d-42bc-9ef3-cf8d832cc72c.tmp</t>
  </si>
  <si>
    <t>01/25/2020 12:43:16</t>
  </si>
  <si>
    <t>01/25/2020 12:46:19</t>
  </si>
  <si>
    <t>01/25/2020 12:43:17</t>
  </si>
  <si>
    <t>lu91241rp5t.tmp</t>
  </si>
  <si>
    <t>\\acsfs\profiles$\dhiulliananads\My Documents\lu91241rp5t.tmp</t>
  </si>
  <si>
    <t>\\acsfs\profiles$\dhiulliananads\My Documents\lu91241rp5t.tmp\</t>
  </si>
  <si>
    <t>\\acsfs\profiles$\dhiulliananads\My Documents\lu91241rp5t.tmp\META-INF\</t>
  </si>
  <si>
    <t>\\acsfs\profiles$\dhiulliananads\My Documents\lu91241rp5t.tmp\Thumbnails\</t>
  </si>
  <si>
    <t>01/25/2020 12:44:14</t>
  </si>
  <si>
    <t>01/25/2020 12:48:19</t>
  </si>
  <si>
    <t>Surtada (Remix Brega Funk) (1).8trj7y9.partial</t>
  </si>
  <si>
    <t>\\acsfs\profiles$\nathalydds\Downloads\Surtada (Remix Brega Funk) (1).8trj7y9.partial</t>
  </si>
  <si>
    <t>01/25/2020 12:50:37</t>
  </si>
  <si>
    <t>01/25/2020 12:52:19</t>
  </si>
  <si>
    <t>01/25/2020 12:50:38</t>
  </si>
  <si>
    <t>lu18120spj6c.tmp</t>
  </si>
  <si>
    <t>\\acsfs\profiles$\Flaviojmm\My Documents\lu18120spj6c.tmp</t>
  </si>
  <si>
    <t>\\acsfs\profiles$\Flaviojmm\My Documents\lu18120spj6c.tmp\</t>
  </si>
  <si>
    <t>\\acsfs\profiles$\Flaviojmm\My Documents\lu18120spj6c.tmp\META-INF\</t>
  </si>
  <si>
    <t>\\acsfs\profiles$\Flaviojmm\My Documents\lu18120spj6c.tmp\Thumbnails\</t>
  </si>
  <si>
    <t>01/25/2020 13:06:20</t>
  </si>
  <si>
    <t>01/25/2020 13:04:23</t>
  </si>
  <si>
    <t>6da26927-cc84-4edc-898e-7dc50c810f6f.tmp</t>
  </si>
  <si>
    <t>\\acsfs\profiles$\laylaams\Downloads\6da26927-cc84-4edc-898e-7dc50c810f6f.tmp</t>
  </si>
  <si>
    <t>01/25/2020 13:06:04</t>
  </si>
  <si>
    <t>01/25/2020 13:11:19</t>
  </si>
  <si>
    <t>50b6dd48-a552-4108-b5bc-f563c2caa23f.tmp</t>
  </si>
  <si>
    <t>\\acsfs\profiles$\laylaams\Downloads\50b6dd48-a552-4108-b5bc-f563c2caa23f.tmp</t>
  </si>
  <si>
    <t>01/25/2020 13:21:15</t>
  </si>
  <si>
    <t>01/25/2020 13:22:19</t>
  </si>
  <si>
    <t>01/25/2020 13:21:16</t>
  </si>
  <si>
    <t>lu18120spj6l.tmp</t>
  </si>
  <si>
    <t>\\acsfs\profiles$\Flaviojmm\My Documents\lu18120spj6l.tmp</t>
  </si>
  <si>
    <t>\\acsfs\profiles$\Flaviojmm\My Documents\lu18120spj6l.tmp\</t>
  </si>
  <si>
    <t>\\acsfs\profiles$\Flaviojmm\My Documents\lu18120spj6l.tmp\META-INF\</t>
  </si>
  <si>
    <t>\\acsfs\profiles$\Flaviojmm\My Documents\lu18120spj6l.tmp\Thumbnails\</t>
  </si>
  <si>
    <t>01/25/2020 13:25:00</t>
  </si>
  <si>
    <t>01/25/2020 13:28:21</t>
  </si>
  <si>
    <t>75ff24cf-3777-48b1-87cc-fdc956022315.tmp</t>
  </si>
  <si>
    <t>\\acsfs\profiles$\geovannasm\Downloads\75ff24cf-3777-48b1-87cc-fdc956022315.tmp</t>
  </si>
  <si>
    <t>01/25/2020 13:25:10</t>
  </si>
  <si>
    <t>78002e05-ef32-4e72-8b97-712ac27b6e3c.tmp</t>
  </si>
  <si>
    <t>\\acsfs\profiles$\geovannasm\Downloads\78002e05-ef32-4e72-8b97-712ac27b6e3c.tmp</t>
  </si>
  <si>
    <t>01/25/2020 13:27:02</t>
  </si>
  <si>
    <t>01/25/2020 13:31:20</t>
  </si>
  <si>
    <t>lu91241rp5y.tmp</t>
  </si>
  <si>
    <t>\\acsfs\profiles$\dhiulliananads\My Documents\lu91241rp5y.tmp</t>
  </si>
  <si>
    <t>\\acsfs\profiles$\dhiulliananads\My Documents\lu91241rp5y.tmp\</t>
  </si>
  <si>
    <t>\\acsfs\profiles$\dhiulliananads\My Documents\lu91241rp5y.tmp\META-INF\</t>
  </si>
  <si>
    <t>\\acsfs\profiles$\dhiulliananads\My Documents\lu91241rp5y.tmp\Thumbnails\</t>
  </si>
  <si>
    <t>01/25/2020 13:38:48</t>
  </si>
  <si>
    <t>01/25/2020 13:43:20</t>
  </si>
  <si>
    <t>02881481-1b69-4a0a-9230-05805fb66c63.tmp</t>
  </si>
  <si>
    <t>\\acsfs\profiles$\marcellewdl\Downloads\02881481-1b69-4a0a-9230-05805fb66c63.tmp</t>
  </si>
  <si>
    <t>01/25/2020 13:42:59</t>
  </si>
  <si>
    <t>01/25/2020 13:46:20</t>
  </si>
  <si>
    <t>7c4040a9-b33d-46c4-9851-6eb7ab1b0dd1.tmp</t>
  </si>
  <si>
    <t>\\acsfs\profiles$\nataliacsl\Downloads\7c4040a9-b33d-46c4-9851-6eb7ab1b0dd1.tmp</t>
  </si>
  <si>
    <t>01/25/2020 13:44:58</t>
  </si>
  <si>
    <t>01/25/2020 13:47:21</t>
  </si>
  <si>
    <t>01/25/2020 13:45:00</t>
  </si>
  <si>
    <t>lu18120spj6u.tmp</t>
  </si>
  <si>
    <t>\\acsfs\profiles$\Flaviojmm\My Documents\lu18120spj6u.tmp</t>
  </si>
  <si>
    <t>\\acsfs\profiles$\Flaviojmm\My Documents\lu18120spj6u.tmp\</t>
  </si>
  <si>
    <t>\\acsfs\profiles$\Flaviojmm\My Documents\lu18120spj6u.tmp\META-INF\</t>
  </si>
  <si>
    <t>\\acsfs\profiles$\Flaviojmm\My Documents\lu18120spj6u.tmp\Thumbnails\</t>
  </si>
  <si>
    <t>01/25/2020 13:47:52</t>
  </si>
  <si>
    <t>01/25/2020 13:52:21</t>
  </si>
  <si>
    <t>lu91241rp63.tmp</t>
  </si>
  <si>
    <t>\\acsfs\profiles$\dhiulliananads\My Documents\lu91241rp63.tmp</t>
  </si>
  <si>
    <t>\\acsfs\profiles$\dhiulliananads\My Documents\lu91241rp63.tmp\</t>
  </si>
  <si>
    <t>\\acsfs\profiles$\dhiulliananads\My Documents\lu91241rp63.tmp\META-INF\</t>
  </si>
  <si>
    <t>\\acsfs\profiles$\dhiulliananads\My Documents\lu91241rp63.tmp\Thumbnails\</t>
  </si>
  <si>
    <t>01/25/2020 13:52:08</t>
  </si>
  <si>
    <t>01/25/2020 13:57:20</t>
  </si>
  <si>
    <t>4040e92a-b156-46de-afbe-3bbcee2b5e8f.tmp</t>
  </si>
  <si>
    <t>\\acsfs\profiles$\paulovadc\Downloads\4040e92a-b156-46de-afbe-3bbcee2b5e8f.tmp</t>
  </si>
  <si>
    <t>01/25/2020 14:03:58</t>
  </si>
  <si>
    <t>01/25/2020 14:05:20</t>
  </si>
  <si>
    <t>c224046e-5441-4e1b-9360-ca135cf1d63e.tmp</t>
  </si>
  <si>
    <t>\\acsfs\profiles$\erichds\Downloads\c224046e-5441-4e1b-9360-ca135cf1d63e.tmp</t>
  </si>
  <si>
    <t>01/25/2020 14:10:21</t>
  </si>
  <si>
    <t>01/25/2020 14:05:48</t>
  </si>
  <si>
    <t>e7c97a6b-3865-40ad-82b1-5d88e529ce68.tmp</t>
  </si>
  <si>
    <t>\\acsfs\profiles$\erichds\Downloads\e7c97a6b-3865-40ad-82b1-5d88e529ce68.tmp</t>
  </si>
  <si>
    <t>01/25/2020 14:06:03</t>
  </si>
  <si>
    <t>01/25/2020 14:11:20</t>
  </si>
  <si>
    <t>537c5120-f692-479e-bdff-6a05f706c577.tmp</t>
  </si>
  <si>
    <t>\\acsfs\profiles$\nataliacsl\Downloads\537c5120-f692-479e-bdff-6a05f706c577.tmp</t>
  </si>
  <si>
    <t>01/25/2020 14:10:19</t>
  </si>
  <si>
    <t>266d52ea-4f2d-4fc1-aa5c-c017f18e8b21.tmp</t>
  </si>
  <si>
    <t>\\acsfs\profiles$\nataliacsl\Downloads\266d52ea-4f2d-4fc1-aa5c-c017f18e8b21.tmp</t>
  </si>
  <si>
    <t>01/25/2020 14:10:47</t>
  </si>
  <si>
    <t>01/25/2020 14:14:22</t>
  </si>
  <si>
    <t>0db972e1-0405-4680-ac1b-fe6916c3c48c.tmp</t>
  </si>
  <si>
    <t>\\acsfs\profiles$\felipetds\Downloads\0db972e1-0405-4680-ac1b-fe6916c3c48c.tmp</t>
  </si>
  <si>
    <t>01/25/2020 14:13:31</t>
  </si>
  <si>
    <t>01/25/2020 14:16:22</t>
  </si>
  <si>
    <t>2034ffbe-bf0b-40d2-9210-29995ae42864.tmp</t>
  </si>
  <si>
    <t>\\acsfs\profiles$\nataliacsl\Downloads\2034ffbe-bf0b-40d2-9210-29995ae42864.tmp</t>
  </si>
  <si>
    <t>01/25/2020 14:14:24</t>
  </si>
  <si>
    <t>01/25/2020 14:18:21</t>
  </si>
  <si>
    <t>01/25/2020 14:17:56</t>
  </si>
  <si>
    <t>01/25/2020 14:20:21</t>
  </si>
  <si>
    <t>lu1781211zdsm.tmp</t>
  </si>
  <si>
    <t>\\acsfs\profiles$\luanarda\lu1781211zdsm.tmp</t>
  </si>
  <si>
    <t>\\acsfs\profiles$\luanarda\lu1781211zdsm.tmp\</t>
  </si>
  <si>
    <t>\\acsfs\profiles$\luanarda\lu1781211zdsm.tmp\META-INF\</t>
  </si>
  <si>
    <t>\\acsfs\profiles$\luanarda\lu1781211zdsm.tmp\Thumbnails\</t>
  </si>
  <si>
    <t>01/25/2020 14:19:10</t>
  </si>
  <si>
    <t>01/25/2020 14:23:22</t>
  </si>
  <si>
    <t>vivianibfs</t>
  </si>
  <si>
    <t>\\acsfs\profiles$\vivianibfs\Downloads\</t>
  </si>
  <si>
    <t>7b133ac9-f8d3-48aa-8c07-543eb991a888.tmp</t>
  </si>
  <si>
    <t>\\acsfs\profiles$\vivianibfs\Downloads\7b133ac9-f8d3-48aa-8c07-543eb991a888.tmp</t>
  </si>
  <si>
    <t>01/25/2020 14:19:16</t>
  </si>
  <si>
    <t>9928fd71-3374-4246-bfc3-43d3cb0bed3c.tmp</t>
  </si>
  <si>
    <t>\\acsfs\profiles$\vivianibfs\Downloads\9928fd71-3374-4246-bfc3-43d3cb0bed3c.tmp</t>
  </si>
  <si>
    <t>01/25/2020 14:19:39</t>
  </si>
  <si>
    <t>b6d2f857-2d4b-48be-b579-e5a89c3fa44a.tmp</t>
  </si>
  <si>
    <t>\\acsfs\profiles$\vivianibfs\Downloads\b6d2f857-2d4b-48be-b579-e5a89c3fa44a.tmp</t>
  </si>
  <si>
    <t>01/25/2020 14:21:05</t>
  </si>
  <si>
    <t>e5e5901c-9e8a-4fa4-9aeb-d9024dce0d16.tmp</t>
  </si>
  <si>
    <t>\\acsfs\profiles$\vivianibfs\Downloads\e5e5901c-9e8a-4fa4-9aeb-d9024dce0d16.tmp</t>
  </si>
  <si>
    <t>01/25/2020 14:21:25</t>
  </si>
  <si>
    <t>ce17dd62-08e7-44c9-aaa0-8aa6d0e734f6.tmp</t>
  </si>
  <si>
    <t>\\acsfs\profiles$\vivianibfs\Downloads\ce17dd62-08e7-44c9-aaa0-8aa6d0e734f6.tmp</t>
  </si>
  <si>
    <t>01/25/2020 14:39:25</t>
  </si>
  <si>
    <t>01/25/2020 14:42:22</t>
  </si>
  <si>
    <t>01/25/2020 14:39:26</t>
  </si>
  <si>
    <t>lu18120spj7f.tmp</t>
  </si>
  <si>
    <t>\\acsfs\profiles$\Flaviojmm\My Documents\lu18120spj7f.tmp</t>
  </si>
  <si>
    <t>\\acsfs\profiles$\Flaviojmm\My Documents\lu18120spj7f.tmp\</t>
  </si>
  <si>
    <t>\\acsfs\profiles$\Flaviojmm\My Documents\lu18120spj7f.tmp\META-INF\</t>
  </si>
  <si>
    <t>\\acsfs\profiles$\Flaviojmm\My Documents\lu18120spj7f.tmp\Thumbnails\</t>
  </si>
  <si>
    <t>01/25/2020 14:42:52</t>
  </si>
  <si>
    <t>01/25/2020 14:47:22</t>
  </si>
  <si>
    <t>01/25/2020 14:42:53</t>
  </si>
  <si>
    <t>lu18120spj7k.tmp</t>
  </si>
  <si>
    <t>\\acsfs\profiles$\Flaviojmm\My Documents\lu18120spj7k.tmp</t>
  </si>
  <si>
    <t>\\acsfs\profiles$\Flaviojmm\My Documents\lu18120spj7k.tmp\</t>
  </si>
  <si>
    <t>\\acsfs\profiles$\Flaviojmm\My Documents\lu18120spj7k.tmp\META-INF\</t>
  </si>
  <si>
    <t>\\acsfs\profiles$\Flaviojmm\My Documents\lu18120spj7k.tmp\Thumbnails\</t>
  </si>
  <si>
    <t>01/25/2020 14:46:13</t>
  </si>
  <si>
    <t>01/25/2020 14:46:14</t>
  </si>
  <si>
    <t>lu18120spj7p.tmp</t>
  </si>
  <si>
    <t>\\acsfs\profiles$\Flaviojmm\My Documents\lu18120spj7p.tmp</t>
  </si>
  <si>
    <t>\\acsfs\profiles$\Flaviojmm\My Documents\lu18120spj7p.tmp\</t>
  </si>
  <si>
    <t>\\acsfs\profiles$\Flaviojmm\My Documents\lu18120spj7p.tmp\META-INF\</t>
  </si>
  <si>
    <t>\\acsfs\profiles$\Flaviojmm\My Documents\lu18120spj7p.tmp\Thumbnails\</t>
  </si>
  <si>
    <t>01/25/2020 14:53:49</t>
  </si>
  <si>
    <t>01/25/2020 14:55:21</t>
  </si>
  <si>
    <t>0566cb1d-9862-49f9-8e16-fc8fe2c14bf2.tmp</t>
  </si>
  <si>
    <t>\\acsfs\profiles$\fernandofs\Downloads\0566cb1d-9862-49f9-8e16-fc8fe2c14bf2.tmp</t>
  </si>
  <si>
    <t>01/25/2020 14:53:55</t>
  </si>
  <si>
    <t>b6804005-5acd-4068-b616-45ac3e3bc930.tmp</t>
  </si>
  <si>
    <t>\\acsfs\profiles$\fernandofs\Downloads\b6804005-5acd-4068-b616-45ac3e3bc930.tmp</t>
  </si>
  <si>
    <t>01/25/2020 14:57:52</t>
  </si>
  <si>
    <t>01/25/2020 14:59:22</t>
  </si>
  <si>
    <t>01/25/2020 15:04:56</t>
  </si>
  <si>
    <t>01/25/2020 15:07:22</t>
  </si>
  <si>
    <t>01/25/2020 15:07:46</t>
  </si>
  <si>
    <t>01/25/2020 15:09:21</t>
  </si>
  <si>
    <t>01/25/2020 15:13:00</t>
  </si>
  <si>
    <t>01/25/2020 15:17:21</t>
  </si>
  <si>
    <t>01/25/2020 15:13:02</t>
  </si>
  <si>
    <t>lu18120spj82.tmp</t>
  </si>
  <si>
    <t>\\acsfs\profiles$\Flaviojmm\My Documents\lu18120spj82.tmp</t>
  </si>
  <si>
    <t>\\acsfs\profiles$\Flaviojmm\My Documents\lu18120spj82.tmp\</t>
  </si>
  <si>
    <t>\\acsfs\profiles$\Flaviojmm\My Documents\lu18120spj82.tmp\META-INF\</t>
  </si>
  <si>
    <t>\\acsfs\profiles$\Flaviojmm\My Documents\lu18120spj82.tmp\Thumbnails\</t>
  </si>
  <si>
    <t>01/25/2020 15:13:57</t>
  </si>
  <si>
    <t>01/25/2020 15:18:22</t>
  </si>
  <si>
    <t>70595e3e-f933-4bfb-bf5f-5c07d7eb20ee.tmp</t>
  </si>
  <si>
    <t>\\acsfs\profiles$\geovannasm\Downloads\70595e3e-f933-4bfb-bf5f-5c07d7eb20ee.tmp</t>
  </si>
  <si>
    <t>01/25/2020 15:18:05</t>
  </si>
  <si>
    <t>01/25/2020 15:23:21</t>
  </si>
  <si>
    <t>5f4abeb0-1c86-49c1-941c-b0e288e3fa9b.tmp</t>
  </si>
  <si>
    <t>\\acsfs\profiles$\websondsa\Downloads\5f4abeb0-1c86-49c1-941c-b0e288e3fa9b.tmp</t>
  </si>
  <si>
    <t>01/25/2020 15:19:15</t>
  </si>
  <si>
    <t>52eb9485-a17c-41e3-93f0-6f95d60cdc8c.tmp</t>
  </si>
  <si>
    <t>\\acsfs\profiles$\laurandos\Downloads\52eb9485-a17c-41e3-93f0-6f95d60cdc8c.tmp</t>
  </si>
  <si>
    <t>01/25/2020 15:20:09</t>
  </si>
  <si>
    <t>b924a1fb-6192-4449-8f28-b0fb95eb245f.tmp</t>
  </si>
  <si>
    <t>\\acsfs\profiles$\laurandos\Downloads\b924a1fb-6192-4449-8f28-b0fb95eb245f.tmp</t>
  </si>
  <si>
    <t>01/25/2020 15:22:19</t>
  </si>
  <si>
    <t>01/25/2020 15:27:21</t>
  </si>
  <si>
    <t>01/25/2020 15:22:20</t>
  </si>
  <si>
    <t>lu18120spj87.tmp</t>
  </si>
  <si>
    <t>\\acsfs\profiles$\Flaviojmm\My Documents\lu18120spj87.tmp</t>
  </si>
  <si>
    <t>\\acsfs\profiles$\Flaviojmm\My Documents\lu18120spj87.tmp\</t>
  </si>
  <si>
    <t>\\acsfs\profiles$\Flaviojmm\My Documents\lu18120spj87.tmp\META-INF\</t>
  </si>
  <si>
    <t>\\acsfs\profiles$\Flaviojmm\My Documents\lu18120spj87.tmp\Thumbnails\</t>
  </si>
  <si>
    <t>01/25/2020 15:33:32</t>
  </si>
  <si>
    <t>01/25/2020 15:34:22</t>
  </si>
  <si>
    <t>01/25/2020 15:33:36</t>
  </si>
  <si>
    <t>01/25/2020 15:33:37</t>
  </si>
  <si>
    <t>01/25/2020 15:33:38</t>
  </si>
  <si>
    <t>01/25/2020 15:33:39</t>
  </si>
  <si>
    <t>01/25/2020 15:33:41</t>
  </si>
  <si>
    <t>01/25/2020 15:33:43</t>
  </si>
  <si>
    <t>01/25/2020 15:33:44</t>
  </si>
  <si>
    <t>01/25/2020 15:33:45</t>
  </si>
  <si>
    <t>01/25/2020 15:33:46</t>
  </si>
  <si>
    <t>01/25/2020 15:33:47</t>
  </si>
  <si>
    <t>01/25/2020 15:33:48</t>
  </si>
  <si>
    <t>01/25/2020 15:33:49</t>
  </si>
  <si>
    <t>01/25/2020 15:33:51</t>
  </si>
  <si>
    <t>01/25/2020 15:33:52</t>
  </si>
  <si>
    <t>01/25/2020 15:33:53</t>
  </si>
  <si>
    <t>01/25/2020 15:33:54</t>
  </si>
  <si>
    <t>01/25/2020 15:33:55</t>
  </si>
  <si>
    <t>01/25/2020 15:33:57</t>
  </si>
  <si>
    <t>01/25/2020 15:33:58</t>
  </si>
  <si>
    <t>01/25/2020 15:34:00</t>
  </si>
  <si>
    <t>01/25/2020 15:34:01</t>
  </si>
  <si>
    <t>01/25/2020 15:34:03</t>
  </si>
  <si>
    <t>01/25/2020 15:34:04</t>
  </si>
  <si>
    <t>01/25/2020 15:39:22</t>
  </si>
  <si>
    <t>01/25/2020 15:34:05</t>
  </si>
  <si>
    <t>01/25/2020 15:34:06</t>
  </si>
  <si>
    <t>01/25/2020 15:34:07</t>
  </si>
  <si>
    <t>01/25/2020 15:34:09</t>
  </si>
  <si>
    <t>01/25/2020 15:34:10</t>
  </si>
  <si>
    <t>01/25/2020 15:34:11</t>
  </si>
  <si>
    <t>01/25/2020 15:34:13</t>
  </si>
  <si>
    <t>01/25/2020 15:34:14</t>
  </si>
  <si>
    <t>01/25/2020 15:34:17</t>
  </si>
  <si>
    <t>01/25/2020 15:34:18</t>
  </si>
  <si>
    <t>01/25/2020 15:34:19</t>
  </si>
  <si>
    <t>01/25/2020 15:34:20</t>
  </si>
  <si>
    <t>01/25/2020 15:34:35</t>
  </si>
  <si>
    <t>01/25/2020 15:35:40</t>
  </si>
  <si>
    <t>5e8f9d6b-d323-4f3d-a860-607bbc20ec74.tmp</t>
  </si>
  <si>
    <t>\\acsfs\profiles$\myllenardl\Downloads\5e8f9d6b-d323-4f3d-a860-607bbc20ec74.tmp</t>
  </si>
  <si>
    <t>01/25/2020 15:36:48</t>
  </si>
  <si>
    <t>84dd91d7-d796-4f24-a1b0-4d7bc3214b3b.tmp</t>
  </si>
  <si>
    <t>\\acsfs\profiles$\myllenardl\Downloads\84dd91d7-d796-4f24-a1b0-4d7bc3214b3b.tmp</t>
  </si>
  <si>
    <t>01/25/2020 15:39:19</t>
  </si>
  <si>
    <t>01/25/2020 15:42:22</t>
  </si>
  <si>
    <t>01/25/2020 15:40:07</t>
  </si>
  <si>
    <t>01/25/2020 15:44:22</t>
  </si>
  <si>
    <t>4b84b914-6feb-4fa1-9cca-fe39fd683b68.tmp</t>
  </si>
  <si>
    <t>\\acsfs\profiles$\myllenardl\Downloads\4b84b914-6feb-4fa1-9cca-fe39fd683b68.tmp</t>
  </si>
  <si>
    <t>01/25/2020 15:58:22</t>
  </si>
  <si>
    <t>01/25/2020 15:55:32</t>
  </si>
  <si>
    <t>392a392c-0660-4165-8bc3-208db3b131a3.tmp</t>
  </si>
  <si>
    <t>\\acsfs\profiles$\vivianibfs\Downloads\392a392c-0660-4165-8bc3-208db3b131a3.tmp</t>
  </si>
  <si>
    <t>01/25/2020 16:21:16</t>
  </si>
  <si>
    <t>01/25/2020 16:25:22</t>
  </si>
  <si>
    <t>01/25/2020 16:21:17</t>
  </si>
  <si>
    <t>01/25/2020 16:21:21</t>
  </si>
  <si>
    <t>01/25/2020 16:21:22</t>
  </si>
  <si>
    <t>01/25/2020 16:21:24</t>
  </si>
  <si>
    <t>01/25/2020 16:21:26</t>
  </si>
  <si>
    <t>01/25/2020 16:21:27</t>
  </si>
  <si>
    <t>01/25/2020 16:21:28</t>
  </si>
  <si>
    <t>01/25/2020 16:21:29</t>
  </si>
  <si>
    <t>01/25/2020 16:21:30</t>
  </si>
  <si>
    <t>01/25/2020 16:21:31</t>
  </si>
  <si>
    <t>01/25/2020 16:21:32</t>
  </si>
  <si>
    <t>01/25/2020 16:21:33</t>
  </si>
  <si>
    <t>01/25/2020 16:21:34</t>
  </si>
  <si>
    <t>01/25/2020 16:21:35</t>
  </si>
  <si>
    <t>01/25/2020 16:21:36</t>
  </si>
  <si>
    <t>01/25/2020 16:21:37</t>
  </si>
  <si>
    <t>01/25/2020 16:21:38</t>
  </si>
  <si>
    <t>01/25/2020 16:21:39</t>
  </si>
  <si>
    <t>01/25/2020 16:21:40</t>
  </si>
  <si>
    <t>01/25/2020 16:21:41</t>
  </si>
  <si>
    <t>01/25/2020 16:21:44</t>
  </si>
  <si>
    <t>01/25/2020 16:21:45</t>
  </si>
  <si>
    <t>01/25/2020 16:21:50</t>
  </si>
  <si>
    <t>01/25/2020 16:21:53</t>
  </si>
  <si>
    <t>01/25/2020 16:21:54</t>
  </si>
  <si>
    <t>01/25/2020 16:21:56</t>
  </si>
  <si>
    <t>01/25/2020 16:21:59</t>
  </si>
  <si>
    <t>01/25/2020 16:22:05</t>
  </si>
  <si>
    <t>01/25/2020 16:22:06</t>
  </si>
  <si>
    <t>01/25/2020 16:22:08</t>
  </si>
  <si>
    <t>01/25/2020 16:22:09</t>
  </si>
  <si>
    <t>01/25/2020 16:22:10</t>
  </si>
  <si>
    <t>01/25/2020 16:22:12</t>
  </si>
  <si>
    <t>01/25/2020 16:44:49</t>
  </si>
  <si>
    <t>01/25/2020 16:47:23</t>
  </si>
  <si>
    <t>58d1712c-65c8-47a7-8790-b4847334b3a6.tmp</t>
  </si>
  <si>
    <t>\\acsfs\profiles$\rosileiam\Downloads\58d1712c-65c8-47a7-8790-b4847334b3a6.tmp</t>
  </si>
  <si>
    <t>01/25/2020 16:47:35</t>
  </si>
  <si>
    <t>01/25/2020 16:52:22</t>
  </si>
  <si>
    <t>79fa649d-1067-4f20-9785-a6395782bc36.tmp</t>
  </si>
  <si>
    <t>\\acsfs\profiles$\rosileiam\Downloads\79fa649d-1067-4f20-9785-a6395782bc36.tmp</t>
  </si>
  <si>
    <t>01/25/2020 16:53:00</t>
  </si>
  <si>
    <t>01/25/2020 16:57:22</t>
  </si>
  <si>
    <t>52ac70a9-ec38-4fe6-b47d-16724a309c99.tmp</t>
  </si>
  <si>
    <t>\\acsfs\profiles$\rosileiam\Downloads\52ac70a9-ec38-4fe6-b47d-16724a309c99.tmp</t>
  </si>
  <si>
    <t>01/25/2020 17:21:37</t>
  </si>
  <si>
    <t>01/25/2020 17:23:22</t>
  </si>
  <si>
    <t>ed989032-ca72-4f34-859f-65d1413359bb.tmp</t>
  </si>
  <si>
    <t>\\acsfs\profiles$\laurandos\Downloads\ed989032-ca72-4f34-859f-65d1413359bb.tmp</t>
  </si>
  <si>
    <t>01/25/2020 17:32:05</t>
  </si>
  <si>
    <t>01/25/2020 17:35:22</t>
  </si>
  <si>
    <t>01/25/2020 17:46:23</t>
  </si>
  <si>
    <t>01/25/2020 17:44:13</t>
  </si>
  <si>
    <t>f6d94c00-c955-49b4-9c32-00d819f86dc7.tmp</t>
  </si>
  <si>
    <t>\\acsfs\profiles$\mariajaf\Downloads\f6d94c00-c955-49b4-9c32-00d819f86dc7.tmp</t>
  </si>
  <si>
    <t>01/25/2020 17:46:04</t>
  </si>
  <si>
    <t>01/25/2020 17:51:22</t>
  </si>
  <si>
    <t>3cba3a3d-79ad-4c74-a78e-3673eb36ef17.tmp</t>
  </si>
  <si>
    <t>\\acsfs\profiles$\mariajaf\Downloads\3cba3a3d-79ad-4c74-a78e-3673eb36ef17.tmp</t>
  </si>
  <si>
    <t>01/25/2020 17:56:53</t>
  </si>
  <si>
    <t>01/25/2020 17:58:22</t>
  </si>
  <si>
    <t>04d6aa03-0c5a-4a85-84b6-9bf6a51e7364.tmp</t>
  </si>
  <si>
    <t>\\acsfs\profiles$\taylaedoa\Downloads\04d6aa03-0c5a-4a85-84b6-9bf6a51e7364.tmp</t>
  </si>
  <si>
    <t>01/25/2020 17:58:14</t>
  </si>
  <si>
    <t>01/25/2020 18:03:22</t>
  </si>
  <si>
    <t>9b0dc155-361b-4b2f-87e6-909415134f2f.tmp</t>
  </si>
  <si>
    <t>\\acsfs\profiles$\taylaedoa\Downloads\9b0dc155-361b-4b2f-87e6-909415134f2f.tmp</t>
  </si>
  <si>
    <t>01/25/2020 17:58:50</t>
  </si>
  <si>
    <t>2d731c6d-1be8-4651-8b3b-1d2129d6c58a.tmp</t>
  </si>
  <si>
    <t>\\acsfs\profiles$\taylaedoa\Downloads\2d731c6d-1be8-4651-8b3b-1d2129d6c58a.tmp</t>
  </si>
  <si>
    <t>01/25/2020 17:59:23</t>
  </si>
  <si>
    <t>fe09d735-5e2e-4fd9-bba5-b894e3b92fef.tmp</t>
  </si>
  <si>
    <t>\\acsfs\profiles$\taylaedoa\Downloads\fe09d735-5e2e-4fd9-bba5-b894e3b92fef.tmp</t>
  </si>
  <si>
    <t>01/25/2020 17:59:24</t>
  </si>
  <si>
    <t>ff9467ab-42de-4a26-9c63-951337fef13a.tmp</t>
  </si>
  <si>
    <t>\\acsfs\profiles$\taylaedoa\Downloads\ff9467ab-42de-4a26-9c63-951337fef13a.tmp</t>
  </si>
  <si>
    <t>01/25/2020 18:07:07</t>
  </si>
  <si>
    <t>01/25/2020 18:08:23</t>
  </si>
  <si>
    <t>52df25f3-bd64-4dc8-be90-cc4090fa3ca2.tmp</t>
  </si>
  <si>
    <t>\\acsfs\profiles$\taylaedoa\Downloads\52df25f3-bd64-4dc8-be90-cc4090fa3ca2.tmp</t>
  </si>
  <si>
    <t>01/25/2020 18:07:53</t>
  </si>
  <si>
    <t>2590ca5e-4279-4f0a-be03-48b8c291362f.tmp</t>
  </si>
  <si>
    <t>\\acsfs\profiles$\taylaedoa\Downloads\2590ca5e-4279-4f0a-be03-48b8c291362f.tmp</t>
  </si>
  <si>
    <t>01/25/2020 18:07:59</t>
  </si>
  <si>
    <t>01/25/2020 18:11:23</t>
  </si>
  <si>
    <t>319ee283-1ccb-44e5-bdb2-85ee623ed97f.tmp</t>
  </si>
  <si>
    <t>\\acsfs\profiles$\mariajaf\Downloads\319ee283-1ccb-44e5-bdb2-85ee623ed97f.tmp</t>
  </si>
  <si>
    <t>01/25/2020 18:08:29</t>
  </si>
  <si>
    <t>Q29udHJvbGxlci5QYXl3YXJlLU5vaXRl (6).ica</t>
  </si>
  <si>
    <t>\\acsfs\profiles$\mariajaf\Downloads\Q29udHJvbGxlci5QYXl3YXJlLU5vaXRl (6).ica</t>
  </si>
  <si>
    <t>01/25/2020 18:09:47</t>
  </si>
  <si>
    <t>5adc0078-4853-439a-8168-41122272d7dd.tmp</t>
  </si>
  <si>
    <t>\\acsfs\profiles$\mariajaf\Downloads\5adc0078-4853-439a-8168-41122272d7dd.tmp</t>
  </si>
  <si>
    <t>01/25/2020 18:51:29</t>
  </si>
  <si>
    <t>01/25/2020 18:53:24</t>
  </si>
  <si>
    <t>60cfb09b-fbb6-4025-b0f7-21cfffc63314.tmp</t>
  </si>
  <si>
    <t>\\acsfs\profiles$\laurandos\Downloads\60cfb09b-fbb6-4025-b0f7-21cfffc63314.tmp</t>
  </si>
  <si>
    <t>01/25/2020 18:51:44</t>
  </si>
  <si>
    <t>d28cbeca-6729-44af-bb7c-71d6029fbb73.tmp</t>
  </si>
  <si>
    <t>\\acsfs\profiles$\laurandos\Downloads\d28cbeca-6729-44af-bb7c-71d6029fbb73.tmp</t>
  </si>
  <si>
    <t>01/25/2020 19:07:05</t>
  </si>
  <si>
    <t>01/25/2020 19:11:24</t>
  </si>
  <si>
    <t>9125211b-f1ff-49e7-87ca-924e6a424801.tmp</t>
  </si>
  <si>
    <t>\\acsfs\profiles$\mariajaf\Downloads\9125211b-f1ff-49e7-87ca-924e6a424801.tmp</t>
  </si>
  <si>
    <t>01/25/2020 19:50:25</t>
  </si>
  <si>
    <t>01/25/2020 19:54:24</t>
  </si>
  <si>
    <t>ccee3d8b-f3bb-43df-a399-4db6fd43747b.tmp</t>
  </si>
  <si>
    <t>\\acsfs\profiles$\myllenardl\Downloads\ccee3d8b-f3bb-43df-a399-4db6fd43747b.tmp</t>
  </si>
  <si>
    <t>01/25/2020 20:23:33</t>
  </si>
  <si>
    <t>01/25/2020 20:24:25</t>
  </si>
  <si>
    <t>c1f921f6-d76f-4015-857c-87f8f38eb52f.tmp</t>
  </si>
  <si>
    <t>\\acsfs\profiles$\myllenardl\Downloads\c1f921f6-d76f-4015-857c-87f8f38eb52f.tmp</t>
  </si>
  <si>
    <t>01/25/2020 21:36:55</t>
  </si>
  <si>
    <t>01/25/2020 21:38:26</t>
  </si>
  <si>
    <t>565eb5b6-7cc2-42fc-a4ed-c80aa77ae956.tmp</t>
  </si>
  <si>
    <t>\\acsfs\profiles$\taylaedoa\Downloads\565eb5b6-7cc2-42fc-a4ed-c80aa77ae956.tmp</t>
  </si>
  <si>
    <t>01/25/2020 22:14:54</t>
  </si>
  <si>
    <t>01/25/2020 22:18:26</t>
  </si>
  <si>
    <t>04eb0d32-6eba-4eed-8c35-0d32da645128.tmp</t>
  </si>
  <si>
    <t>\\acsfs\profiles$\taylaedoa\Downloads\04eb0d32-6eba-4eed-8c35-0d32da645128.tmp</t>
  </si>
  <si>
    <t>01/25/2020 22:15:11</t>
  </si>
  <si>
    <t>32929017-b6bc-4d34-ae9a-2e4b9663a2a2.tmp</t>
  </si>
  <si>
    <t>\\acsfs\profiles$\taylaedoa\Downloads\32929017-b6bc-4d34-ae9a-2e4b9663a2a2.tmp</t>
  </si>
  <si>
    <t>01/25/2020 22:15:41</t>
  </si>
  <si>
    <t>58720cfc-4e0a-4b3a-ae00-61d706e0aeb9.tmp</t>
  </si>
  <si>
    <t>\\acsfs\profiles$\taylaedoa\Downloads\58720cfc-4e0a-4b3a-ae00-61d706e0aeb9.tmp</t>
  </si>
  <si>
    <t>01/25/2020 22:18:01</t>
  </si>
  <si>
    <t>01/25/2020 22:21:26</t>
  </si>
  <si>
    <t>8c61d853-b257-492f-9625-f399a9677b0b.tmp</t>
  </si>
  <si>
    <t>\\acsfs\profiles$\marlyannegdls\Downloads\8c61d853-b257-492f-9625-f399a9677b0b.tmp</t>
  </si>
  <si>
    <t>01/25/2020 22:19:46</t>
  </si>
  <si>
    <t>65d67472-8f90-4319-bb18-691e8d3d2241.tmp</t>
  </si>
  <si>
    <t>\\acsfs\profiles$\marlyannegdls\Downloads\65d67472-8f90-4319-bb18-691e8d3d2241.tmp</t>
  </si>
  <si>
    <t>01/25/2020 22:22:51</t>
  </si>
  <si>
    <t>01/25/2020 22:26:26</t>
  </si>
  <si>
    <t>80a630e6-1338-47c1-a3ec-6b6a75dbdd8f.tmp</t>
  </si>
  <si>
    <t>\\acsfs\profiles$\mariajaf\Downloads\80a630e6-1338-47c1-a3ec-6b6a75dbdd8f.tmp</t>
  </si>
  <si>
    <t>01/25/2020 22:28:26</t>
  </si>
  <si>
    <t>01/25/2020 22:23:51</t>
  </si>
  <si>
    <t>95ac1ecf-34f1-42cb-8872-3a55c4d94ed3.tmp</t>
  </si>
  <si>
    <t>\\acsfs\profiles$\taylaedoa\Downloads\95ac1ecf-34f1-42cb-8872-3a55c4d94ed3.tmp</t>
  </si>
  <si>
    <t>01/25/2020 22:26:53</t>
  </si>
  <si>
    <t>ed83c296-e212-4619-bd80-a1f28d51a1ad.tmp</t>
  </si>
  <si>
    <t>\\acsfs\profiles$\taylaedoa\Downloads\ed83c296-e212-4619-bd80-a1f28d51a1ad.tmp</t>
  </si>
  <si>
    <t>01/25/2020 22:27:20</t>
  </si>
  <si>
    <t>ff5bfd80-6ea3-456b-9fd1-b1d477a2c262.tmp</t>
  </si>
  <si>
    <t>\\acsfs\profiles$\taylaedoa\Downloads\ff5bfd80-6ea3-456b-9fd1-b1d477a2c262.tmp</t>
  </si>
  <si>
    <t>01/25/2020 22:29:41</t>
  </si>
  <si>
    <t>01/25/2020 22:31:26</t>
  </si>
  <si>
    <t>ffbdcd02-d84b-4dc4-998a-726735279f5d.tmp</t>
  </si>
  <si>
    <t>\\acsfs\profiles$\mariajaf\Downloads\ffbdcd02-d84b-4dc4-998a-726735279f5d.tmp</t>
  </si>
  <si>
    <t>01/25/2020 23:35:34</t>
  </si>
  <si>
    <t>01/25/2020 23:40:26</t>
  </si>
  <si>
    <t>77c03d00-70b4-4869-ab14-77f404356d4d.tmp</t>
  </si>
  <si>
    <t>\\acsfs\profiles$\Adrieledgc\Downloads\77c03d00-70b4-4869-ab14-77f404356d4d.tmp</t>
  </si>
  <si>
    <t>01/25/2020 23:36:46</t>
  </si>
  <si>
    <t>44367845-92f6-4a84-9a4f-c2df0727cb9b.tmp</t>
  </si>
  <si>
    <t>\\acsfs\profiles$\Adrieledgc\Downloads\44367845-92f6-4a84-9a4f-c2df0727cb9b.tmp</t>
  </si>
  <si>
    <t>01/26/2020 00:30:47</t>
  </si>
  <si>
    <t>01/26/2020 00:35:26</t>
  </si>
  <si>
    <t>cc199f40-fedd-475f-b110-051c59921d82.tmp</t>
  </si>
  <si>
    <t>\\acsfs\profiles$\Adrieledgc\Downloads\cc199f40-fedd-475f-b110-051c59921d82.tmp</t>
  </si>
  <si>
    <t>01/26/2020 04:26:28</t>
  </si>
  <si>
    <t>01/26/2020 04:27:28</t>
  </si>
  <si>
    <t>0dd58fe2-9e71-45a0-ac79-a26499bc6071.tmp</t>
  </si>
  <si>
    <t>\\acsfs\profiles$\marlyannegdls\Downloads\0dd58fe2-9e71-45a0-ac79-a26499bc6071.tmp</t>
  </si>
  <si>
    <t>01/26/2020 04:29:06</t>
  </si>
  <si>
    <t>01/26/2020 04:32:28</t>
  </si>
  <si>
    <t>39f1c030-a8ff-41da-8828-9462f39b3a2c.tmp</t>
  </si>
  <si>
    <t>\\acsfs\profiles$\marlyannegdls\Downloads\39f1c030-a8ff-41da-8828-9462f39b3a2c.tmp</t>
  </si>
  <si>
    <t>01/26/2020 05:58:15</t>
  </si>
  <si>
    <t>01/26/2020 06:00:29</t>
  </si>
  <si>
    <t>7353911b-3623-4365-a730-30061e38d2ce.tmp</t>
  </si>
  <si>
    <t>\\acsfs\profiles$\lucasqdss\Downloads\7353911b-3623-4365-a730-30061e38d2ce.tmp</t>
  </si>
  <si>
    <t>01/26/2020 06:14:12</t>
  </si>
  <si>
    <t>01/26/2020 06:15:29</t>
  </si>
  <si>
    <t>56661f98-6f4d-455f-90e5-e65416bd1dbe.tmp</t>
  </si>
  <si>
    <t>\\acsfs\profiles$\lucasqdss\Downloads\56661f98-6f4d-455f-90e5-e65416bd1dbe.tmp</t>
  </si>
  <si>
    <t>01/26/2020 06:40:58</t>
  </si>
  <si>
    <t>01/26/2020 06:45:28</t>
  </si>
  <si>
    <t>b90d5bd9-e6ad-4287-a9fc-ac5f3a94b49c.tmp</t>
  </si>
  <si>
    <t>\\acsfs\profiles$\lucasqdss\Downloads\b90d5bd9-e6ad-4287-a9fc-ac5f3a94b49c.tmp</t>
  </si>
  <si>
    <t>01/26/2020 07:07:02</t>
  </si>
  <si>
    <t>01/26/2020 07:10:29</t>
  </si>
  <si>
    <t>https://algar.workplace.com/feed/options_menu/?button_id=u_3h_10&amp;feed_context={"fbfeed_context":true,"outer_object_element_id":"u_3h_3","object_element_id":"u_3h_3","is_ad_preview":false,"is_editable":false,"mall_how_many_post_comments":2,"bump_reason":0,"enable_comment":false,"location_type":180,"has_preclick_auto_pivot_unit":false,"frtp_eligible":false,"tn-str":"-r"}&amp;story_token=s:_i100034257410268:vk:758709321285454&amp;tracking_message=qid.6786190964129040661:mf_story_key.758709321285454:5:0:top_level_post_id.758709321285454:content_owner_id_new.100034257410268:src.30:photo_id.188261788992400:story_location.5:story_attachment_style.photo:filter.workplacediscoveryfeedentquery</t>
  </si>
  <si>
    <t>01/26/2020 07:26:48</t>
  </si>
  <si>
    <t>01/26/2020 07:31:28</t>
  </si>
  <si>
    <t>ed49237e-0cb8-4929-9396-ccdda5f27fe9.tmp</t>
  </si>
  <si>
    <t>\\acsfs\profiles$\cintiadcf\Downloads\ed49237e-0cb8-4929-9396-ccdda5f27fe9.tmp</t>
  </si>
  <si>
    <t>01/26/2020 07:26:59</t>
  </si>
  <si>
    <t>93a59e35-2163-418f-8466-d0111f43a55d.tmp</t>
  </si>
  <si>
    <t>\\acsfs\profiles$\cintiadcf\Downloads\93a59e35-2163-418f-8466-d0111f43a55d.tmp</t>
  </si>
  <si>
    <t>01/26/2020 07:27:40</t>
  </si>
  <si>
    <t>d8534f2d-eb58-4224-957d-8d5edb3625b4.tmp</t>
  </si>
  <si>
    <t>\\acsfs\profiles$\cintiadcf\Downloads\d8534f2d-eb58-4224-957d-8d5edb3625b4.tmp</t>
  </si>
  <si>
    <t>01/26/2020 07:35:16</t>
  </si>
  <si>
    <t>01/26/2020 07:37:29</t>
  </si>
  <si>
    <t>806465f3-d158-4202-890f-c3209c3dbbb4.tmp</t>
  </si>
  <si>
    <t>\\acsfs\profiles$\vivianalds\Downloads\806465f3-d158-4202-890f-c3209c3dbbb4.tmp</t>
  </si>
  <si>
    <t>01/26/2020 07:36:21</t>
  </si>
  <si>
    <t>0fa66cca-3684-4be0-8769-a7471f28672b.tmp</t>
  </si>
  <si>
    <t>\\acsfs\profiles$\vivianalds\Downloads\0fa66cca-3684-4be0-8769-a7471f28672b.tmp</t>
  </si>
  <si>
    <t>01/26/2020 07:37:45</t>
  </si>
  <si>
    <t>01/26/2020 07:42:29</t>
  </si>
  <si>
    <t>01/26/2020 07:38:01</t>
  </si>
  <si>
    <t>01/26/2020 07:38:02</t>
  </si>
  <si>
    <t>lu374522f0306.tmp</t>
  </si>
  <si>
    <t>\\acsfs\profiles$\VIVIANALDS\My Documents\lu374522f0306.tmp</t>
  </si>
  <si>
    <t>\\acsfs\profiles$\VIVIANALDS\My Documents\lu374522f0306.tmp\</t>
  </si>
  <si>
    <t>\\acsfs\profiles$\VIVIANALDS\My Documents\lu374522f0306.tmp\META-INF\</t>
  </si>
  <si>
    <t>\\acsfs\profiles$\VIVIANALDS\My Documents\lu374522f0306.tmp\Thumbnails\</t>
  </si>
  <si>
    <t>01/26/2020 07:58:36</t>
  </si>
  <si>
    <t>01/26/2020 08:01:29</t>
  </si>
  <si>
    <t>f15dd0af-6b8f-4a81-8deb-74c24ef7db39.tmp</t>
  </si>
  <si>
    <t>\\acsfs\profiles$\cintiadcf\Downloads\f15dd0af-6b8f-4a81-8deb-74c24ef7db39.tmp</t>
  </si>
  <si>
    <t>01/26/2020 08:01:18</t>
  </si>
  <si>
    <t>01/26/2020 08:02:28</t>
  </si>
  <si>
    <t>cd8e374b-c3e1-414f-abe2-6311afcb52e2.tmp</t>
  </si>
  <si>
    <t>\\acsfs\profiles$\vivianalds\Downloads\cd8e374b-c3e1-414f-abe2-6311afcb52e2.tmp</t>
  </si>
  <si>
    <t>01/26/2020 08:36:58</t>
  </si>
  <si>
    <t>01/26/2020 08:40:29</t>
  </si>
  <si>
    <t>01/26/2020 08:37:03</t>
  </si>
  <si>
    <t>01/26/2020 08:37:05</t>
  </si>
  <si>
    <t>01/26/2020 08:37:08</t>
  </si>
  <si>
    <t>01/26/2020 08:37:09</t>
  </si>
  <si>
    <t>01/26/2020 08:37:13</t>
  </si>
  <si>
    <t>01/26/2020 08:37:17</t>
  </si>
  <si>
    <t>01/26/2020 08:37:19</t>
  </si>
  <si>
    <t>01/26/2020 08:37:22</t>
  </si>
  <si>
    <t>01/26/2020 08:37:24</t>
  </si>
  <si>
    <t>01/26/2020 08:37:26</t>
  </si>
  <si>
    <t>01/26/2020 08:37:27</t>
  </si>
  <si>
    <t>01/26/2020 08:37:29</t>
  </si>
  <si>
    <t>01/26/2020 08:37:30</t>
  </si>
  <si>
    <t>01/26/2020 08:37:32</t>
  </si>
  <si>
    <t>01/26/2020 08:37:34</t>
  </si>
  <si>
    <t>01/26/2020 08:37:35</t>
  </si>
  <si>
    <t>01/26/2020 08:37:38</t>
  </si>
  <si>
    <t>01/26/2020 08:37:39</t>
  </si>
  <si>
    <t>01/26/2020 08:37:43</t>
  </si>
  <si>
    <t>01/26/2020 08:37:45</t>
  </si>
  <si>
    <t>01/26/2020 08:37:47</t>
  </si>
  <si>
    <t>01/26/2020 08:37:48</t>
  </si>
  <si>
    <t>01/26/2020 08:37:50</t>
  </si>
  <si>
    <t>01/26/2020 08:37:53</t>
  </si>
  <si>
    <t>01/26/2020 08:37:56</t>
  </si>
  <si>
    <t>01/26/2020 08:37:58</t>
  </si>
  <si>
    <t>01/26/2020 08:38:00</t>
  </si>
  <si>
    <t>01/26/2020 08:38:03</t>
  </si>
  <si>
    <t>01/26/2020 08:38:04</t>
  </si>
  <si>
    <t>01/26/2020 08:38:07</t>
  </si>
  <si>
    <t>01/26/2020 08:38:08</t>
  </si>
  <si>
    <t>01/26/2020 08:38:10</t>
  </si>
  <si>
    <t>01/26/2020 08:38:13</t>
  </si>
  <si>
    <t>01/26/2020 08:38:14</t>
  </si>
  <si>
    <t>01/26/2020 08:38:16</t>
  </si>
  <si>
    <t>01/26/2020 08:38:18</t>
  </si>
  <si>
    <t>01/26/2020 08:38:20</t>
  </si>
  <si>
    <t>01/26/2020 08:38:21</t>
  </si>
  <si>
    <t>01/26/2020 08:38:23</t>
  </si>
  <si>
    <t>01/26/2020 08:38:24</t>
  </si>
  <si>
    <t>01/26/2020 08:38:26</t>
  </si>
  <si>
    <t>01/26/2020 08:38:28</t>
  </si>
  <si>
    <t>01/26/2020 08:44:29</t>
  </si>
  <si>
    <t>01/26/2020 08:45:28</t>
  </si>
  <si>
    <t>01/26/2020 08:48:23</t>
  </si>
  <si>
    <t>01/26/2020 08:50:28</t>
  </si>
  <si>
    <t>c129461a-482b-48e4-a83f-98676c9fbcdc.tmp</t>
  </si>
  <si>
    <t>\\acsfs\profiles$\PEDROHAB\Downloads\c129461a-482b-48e4-a83f-98676c9fbcdc.tmp</t>
  </si>
  <si>
    <t>01ecc2b0-a071-4291-bfb8-0a04bcaebe64.tmp</t>
  </si>
  <si>
    <t>\\acsfs\profiles$\PEDROHAB\Downloads\01ecc2b0-a071-4291-bfb8-0a04bcaebe64.tmp</t>
  </si>
  <si>
    <t>01/26/2020 08:47:02</t>
  </si>
  <si>
    <t>01/26/2020 08:51:28</t>
  </si>
  <si>
    <t>5466d439-8dde-4e4f-86e7-1a9aefed3dbb.tmp</t>
  </si>
  <si>
    <t>\\acsfs\profiles$\cintiadcf\Downloads\5466d439-8dde-4e4f-86e7-1a9aefed3dbb.tmp</t>
  </si>
  <si>
    <t>01/26/2020 08:48:28</t>
  </si>
  <si>
    <t>cf9a13a7-6c14-413b-8b29-5131446750d7.tmp</t>
  </si>
  <si>
    <t>\\acsfs\profiles$\cintiadcf\Downloads\cf9a13a7-6c14-413b-8b29-5131446750d7.tmp</t>
  </si>
  <si>
    <t>01/26/2020 08:51:01</t>
  </si>
  <si>
    <t>01/26/2020 08:55:28</t>
  </si>
  <si>
    <t>9b4bdbfd-458c-486c-bf35-cea7c11e5601.tmp</t>
  </si>
  <si>
    <t>\\acsfs\profiles$\PEDROHAB\Downloads\9b4bdbfd-458c-486c-bf35-cea7c11e5601.tmp</t>
  </si>
  <si>
    <t>01/26/2020 08:51:03</t>
  </si>
  <si>
    <t>acd20bc4-2360-470a-aba6-6e49377675fe.tmp</t>
  </si>
  <si>
    <t>\\acsfs\profiles$\PEDROHAB\Downloads\acd20bc4-2360-470a-aba6-6e49377675fe.tmp</t>
  </si>
  <si>
    <t>01/26/2020 08:55:48</t>
  </si>
  <si>
    <t>01/26/2020 08:57:28</t>
  </si>
  <si>
    <t>lu374522f030a.tmp</t>
  </si>
  <si>
    <t>\\acsfs\profiles$\VIVIANALDS\My Documents\lu374522f030a.tmp</t>
  </si>
  <si>
    <t>\\acsfs\profiles$\VIVIANALDS\My Documents\lu374522f030a.tmp\</t>
  </si>
  <si>
    <t>\\acsfs\profiles$\VIVIANALDS\My Documents\lu374522f030a.tmp\META-INF\</t>
  </si>
  <si>
    <t>\\acsfs\profiles$\VIVIANALDS\My Documents\lu374522f030a.tmp\Thumbnails\</t>
  </si>
  <si>
    <t>01/26/2020 08:56:01</t>
  </si>
  <si>
    <t>01/26/2020 08:56:02</t>
  </si>
  <si>
    <t>lu374522f030e.tmp</t>
  </si>
  <si>
    <t>\\acsfs\profiles$\VIVIANALDS\My Documents\lu374522f030e.tmp</t>
  </si>
  <si>
    <t>\\acsfs\profiles$\VIVIANALDS\My Documents\lu374522f030e.tmp\</t>
  </si>
  <si>
    <t>\\acsfs\profiles$\VIVIANALDS\My Documents\lu374522f030e.tmp\META-INF\</t>
  </si>
  <si>
    <t>\\acsfs\profiles$\VIVIANALDS\My Documents\lu374522f030e.tmp\Thumbnails\</t>
  </si>
  <si>
    <t>01/26/2020 09:08:22</t>
  </si>
  <si>
    <t>01/26/2020 09:11:28</t>
  </si>
  <si>
    <t>424d6495-2420-4a54-98ab-783ea6b0b968.tmp</t>
  </si>
  <si>
    <t>\\acsfs\profiles$\talitafdc\Downloads\424d6495-2420-4a54-98ab-783ea6b0b968.tmp</t>
  </si>
  <si>
    <t>01/26/2020 09:08:40</t>
  </si>
  <si>
    <t>b553d2a0-b851-40f8-bf60-727484afe04f.tmp</t>
  </si>
  <si>
    <t>\\acsfs\profiles$\talitafdc\Downloads\b553d2a0-b851-40f8-bf60-727484afe04f.tmp</t>
  </si>
  <si>
    <t>01/26/2020 09:09:54</t>
  </si>
  <si>
    <t>dc080cf9-186b-42c4-9fb7-e5ff2e3bbc49.tmp</t>
  </si>
  <si>
    <t>\\acsfs\profiles$\talitafdc\Downloads\dc080cf9-186b-42c4-9fb7-e5ff2e3bbc49.tmp</t>
  </si>
  <si>
    <t>01/26/2020 09:11:08</t>
  </si>
  <si>
    <t>01/26/2020 09:15:29</t>
  </si>
  <si>
    <t>01/26/2020 09:11:55</t>
  </si>
  <si>
    <t>01/26/2020 09:11:56</t>
  </si>
  <si>
    <t>lu365721lzkeb.tmp</t>
  </si>
  <si>
    <t>\\acsfs\profiles$\ALEXANDREMM\lu365721lzkeb.tmp</t>
  </si>
  <si>
    <t>\\acsfs\profiles$\ALEXANDREMM\lu365721lzkeb.tmp\</t>
  </si>
  <si>
    <t>\\acsfs\profiles$\ALEXANDREMM\lu365721lzkeb.tmp\META-INF\</t>
  </si>
  <si>
    <t>\\acsfs\profiles$\ALEXANDREMM\lu365721lzkeb.tmp\Thumbnails\</t>
  </si>
  <si>
    <t>01/26/2020 09:17:37</t>
  </si>
  <si>
    <t>01/26/2020 09:21:28</t>
  </si>
  <si>
    <t>01/26/2020 09:30:24</t>
  </si>
  <si>
    <t>01/26/2020 09:35:28</t>
  </si>
  <si>
    <t>01/26/2020 09:30:25</t>
  </si>
  <si>
    <t>lu365721lzkef.tmp</t>
  </si>
  <si>
    <t>\\acsfs\profiles$\ALEXANDREMM\lu365721lzkef.tmp</t>
  </si>
  <si>
    <t>\\acsfs\profiles$\ALEXANDREMM\lu365721lzkef.tmp\</t>
  </si>
  <si>
    <t>\\acsfs\profiles$\ALEXANDREMM\lu365721lzkef.tmp\META-INF\</t>
  </si>
  <si>
    <t>\\acsfs\profiles$\ALEXANDREMM\lu365721lzkef.tmp\Thumbnails\</t>
  </si>
  <si>
    <t>01/26/2020 09:36:47</t>
  </si>
  <si>
    <t>01/26/2020 09:41:28</t>
  </si>
  <si>
    <t>ad143352-ea2d-47f0-b2a9-b5a9970462d7.tmp</t>
  </si>
  <si>
    <t>\\acsfs\profiles$\talitafdc\Downloads\ad143352-ea2d-47f0-b2a9-b5a9970462d7.tmp</t>
  </si>
  <si>
    <t>01/26/2020 10:01:28</t>
  </si>
  <si>
    <t>01/26/2020 10:00:26</t>
  </si>
  <si>
    <t>853a8ecf-6785-4ba5-8248-60b37cc5d95e.tmp</t>
  </si>
  <si>
    <t>\\acsfs\profiles$\gabrielaff\Downloads\853a8ecf-6785-4ba5-8248-60b37cc5d95e.tmp</t>
  </si>
  <si>
    <t>01/26/2020 10:01:41</t>
  </si>
  <si>
    <t>01/26/2020 10:06:28</t>
  </si>
  <si>
    <t>2877de7e-cc3e-487a-a624-cf75fee2e8f0.tmp</t>
  </si>
  <si>
    <t>\\acsfs\profiles$\gabrielaff\Downloads\2877de7e-cc3e-487a-a624-cf75fee2e8f0.tmp</t>
  </si>
  <si>
    <t>01/26/2020 10:11:28</t>
  </si>
  <si>
    <t>01/26/2020 10:06:53</t>
  </si>
  <si>
    <t>511aed63-a19e-46d9-ac96-103fa9b9c43c.tmp</t>
  </si>
  <si>
    <t>\\acsfs\profiles$\cintiadcf\Downloads\511aed63-a19e-46d9-ac96-103fa9b9c43c.tmp</t>
  </si>
  <si>
    <t>01/26/2020 10:07:37</t>
  </si>
  <si>
    <t>5f2caa88-5ae2-434c-989c-a06c16d683bb.tmp</t>
  </si>
  <si>
    <t>\\acsfs\profiles$\cintiadcf\Downloads\5f2caa88-5ae2-434c-989c-a06c16d683bb.tmp</t>
  </si>
  <si>
    <t>01/26/2020 10:15:29</t>
  </si>
  <si>
    <t>01/26/2020 10:11:30</t>
  </si>
  <si>
    <t>00946de1-8452-40c0-b0dd-b231b126e3b9.tmp</t>
  </si>
  <si>
    <t>\\acsfs\profiles$\ANAPDSB\Downloads\00946de1-8452-40c0-b0dd-b231b126e3b9.tmp</t>
  </si>
  <si>
    <t>01/26/2020 10:15:09</t>
  </si>
  <si>
    <t>f76c90fe-4305-46b9-aba0-089a22622366.tmp</t>
  </si>
  <si>
    <t>\\acsfs\profiles$\ANAPDSB\Downloads\f76c90fe-4305-46b9-aba0-089a22622366.tmp</t>
  </si>
  <si>
    <t>01/26/2020 10:15:27</t>
  </si>
  <si>
    <t>01/26/2020 10:16:28</t>
  </si>
  <si>
    <t>7422b422-c0ad-4a30-b956-931bbdaea935.tmp</t>
  </si>
  <si>
    <t>\\acsfs\profiles$\cintiadcf\Downloads\7422b422-c0ad-4a30-b956-931bbdaea935.tmp</t>
  </si>
  <si>
    <t>01/26/2020 10:21:36</t>
  </si>
  <si>
    <t>01/26/2020 10:25:28</t>
  </si>
  <si>
    <t>lu365721lzkej.tmp</t>
  </si>
  <si>
    <t>\\acsfs\profiles$\ALEXANDREMM\lu365721lzkej.tmp</t>
  </si>
  <si>
    <t>\\acsfs\profiles$\ALEXANDREMM\lu365721lzkej.tmp\</t>
  </si>
  <si>
    <t>\\acsfs\profiles$\ALEXANDREMM\lu365721lzkej.tmp\META-INF\</t>
  </si>
  <si>
    <t>\\acsfs\profiles$\ALEXANDREMM\lu365721lzkej.tmp\Thumbnails\</t>
  </si>
  <si>
    <t>01/26/2020 10:26:46</t>
  </si>
  <si>
    <t>01/26/2020 10:30:28</t>
  </si>
  <si>
    <t>01/26/2020 10:28:56</t>
  </si>
  <si>
    <t>01/26/2020 10:31:28</t>
  </si>
  <si>
    <t>01/26/2020 10:28:57</t>
  </si>
  <si>
    <t>lu172642p2zjk.tmp</t>
  </si>
  <si>
    <t>\\acsfs\profiles$\ANAPDSB\lu172642p2zjk.tmp</t>
  </si>
  <si>
    <t>\\acsfs\profiles$\ANAPDSB\lu172642p2zjk.tmp\Configurations2\accelerator\</t>
  </si>
  <si>
    <t>\\acsfs\profiles$\ANAPDSB\lu172642p2zjk.tmp\</t>
  </si>
  <si>
    <t>\\acsfs\profiles$\ANAPDSB\lu172642p2zjk.tmp\META-INF\</t>
  </si>
  <si>
    <t>\\acsfs\profiles$\ANAPDSB\lu172642p2zjk.tmp\Thumbnails\</t>
  </si>
  <si>
    <t>01/26/2020 10:29:59</t>
  </si>
  <si>
    <t>lu172642p2zjo.tmp</t>
  </si>
  <si>
    <t>\\acsfs\profiles$\ANAPDSB\lu172642p2zjo.tmp</t>
  </si>
  <si>
    <t>\\acsfs\profiles$\ANAPDSB\lu172642p2zjo.tmp\Configurations2\accelerator\</t>
  </si>
  <si>
    <t>\\acsfs\profiles$\ANAPDSB\lu172642p2zjo.tmp\</t>
  </si>
  <si>
    <t>\\acsfs\profiles$\ANAPDSB\lu172642p2zjo.tmp\META-INF\</t>
  </si>
  <si>
    <t>\\acsfs\profiles$\ANAPDSB\lu172642p2zjo.tmp\Thumbnails\</t>
  </si>
  <si>
    <t>01/26/2020 10:30:01</t>
  </si>
  <si>
    <t>01/26/2020 10:30:02</t>
  </si>
  <si>
    <t>lu172642p2zjs.tmp</t>
  </si>
  <si>
    <t>\\acsfs\profiles$\ANAPDSB\lu172642p2zjs.tmp</t>
  </si>
  <si>
    <t>\\acsfs\profiles$\ANAPDSB\lu172642p2zjs.tmp\Configurations2\accelerator\</t>
  </si>
  <si>
    <t>\\acsfs\profiles$\ANAPDSB\lu172642p2zjs.tmp\</t>
  </si>
  <si>
    <t>\\acsfs\profiles$\ANAPDSB\lu172642p2zjs.tmp\META-INF\</t>
  </si>
  <si>
    <t>\\acsfs\profiles$\ANAPDSB\lu172642p2zjs.tmp\Thumbnails\</t>
  </si>
  <si>
    <t>01/26/2020 10:38:51</t>
  </si>
  <si>
    <t>01/26/2020 10:41:29</t>
  </si>
  <si>
    <t>01/26/2020 10:38:52</t>
  </si>
  <si>
    <t>lu172642p2zjw.tmp</t>
  </si>
  <si>
    <t>\\acsfs\profiles$\ANAPDSB\lu172642p2zjw.tmp</t>
  </si>
  <si>
    <t>\\acsfs\profiles$\ANAPDSB\lu172642p2zjw.tmp\Configurations2\accelerator\</t>
  </si>
  <si>
    <t>\\acsfs\profiles$\ANAPDSB\lu172642p2zjw.tmp\</t>
  </si>
  <si>
    <t>\\acsfs\profiles$\ANAPDSB\lu172642p2zjw.tmp\META-INF\</t>
  </si>
  <si>
    <t>\\acsfs\profiles$\ANAPDSB\lu172642p2zjw.tmp\Thumbnails\</t>
  </si>
  <si>
    <t>01/26/2020 10:39:32</t>
  </si>
  <si>
    <t>01/26/2020 10:43:28</t>
  </si>
  <si>
    <t>1ae11a33-56a0-46ac-97c7-83ac6a2170c1.tmp</t>
  </si>
  <si>
    <t>\\acsfs\profiles$\francislayneads\Downloads\1ae11a33-56a0-46ac-97c7-83ac6a2170c1.tmp</t>
  </si>
  <si>
    <t>01/26/2020 10:39:36</t>
  </si>
  <si>
    <t>50edb7b9-e8f6-4bab-b1df-e61f53a69109.tmp</t>
  </si>
  <si>
    <t>\\acsfs\profiles$\francislayneads\Downloads\50edb7b9-e8f6-4bab-b1df-e61f53a69109.tmp</t>
  </si>
  <si>
    <t>01/26/2020 10:47:38</t>
  </si>
  <si>
    <t>01/26/2020 10:50:28</t>
  </si>
  <si>
    <t>lu365721lzken.tmp</t>
  </si>
  <si>
    <t>\\acsfs\profiles$\ALEXANDREMM\lu365721lzken.tmp</t>
  </si>
  <si>
    <t>\\acsfs\profiles$\ALEXANDREMM\lu365721lzken.tmp\</t>
  </si>
  <si>
    <t>\\acsfs\profiles$\ALEXANDREMM\lu365721lzken.tmp\META-INF\</t>
  </si>
  <si>
    <t>\\acsfs\profiles$\ALEXANDREMM\lu365721lzken.tmp\Thumbnails\</t>
  </si>
  <si>
    <t>01/26/2020 11:04:54</t>
  </si>
  <si>
    <t>01/26/2020 11:06:28</t>
  </si>
  <si>
    <t>01/26/2020 11:04:55</t>
  </si>
  <si>
    <t>lu172642p2zk0.tmp</t>
  </si>
  <si>
    <t>\\acsfs\profiles$\ANAPDSB\lu172642p2zk0.tmp</t>
  </si>
  <si>
    <t>\\acsfs\profiles$\ANAPDSB\lu172642p2zk0.tmp\Configurations2\accelerator\</t>
  </si>
  <si>
    <t>\\acsfs\profiles$\ANAPDSB\lu172642p2zk0.tmp\</t>
  </si>
  <si>
    <t>\\acsfs\profiles$\ANAPDSB\lu172642p2zk0.tmp\META-INF\</t>
  </si>
  <si>
    <t>\\acsfs\profiles$\ANAPDSB\lu172642p2zk0.tmp\Thumbnails\</t>
  </si>
  <si>
    <t>01/26/2020 11:04:57</t>
  </si>
  <si>
    <t>lu172642p2zk4.tmp</t>
  </si>
  <si>
    <t>\\acsfs\profiles$\ANAPDSB\lu172642p2zk4.tmp</t>
  </si>
  <si>
    <t>\\acsfs\profiles$\ANAPDSB\lu172642p2zk4.tmp\Configurations2\accelerator\</t>
  </si>
  <si>
    <t>\\acsfs\profiles$\ANAPDSB\lu172642p2zk4.tmp\</t>
  </si>
  <si>
    <t>\\acsfs\profiles$\ANAPDSB\lu172642p2zk4.tmp\META-INF\</t>
  </si>
  <si>
    <t>\\acsfs\profiles$\ANAPDSB\lu172642p2zk4.tmp\Thumbnails\</t>
  </si>
  <si>
    <t>01/26/2020 11:11:16</t>
  </si>
  <si>
    <t>01/26/2020 11:12:28</t>
  </si>
  <si>
    <t>01/26/2020 11:11:17</t>
  </si>
  <si>
    <t>lu374522f030i.tmp</t>
  </si>
  <si>
    <t>\\acsfs\profiles$\VIVIANALDS\My Documents\lu374522f030i.tmp</t>
  </si>
  <si>
    <t>\\acsfs\profiles$\VIVIANALDS\My Documents\lu374522f030i.tmp\</t>
  </si>
  <si>
    <t>\\acsfs\profiles$\VIVIANALDS\My Documents\lu374522f030i.tmp\META-INF\</t>
  </si>
  <si>
    <t>\\acsfs\profiles$\VIVIANALDS\My Documents\lu374522f030i.tmp\Thumbnails\</t>
  </si>
  <si>
    <t>01/26/2020 11:11:43</t>
  </si>
  <si>
    <t>lu374522f030m.tmp</t>
  </si>
  <si>
    <t>\\acsfs\profiles$\VIVIANALDS\My Documents\lu374522f030m.tmp</t>
  </si>
  <si>
    <t>\\acsfs\profiles$\VIVIANALDS\My Documents\lu374522f030m.tmp\</t>
  </si>
  <si>
    <t>01/26/2020 11:17:28</t>
  </si>
  <si>
    <t>\\acsfs\profiles$\VIVIANALDS\My Documents\lu374522f030m.tmp\META-INF\</t>
  </si>
  <si>
    <t>\\acsfs\profiles$\VIVIANALDS\My Documents\lu374522f030m.tmp\Thumbnails\</t>
  </si>
  <si>
    <t>01/26/2020 11:17:35</t>
  </si>
  <si>
    <t>01/26/2020 11:23:28</t>
  </si>
  <si>
    <t>a72bfd40-1399-489a-abbd-6cf18e8b816c.tmp</t>
  </si>
  <si>
    <t>\\acsfs\profiles$\francislayneads\Downloads\a72bfd40-1399-489a-abbd-6cf18e8b816c.tmp</t>
  </si>
  <si>
    <t>01/26/2020 11:35:28</t>
  </si>
  <si>
    <t>01/26/2020 11:31:25</t>
  </si>
  <si>
    <t>661b4321-9ac2-450f-88f1-f9268b8720f1.tmp</t>
  </si>
  <si>
    <t>\\acsfs\profiles$\PEDROHAB\Downloads\661b4321-9ac2-450f-88f1-f9268b8720f1.tmp</t>
  </si>
  <si>
    <t>01/26/2020 11:31:57</t>
  </si>
  <si>
    <t>a0a5dfea-be35-4288-b2c0-fc54225e8585.tmp</t>
  </si>
  <si>
    <t>\\acsfs\profiles$\PEDROHAB\Downloads\a0a5dfea-be35-4288-b2c0-fc54225e8585.tmp</t>
  </si>
  <si>
    <t>01/26/2020 11:33:03</t>
  </si>
  <si>
    <t>e4c70dae-7c8a-4d3e-b4c7-6b091d73cacf.tmp</t>
  </si>
  <si>
    <t>\\acsfs\profiles$\PEDROHAB\Downloads\e4c70dae-7c8a-4d3e-b4c7-6b091d73cacf.tmp</t>
  </si>
  <si>
    <t>01/26/2020 11:33:05</t>
  </si>
  <si>
    <t>a89fc76f-deef-4d46-bf9e-a56c67053a61.tmp</t>
  </si>
  <si>
    <t>\\acsfs\profiles$\PEDROHAB\Downloads\a89fc76f-deef-4d46-bf9e-a56c67053a61.tmp</t>
  </si>
  <si>
    <t>01/26/2020 11:33:19</t>
  </si>
  <si>
    <t>01/26/2020 11:36:28</t>
  </si>
  <si>
    <t>lu172642p2zk8.tmp</t>
  </si>
  <si>
    <t>\\acsfs\profiles$\ANAPDSB\lu172642p2zk8.tmp</t>
  </si>
  <si>
    <t>\\acsfs\profiles$\ANAPDSB\lu172642p2zk8.tmp\Configurations2\accelerator\</t>
  </si>
  <si>
    <t>\\acsfs\profiles$\ANAPDSB\lu172642p2zk8.tmp\</t>
  </si>
  <si>
    <t>\\acsfs\profiles$\ANAPDSB\lu172642p2zk8.tmp\META-INF\</t>
  </si>
  <si>
    <t>\\acsfs\profiles$\ANAPDSB\lu172642p2zk8.tmp\Thumbnails\</t>
  </si>
  <si>
    <t>01/26/2020 11:37:02</t>
  </si>
  <si>
    <t>01/26/2020 11:40:28</t>
  </si>
  <si>
    <t>5e35073b-cada-4ad8-bdec-594a5a00a6be.tmp</t>
  </si>
  <si>
    <t>\\acsfs\profiles$\PEDROHAB\Downloads\5e35073b-cada-4ad8-bdec-594a5a00a6be.tmp</t>
  </si>
  <si>
    <t>01/26/2020 11:37:04</t>
  </si>
  <si>
    <t>0e7bdc16-6c46-48bc-b484-0828a38c2fcf.tmp</t>
  </si>
  <si>
    <t>\\acsfs\profiles$\PEDROHAB\Downloads\0e7bdc16-6c46-48bc-b484-0828a38c2fcf.tmp</t>
  </si>
  <si>
    <t>01/26/2020 11:42:09</t>
  </si>
  <si>
    <t>01/26/2020 11:46:29</t>
  </si>
  <si>
    <t>lu172642p2zkc.tmp</t>
  </si>
  <si>
    <t>\\acsfs\profiles$\ANAPDSB\lu172642p2zkc.tmp</t>
  </si>
  <si>
    <t>\\acsfs\profiles$\ANAPDSB\lu172642p2zkc.tmp\Configurations2\accelerator\</t>
  </si>
  <si>
    <t>\\acsfs\profiles$\ANAPDSB\lu172642p2zkc.tmp\</t>
  </si>
  <si>
    <t>\\acsfs\profiles$\ANAPDSB\lu172642p2zkc.tmp\META-INF\</t>
  </si>
  <si>
    <t>\\acsfs\profiles$\ANAPDSB\lu172642p2zkc.tmp\Thumbnails\</t>
  </si>
  <si>
    <t>01/26/2020 11:49:45</t>
  </si>
  <si>
    <t>01/26/2020 11:50:28</t>
  </si>
  <si>
    <t>lu365721lzker.tmp</t>
  </si>
  <si>
    <t>\\acsfs\profiles$\ALEXANDREMM\lu365721lzker.tmp</t>
  </si>
  <si>
    <t>\\acsfs\profiles$\ALEXANDREMM\lu365721lzker.tmp\</t>
  </si>
  <si>
    <t>\\acsfs\profiles$\ALEXANDREMM\lu365721lzker.tmp\META-INF\</t>
  </si>
  <si>
    <t>\\acsfs\profiles$\ALEXANDREMM\lu365721lzker.tmp\Thumbnails\</t>
  </si>
  <si>
    <t>01/26/2020 11:55:51</t>
  </si>
  <si>
    <t>01/26/2020 11:57:28</t>
  </si>
  <si>
    <t>lu374522f030q.tmp</t>
  </si>
  <si>
    <t>\\acsfs\profiles$\VIVIANALDS\My Documents\lu374522f030q.tmp</t>
  </si>
  <si>
    <t>\\acsfs\profiles$\VIVIANALDS\My Documents\lu374522f030q.tmp\</t>
  </si>
  <si>
    <t>\\acsfs\profiles$\VIVIANALDS\My Documents\lu374522f030q.tmp\META-INF\</t>
  </si>
  <si>
    <t>\\acsfs\profiles$\VIVIANALDS\My Documents\lu374522f030q.tmp\Thumbnails\</t>
  </si>
  <si>
    <t>01/26/2020 11:55:58</t>
  </si>
  <si>
    <t>lu374522f030u.tmp</t>
  </si>
  <si>
    <t>\\acsfs\profiles$\VIVIANALDS\My Documents\lu374522f030u.tmp</t>
  </si>
  <si>
    <t>\\acsfs\profiles$\VIVIANALDS\My Documents\lu374522f030u.tmp\</t>
  </si>
  <si>
    <t>\\acsfs\profiles$\VIVIANALDS\My Documents\lu374522f030u.tmp\META-INF\</t>
  </si>
  <si>
    <t>\\acsfs\profiles$\VIVIANALDS\My Documents\lu374522f030u.tmp\Thumbnails\</t>
  </si>
  <si>
    <t>01/26/2020 12:04:21</t>
  </si>
  <si>
    <t>01/26/2020 12:05:28</t>
  </si>
  <si>
    <t>lu365721lzkev.tmp</t>
  </si>
  <si>
    <t>\\acsfs\profiles$\ALEXANDREMM\lu365721lzkev.tmp</t>
  </si>
  <si>
    <t>\\acsfs\profiles$\ALEXANDREMM\lu365721lzkev.tmp\</t>
  </si>
  <si>
    <t>\\acsfs\profiles$\ALEXANDREMM\lu365721lzkev.tmp\META-INF\</t>
  </si>
  <si>
    <t>\\acsfs\profiles$\ALEXANDREMM\lu365721lzkev.tmp\Thumbnails\</t>
  </si>
  <si>
    <t>01/26/2020 12:02:15</t>
  </si>
  <si>
    <t>01/26/2020 12:06:29</t>
  </si>
  <si>
    <t>01/26/2020 12:02:16</t>
  </si>
  <si>
    <t>lu172642p2zkg.tmp</t>
  </si>
  <si>
    <t>\\acsfs\profiles$\ANAPDSB\lu172642p2zkg.tmp</t>
  </si>
  <si>
    <t>\\acsfs\profiles$\ANAPDSB\lu172642p2zkg.tmp\Configurations2\accelerator\</t>
  </si>
  <si>
    <t>\\acsfs\profiles$\ANAPDSB\lu172642p2zkg.tmp\</t>
  </si>
  <si>
    <t>\\acsfs\profiles$\ANAPDSB\lu172642p2zkg.tmp\META-INF\</t>
  </si>
  <si>
    <t>\\acsfs\profiles$\ANAPDSB\lu172642p2zkg.tmp\Thumbnails\</t>
  </si>
  <si>
    <t>01/26/2020 12:02:28</t>
  </si>
  <si>
    <t>lu172642p2zkk.tmp</t>
  </si>
  <si>
    <t>\\acsfs\profiles$\ANAPDSB\lu172642p2zkk.tmp</t>
  </si>
  <si>
    <t>\\acsfs\profiles$\ANAPDSB\lu172642p2zkk.tmp\Configurations2\accelerator\</t>
  </si>
  <si>
    <t>\\acsfs\profiles$\ANAPDSB\lu172642p2zkk.tmp\</t>
  </si>
  <si>
    <t>\\acsfs\profiles$\ANAPDSB\lu172642p2zkk.tmp\META-INF\</t>
  </si>
  <si>
    <t>\\acsfs\profiles$\ANAPDSB\lu172642p2zkk.tmp\Thumbnails\</t>
  </si>
  <si>
    <t>01/26/2020 12:03:18</t>
  </si>
  <si>
    <t>01/26/2020 12:03:19</t>
  </si>
  <si>
    <t>lu172642p2zko.tmp</t>
  </si>
  <si>
    <t>\\acsfs\profiles$\ANAPDSB\lu172642p2zko.tmp</t>
  </si>
  <si>
    <t>\\acsfs\profiles$\ANAPDSB\lu172642p2zko.tmp\Configurations2\accelerator\</t>
  </si>
  <si>
    <t>\\acsfs\profiles$\ANAPDSB\lu172642p2zko.tmp\</t>
  </si>
  <si>
    <t>\\acsfs\profiles$\ANAPDSB\lu172642p2zko.tmp\META-INF\</t>
  </si>
  <si>
    <t>\\acsfs\profiles$\ANAPDSB\lu172642p2zko.tmp\Thumbnails\</t>
  </si>
  <si>
    <t>01/26/2020 12:04:23</t>
  </si>
  <si>
    <t>lu172642p2zks.tmp</t>
  </si>
  <si>
    <t>\\acsfs\profiles$\ANAPDSB\lu172642p2zks.tmp</t>
  </si>
  <si>
    <t>\\acsfs\profiles$\ANAPDSB\lu172642p2zks.tmp\Configurations2\accelerator\</t>
  </si>
  <si>
    <t>\\acsfs\profiles$\ANAPDSB\lu172642p2zks.tmp\</t>
  </si>
  <si>
    <t>\\acsfs\profiles$\ANAPDSB\lu172642p2zks.tmp\META-INF\</t>
  </si>
  <si>
    <t>\\acsfs\profiles$\ANAPDSB\lu172642p2zks.tmp\Thumbnails\</t>
  </si>
  <si>
    <t>01/26/2020 12:07:37</t>
  </si>
  <si>
    <t>01/26/2020 12:11:28</t>
  </si>
  <si>
    <t>lu172642p2zkw.tmp</t>
  </si>
  <si>
    <t>\\acsfs\profiles$\ANAPDSB\lu172642p2zkw.tmp</t>
  </si>
  <si>
    <t>\\acsfs\profiles$\ANAPDSB\lu172642p2zkw.tmp\Configurations2\accelerator\</t>
  </si>
  <si>
    <t>\\acsfs\profiles$\ANAPDSB\lu172642p2zkw.tmp\</t>
  </si>
  <si>
    <t>\\acsfs\profiles$\ANAPDSB\lu172642p2zkw.tmp\META-INF\</t>
  </si>
  <si>
    <t>\\acsfs\profiles$\ANAPDSB\lu172642p2zkw.tmp\Thumbnails\</t>
  </si>
  <si>
    <t>01/26/2020 12:07:51</t>
  </si>
  <si>
    <t>01/26/2020 12:07:52</t>
  </si>
  <si>
    <t>lu172642p2zl0.tmp</t>
  </si>
  <si>
    <t>\\acsfs\profiles$\ANAPDSB\lu172642p2zl0.tmp</t>
  </si>
  <si>
    <t>\\acsfs\profiles$\ANAPDSB\lu172642p2zl0.tmp\Configurations2\accelerator\</t>
  </si>
  <si>
    <t>\\acsfs\profiles$\ANAPDSB\lu172642p2zl0.tmp\</t>
  </si>
  <si>
    <t>\\acsfs\profiles$\ANAPDSB\lu172642p2zl0.tmp\META-INF\</t>
  </si>
  <si>
    <t>\\acsfs\profiles$\ANAPDSB\lu172642p2zl0.tmp\Thumbnails\</t>
  </si>
  <si>
    <t>01/26/2020 12:16:21</t>
  </si>
  <si>
    <t>01/26/2020 12:17:29</t>
  </si>
  <si>
    <t>lu374522f030y.tmp</t>
  </si>
  <si>
    <t>\\acsfs\profiles$\VIVIANALDS\My Documents\lu374522f030y.tmp</t>
  </si>
  <si>
    <t>\\acsfs\profiles$\VIVIANALDS\My Documents\lu374522f030y.tmp\</t>
  </si>
  <si>
    <t>\\acsfs\profiles$\VIVIANALDS\My Documents\lu374522f030y.tmp\META-INF\</t>
  </si>
  <si>
    <t>\\acsfs\profiles$\VIVIANALDS\My Documents\lu374522f030y.tmp\Thumbnails\</t>
  </si>
  <si>
    <t>01/26/2020 12:28:13</t>
  </si>
  <si>
    <t>01/26/2020 12:30:28</t>
  </si>
  <si>
    <t>01/26/2020 12:28:14</t>
  </si>
  <si>
    <t>lu365721lzkf6.tmp</t>
  </si>
  <si>
    <t>\\acsfs\profiles$\ALEXANDREMM\lu365721lzkf6.tmp</t>
  </si>
  <si>
    <t>\\acsfs\profiles$\ALEXANDREMM\lu365721lzkf6.tmp\</t>
  </si>
  <si>
    <t>\\acsfs\profiles$\ALEXANDREMM\lu365721lzkf6.tmp\META-INF\</t>
  </si>
  <si>
    <t>\\acsfs\profiles$\ALEXANDREMM\lu365721lzkf6.tmp\Thumbnails\</t>
  </si>
  <si>
    <t>01/26/2020 13:21:20</t>
  </si>
  <si>
    <t>01/26/2020 13:22:28</t>
  </si>
  <si>
    <t>db3810de-815c-4757-aa2e-05543893e284.tmp</t>
  </si>
  <si>
    <t>\\acsfs\profiles$\vivianalds\Downloads\db3810de-815c-4757-aa2e-05543893e284.tmp</t>
  </si>
  <si>
    <t>01/26/2020 13:21:58</t>
  </si>
  <si>
    <t>01/26/2020 13:25:28</t>
  </si>
  <si>
    <t>18aef628-8512-4643-ae72-32e516cc4ae4.tmp</t>
  </si>
  <si>
    <t>\\acsfs\profiles$\PEDROHAB\Downloads\18aef628-8512-4643-ae72-32e516cc4ae4.tmp</t>
  </si>
  <si>
    <t>01/26/2020 13:22:00</t>
  </si>
  <si>
    <t>025f67ec-ec17-4b94-91a7-e36642e70df2.tmp</t>
  </si>
  <si>
    <t>\\acsfs\profiles$\PEDROHAB\Downloads\025f67ec-ec17-4b94-91a7-e36642e70df2.tmp</t>
  </si>
  <si>
    <t>01/26/2020 13:24:58</t>
  </si>
  <si>
    <t>01/26/2020 13:24:59</t>
  </si>
  <si>
    <t>lu365721lzkfa.tmp</t>
  </si>
  <si>
    <t>\\acsfs\profiles$\ALEXANDREMM\lu365721lzkfa.tmp</t>
  </si>
  <si>
    <t>\\acsfs\profiles$\ALEXANDREMM\lu365721lzkfa.tmp\</t>
  </si>
  <si>
    <t>\\acsfs\profiles$\ALEXANDREMM\lu365721lzkfa.tmp\META-INF\</t>
  </si>
  <si>
    <t>\\acsfs\profiles$\ALEXANDREMM\lu365721lzkfa.tmp\Thumbnails\</t>
  </si>
  <si>
    <t>01/26/2020 13:29:14</t>
  </si>
  <si>
    <t>01/26/2020 13:31:28</t>
  </si>
  <si>
    <t>lu172642p2zl4.tmp</t>
  </si>
  <si>
    <t>\\acsfs\profiles$\ANAPDSB\lu172642p2zl4.tmp</t>
  </si>
  <si>
    <t>\\acsfs\profiles$\ANAPDSB\lu172642p2zl4.tmp\Configurations2\accelerator\</t>
  </si>
  <si>
    <t>\\acsfs\profiles$\ANAPDSB\lu172642p2zl4.tmp\</t>
  </si>
  <si>
    <t>\\acsfs\profiles$\ANAPDSB\lu172642p2zl4.tmp\META-INF\</t>
  </si>
  <si>
    <t>\\acsfs\profiles$\ANAPDSB\lu172642p2zl4.tmp\Thumbnails\</t>
  </si>
  <si>
    <t>01/26/2020 13:29:33</t>
  </si>
  <si>
    <t>lu172642p2zl8.tmp</t>
  </si>
  <si>
    <t>\\acsfs\profiles$\ANAPDSB\lu172642p2zl8.tmp</t>
  </si>
  <si>
    <t>\\acsfs\profiles$\ANAPDSB\lu172642p2zl8.tmp\Configurations2\accelerator\</t>
  </si>
  <si>
    <t>\\acsfs\profiles$\ANAPDSB\lu172642p2zl8.tmp\</t>
  </si>
  <si>
    <t>\\acsfs\profiles$\ANAPDSB\lu172642p2zl8.tmp\META-INF\</t>
  </si>
  <si>
    <t>\\acsfs\profiles$\ANAPDSB\lu172642p2zl8.tmp\Thumbnails\</t>
  </si>
  <si>
    <t>01/26/2020 13:30:25</t>
  </si>
  <si>
    <t>01/26/2020 13:30:26</t>
  </si>
  <si>
    <t>lu172642p2zlc.tmp</t>
  </si>
  <si>
    <t>\\acsfs\profiles$\ANAPDSB\lu172642p2zlc.tmp</t>
  </si>
  <si>
    <t>\\acsfs\profiles$\ANAPDSB\lu172642p2zlc.tmp\Configurations2\accelerator\</t>
  </si>
  <si>
    <t>\\acsfs\profiles$\ANAPDSB\lu172642p2zlc.tmp\</t>
  </si>
  <si>
    <t>\\acsfs\profiles$\ANAPDSB\lu172642p2zlc.tmp\META-INF\</t>
  </si>
  <si>
    <t>\\acsfs\profiles$\ANAPDSB\lu172642p2zlc.tmp\Thumbnails\</t>
  </si>
  <si>
    <t>01/26/2020 13:44:22</t>
  </si>
  <si>
    <t>01/26/2020 13:45:29</t>
  </si>
  <si>
    <t>d6ae1a5d-1bf5-4009-917e-e9b010a48763.tmp</t>
  </si>
  <si>
    <t>\\acsfs\profiles$\PEDROHAB\Downloads\d6ae1a5d-1bf5-4009-917e-e9b010a48763.tmp</t>
  </si>
  <si>
    <t>01/26/2020 14:00:22</t>
  </si>
  <si>
    <t>01/26/2020 14:01:29</t>
  </si>
  <si>
    <t>lu172642p2zlg.tmp</t>
  </si>
  <si>
    <t>\\acsfs\profiles$\ANAPDSB\lu172642p2zlg.tmp</t>
  </si>
  <si>
    <t>\\acsfs\profiles$\ANAPDSB\lu172642p2zlg.tmp\Configurations2\accelerator\</t>
  </si>
  <si>
    <t>\\acsfs\profiles$\ANAPDSB\lu172642p2zlg.tmp\</t>
  </si>
  <si>
    <t>\\acsfs\profiles$\ANAPDSB\lu172642p2zlg.tmp\META-INF\</t>
  </si>
  <si>
    <t>\\acsfs\profiles$\ANAPDSB\lu172642p2zlg.tmp\Thumbnails\</t>
  </si>
  <si>
    <t>01/26/2020 14:00:25</t>
  </si>
  <si>
    <t>lu172642p2zlk.tmp</t>
  </si>
  <si>
    <t>\\acsfs\profiles$\ANAPDSB\lu172642p2zlk.tmp</t>
  </si>
  <si>
    <t>\\acsfs\profiles$\ANAPDSB\lu172642p2zlk.tmp\Configurations2\accelerator\</t>
  </si>
  <si>
    <t>\\acsfs\profiles$\ANAPDSB\lu172642p2zlk.tmp\</t>
  </si>
  <si>
    <t>\\acsfs\profiles$\ANAPDSB\lu172642p2zlk.tmp\META-INF\</t>
  </si>
  <si>
    <t>\\acsfs\profiles$\ANAPDSB\lu172642p2zlk.tmp\Thumbnails\</t>
  </si>
  <si>
    <t>01/26/2020 14:20:07</t>
  </si>
  <si>
    <t>01/26/2020 14:21:28</t>
  </si>
  <si>
    <t>04b4873b-931b-46a4-b76c-8d21b1ac9bf9.tmp</t>
  </si>
  <si>
    <t>\\acsfs\profiles$\gabrielaff\Downloads\04b4873b-931b-46a4-b76c-8d21b1ac9bf9.tmp</t>
  </si>
  <si>
    <t>01/26/2020 14:20:18</t>
  </si>
  <si>
    <t>81a5f871-37ab-4689-b538-f2a77a529c70.tmp</t>
  </si>
  <si>
    <t>\\acsfs\profiles$\gabrielaff\Downloads\81a5f871-37ab-4689-b538-f2a77a529c70.tmp</t>
  </si>
  <si>
    <t>01/26/2020 14:22:28</t>
  </si>
  <si>
    <t>01/26/2020 14:21:09</t>
  </si>
  <si>
    <t>22f28144-c954-4d22-bb13-01d12695dccf.tmp</t>
  </si>
  <si>
    <t>\\acsfs\profiles$\philipegsf\Downloads\22f28144-c954-4d22-bb13-01d12695dccf.tmp</t>
  </si>
  <si>
    <t>01/26/2020 14:24:29</t>
  </si>
  <si>
    <t>01/26/2020 14:23:48</t>
  </si>
  <si>
    <t>7b823278-0049-468d-8125-b49bf634042f.tmp</t>
  </si>
  <si>
    <t>\\acsfs\profiles$\matheusmax\Downloads\7b823278-0049-468d-8125-b49bf634042f.tmp</t>
  </si>
  <si>
    <t>01/26/2020 14:22:14</t>
  </si>
  <si>
    <t>01/26/2020 14:26:29</t>
  </si>
  <si>
    <t>5ec55843-a5d5-4c49-8fba-8bc003081408.tmp</t>
  </si>
  <si>
    <t>\\acsfs\profiles$\gabrielaff\Downloads\5ec55843-a5d5-4c49-8fba-8bc003081408.tmp</t>
  </si>
  <si>
    <t>01/26/2020 14:22:46</t>
  </si>
  <si>
    <t>a8e4b581-0a1f-400e-8a89-101994830b3a.tmp</t>
  </si>
  <si>
    <t>\\acsfs\profiles$\gabrielaff\Downloads\a8e4b581-0a1f-400e-8a89-101994830b3a.tmp</t>
  </si>
  <si>
    <t>01/26/2020 14:22:55</t>
  </si>
  <si>
    <t>01/26/2020 14:27:28</t>
  </si>
  <si>
    <t>9b7602f0-b676-4535-a0c8-affbc21647c3.tmp</t>
  </si>
  <si>
    <t>\\acsfs\profiles$\philipegsf\Downloads\9b7602f0-b676-4535-a0c8-affbc21647c3.tmp</t>
  </si>
  <si>
    <t>01/26/2020 14:25:46</t>
  </si>
  <si>
    <t>01/26/2020 14:29:29</t>
  </si>
  <si>
    <t>https://udpwfmniceap02/web/guest/home?p_auth=btgsnx83&amp;p_p_id=58&amp;p_p_lifecycle=1&amp;p_p_state=maximized&amp;p_p_mode=view&amp;savelastpath=0&amp;_58_struts_action=/login/forgot_password</t>
  </si>
  <si>
    <t>01/26/2020 14:26:17</t>
  </si>
  <si>
    <t>b708663f-8cdc-4252-9baf-9a244258fed4.tmp</t>
  </si>
  <si>
    <t>\\acsfs\profiles$\matheusmax\Downloads\b708663f-8cdc-4252-9baf-9a244258fed4.tmp</t>
  </si>
  <si>
    <t>01/26/2020 14:26:56</t>
  </si>
  <si>
    <t>f646c1f9-e151-4cc7-b553-45dc77ea85ae.tmp</t>
  </si>
  <si>
    <t>\\acsfs\profiles$\matheusmax\Downloads\f646c1f9-e151-4cc7-b553-45dc77ea85ae.tmp</t>
  </si>
  <si>
    <t>01/26/2020 14:28:13</t>
  </si>
  <si>
    <t>01/26/2020 14:31:28</t>
  </si>
  <si>
    <t>01/26/2020 14:27:31</t>
  </si>
  <si>
    <t>fa6c88a5-08ed-4266-a5a2-53c0a828c6ec.tmp</t>
  </si>
  <si>
    <t>\\acsfs\profiles$\gabrielaff\Downloads\fa6c88a5-08ed-4266-a5a2-53c0a828c6ec.tmp</t>
  </si>
  <si>
    <t>01/26/2020 14:27:50</t>
  </si>
  <si>
    <t>3758922b-263a-4682-92be-bac63f816eda.tmp</t>
  </si>
  <si>
    <t>\\acsfs\profiles$\gabrielaff\Downloads\3758922b-263a-4682-92be-bac63f816eda.tmp</t>
  </si>
  <si>
    <t>01/26/2020 14:32:28</t>
  </si>
  <si>
    <t>01/26/2020 14:29:45</t>
  </si>
  <si>
    <t>01/26/2020 14:34:29</t>
  </si>
  <si>
    <t>https://udpwfmniceap02/pt_br/web/guest/home?p_auth=btgsnx83&amp;p_p_id=58&amp;p_p_lifecycle=1&amp;p_p_state=maximized&amp;p_p_mode=view&amp;savelastpath=0&amp;_58_struts_action=/login/forgot_password</t>
  </si>
  <si>
    <t>01/26/2020 14:29:51</t>
  </si>
  <si>
    <t>01/26/2020 14:36:29</t>
  </si>
  <si>
    <t>e0448ad6-c50d-4ba1-9d4e-6222afe67b03.tmp</t>
  </si>
  <si>
    <t>\\acsfs\profiles$\gabrielaff\Downloads\e0448ad6-c50d-4ba1-9d4e-6222afe67b03.tmp</t>
  </si>
  <si>
    <t>01/26/2020 14:32:50</t>
  </si>
  <si>
    <t>dd774cda-a7bd-42f6-9e42-54a426ddea35.tmp</t>
  </si>
  <si>
    <t>\\acsfs\profiles$\gabrielaff\Downloads\dd774cda-a7bd-42f6-9e42-54a426ddea35.tmp</t>
  </si>
  <si>
    <t>01/26/2020 14:48:46</t>
  </si>
  <si>
    <t>01/26/2020 14:51:28</t>
  </si>
  <si>
    <t>4bd78702-e88c-41b7-a7b9-ac5b8c96d8b3.tmp</t>
  </si>
  <si>
    <t>\\acsfs\profiles$\gabrielaff\Downloads\4bd78702-e88c-41b7-a7b9-ac5b8c96d8b3.tmp</t>
  </si>
  <si>
    <t>01/26/2020 14:55:29</t>
  </si>
  <si>
    <t>01/26/2020 14:51:37</t>
  </si>
  <si>
    <t>aa5b8551-f286-467c-b59f-b726de4e9700.tmp</t>
  </si>
  <si>
    <t>\\acsfs\profiles$\henriqueco\Downloads\aa5b8551-f286-467c-b59f-b726de4e9700.tmp</t>
  </si>
  <si>
    <t>01/26/2020 15:00:28</t>
  </si>
  <si>
    <t>01/26/2020 14:58:02</t>
  </si>
  <si>
    <t>e9f46115-c107-4b10-b5a6-c56986d8ea02.tmp</t>
  </si>
  <si>
    <t>\\acsfs\profiles$\henriqueco\Downloads\e9f46115-c107-4b10-b5a6-c56986d8ea02.tmp</t>
  </si>
  <si>
    <t>01/26/2020 15:00:49</t>
  </si>
  <si>
    <t>01/26/2020 15:01:28</t>
  </si>
  <si>
    <t>01/26/2020 15:00:04</t>
  </si>
  <si>
    <t>01/26/2020 15:05:29</t>
  </si>
  <si>
    <t>05d1989a-adf0-4dcf-b92b-e213ecbed88f.tmp</t>
  </si>
  <si>
    <t>\\acsfs\profiles$\henriqueco\Downloads\05d1989a-adf0-4dcf-b92b-e213ecbed88f.tmp</t>
  </si>
  <si>
    <t>01/26/2020 15:00:11</t>
  </si>
  <si>
    <t>1344eb38-a04b-4cf7-bfa8-d88c3aeedc7a.tmp</t>
  </si>
  <si>
    <t>\\acsfs\profiles$\henriqueco\Downloads\1344eb38-a04b-4cf7-bfa8-d88c3aeedc7a.tmp</t>
  </si>
  <si>
    <t>01/26/2020 15:02:21</t>
  </si>
  <si>
    <t>01/26/2020 15:06:28</t>
  </si>
  <si>
    <t>5d0ce6e6-a577-42f2-8fd5-d34556fa1c82.tmp</t>
  </si>
  <si>
    <t>\\acsfs\profiles$\gabrielaff\Downloads\5d0ce6e6-a577-42f2-8fd5-d34556fa1c82.tmp</t>
  </si>
  <si>
    <t>01/26/2020 15:07:24</t>
  </si>
  <si>
    <t>01/26/2020 15:11:28</t>
  </si>
  <si>
    <t>01/26/2020 15:13:09</t>
  </si>
  <si>
    <t>01/26/2020 15:15:28</t>
  </si>
  <si>
    <t>0bafaee8-cfe4-4fbb-84e1-f20c300a8a1c.tmp</t>
  </si>
  <si>
    <t>\\acsfs\profiles$\andreapdsg\Downloads\0bafaee8-cfe4-4fbb-84e1-f20c300a8a1c.tmp</t>
  </si>
  <si>
    <t>01/26/2020 15:13:17</t>
  </si>
  <si>
    <t>01/26/2020 15:13:40</t>
  </si>
  <si>
    <t>01/26/2020 15:14:30</t>
  </si>
  <si>
    <t>8b05eb5d-fa41-499f-9d32-bd6b1376417f.tmp</t>
  </si>
  <si>
    <t>\\acsfs\profiles$\andreapdsg\Downloads\8b05eb5d-fa41-499f-9d32-bd6b1376417f.tmp</t>
  </si>
  <si>
    <t>01/26/2020 15:40:28</t>
  </si>
  <si>
    <t>01/26/2020 15:35:03</t>
  </si>
  <si>
    <t>8f25539a-6afe-4365-b9f7-dfddccdba166.tmp</t>
  </si>
  <si>
    <t>\\acsfs\profiles$\henriqueco\Downloads\8f25539a-6afe-4365-b9f7-dfddccdba166.tmp</t>
  </si>
  <si>
    <t>01/26/2020 15:43:01</t>
  </si>
  <si>
    <t>01/26/2020 15:46:28</t>
  </si>
  <si>
    <t>bce0f973-d028-40f3-a747-c83368d2e6d6.tmp</t>
  </si>
  <si>
    <t>\\acsfs\profiles$\gabrielaff\Downloads\bce0f973-d028-40f3-a747-c83368d2e6d6.tmp</t>
  </si>
  <si>
    <t>01/26/2020 16:55:09</t>
  </si>
  <si>
    <t>01/26/2020 17:00:29</t>
  </si>
  <si>
    <t>75b87f70-e61d-449e-9c27-1a6466a54885.tmp</t>
  </si>
  <si>
    <t>\\acsfs\profiles$\henriqueco\Downloads\75b87f70-e61d-449e-9c27-1a6466a54885.tmp</t>
  </si>
  <si>
    <t>01/26/2020 17:20:39</t>
  </si>
  <si>
    <t>01/26/2020 17:21:28</t>
  </si>
  <si>
    <t>f097f19f-d2ad-4d45-9416-3948002ba653.tmp</t>
  </si>
  <si>
    <t>\\acsfs\profiles$\nathaliaos\Downloads\f097f19f-d2ad-4d45-9416-3948002ba653.tmp</t>
  </si>
  <si>
    <t>01/26/2020 17:22:09</t>
  </si>
  <si>
    <t>01/26/2020 17:26:28</t>
  </si>
  <si>
    <t>8f5d468d-67bc-4b26-867b-2aa32bfb2614.tmp</t>
  </si>
  <si>
    <t>\\acsfs\profiles$\nathaliaos\Downloads\8f5d468d-67bc-4b26-867b-2aa32bfb2614.tmp</t>
  </si>
  <si>
    <t>01/26/2020 17:42:31</t>
  </si>
  <si>
    <t>01/26/2020 17:45:28</t>
  </si>
  <si>
    <t>01/26/2020 18:38:32</t>
  </si>
  <si>
    <t>01/26/2020 18:42:28</t>
  </si>
  <si>
    <t>01/26/2020 18:38:55</t>
  </si>
  <si>
    <t>01/26/2020 18:42:57</t>
  </si>
  <si>
    <t>01/26/2020 18:47:29</t>
  </si>
  <si>
    <t>01/26/2020 18:48:30</t>
  </si>
  <si>
    <t>01/26/2020 18:50:28</t>
  </si>
  <si>
    <t>ffa2ee3f-f464-44fd-a89d-db5117b55a3d.tmp</t>
  </si>
  <si>
    <t>\\acsfs\profiles$\henriqueco\Downloads\ffa2ee3f-f464-44fd-a89d-db5117b55a3d.tmp</t>
  </si>
  <si>
    <t>01/26/2020 18:48:45</t>
  </si>
  <si>
    <t>68df3f46-a23a-4f66-8c01-a5e1bb8876a7.tmp</t>
  </si>
  <si>
    <t>\\acsfs\profiles$\henriqueco\Downloads\68df3f46-a23a-4f66-8c01-a5e1bb8876a7.tmp</t>
  </si>
  <si>
    <t>01/26/2020 18:49:26</t>
  </si>
  <si>
    <t>7bd8ac8f-b740-40f5-bfaa-b25fdf103224.tmp</t>
  </si>
  <si>
    <t>\\acsfs\profiles$\henriqueco\Downloads\7bd8ac8f-b740-40f5-bfaa-b25fdf103224.tmp</t>
  </si>
  <si>
    <t>01/26/2020 18:50:09</t>
  </si>
  <si>
    <t>01/26/2020 18:55:29</t>
  </si>
  <si>
    <t>01a8a305-8640-4611-9d13-c9f64ed83f2c.tmp</t>
  </si>
  <si>
    <t>\\acsfs\profiles$\henriqueco\Downloads\01a8a305-8640-4611-9d13-c9f64ed83f2c.tmp</t>
  </si>
  <si>
    <t>01/26/2020 19:01:26</t>
  </si>
  <si>
    <t>01/26/2020 19:02:29</t>
  </si>
  <si>
    <t>01/26/2020 19:00:28</t>
  </si>
  <si>
    <t>01/26/2020 19:05:28</t>
  </si>
  <si>
    <t>619fb777-d704-4e82-b2fe-5c5f40aac3d8.tmp</t>
  </si>
  <si>
    <t>\\acsfs\profiles$\andreapdsg\Downloads\619fb777-d704-4e82-b2fe-5c5f40aac3d8.tmp</t>
  </si>
  <si>
    <t>01/26/2020 19:21:29</t>
  </si>
  <si>
    <t>01/26/2020 19:18:57</t>
  </si>
  <si>
    <t>fffce843-0413-42e1-9434-c31338ac8e73.tmp</t>
  </si>
  <si>
    <t>\\acsfs\profiles$\nathaliaos\Downloads\fffce843-0413-42e1-9434-c31338ac8e73.tmp</t>
  </si>
  <si>
    <t>01/26/2020 19:35:48</t>
  </si>
  <si>
    <t>01/26/2020 19:37:28</t>
  </si>
  <si>
    <t>01/26/2020 19:43:20</t>
  </si>
  <si>
    <t>01/26/2020 19:47:29</t>
  </si>
  <si>
    <t>01/26/2020 19:55:14</t>
  </si>
  <si>
    <t>01/26/2020 19:56:30</t>
  </si>
  <si>
    <t>71cf7e51-661c-40d5-bdfa-4048a5657618.tmp</t>
  </si>
  <si>
    <t>\\acsfs\profiles$\nathaliaos\Downloads\71cf7e51-661c-40d5-bdfa-4048a5657618.tmp</t>
  </si>
  <si>
    <t>01/26/2020 19:53:29</t>
  </si>
  <si>
    <t>01/26/2020 19:57:29</t>
  </si>
  <si>
    <t>01/26/2020 20:09:16</t>
  </si>
  <si>
    <t>01/26/2020 20:11:29</t>
  </si>
  <si>
    <t>27ddff31-511b-45a2-b28a-1612bbafdf3f.tmp</t>
  </si>
  <si>
    <t>\\acsfs\profiles$\nathaliaos\Downloads\27ddff31-511b-45a2-b28a-1612bbafdf3f.tmp</t>
  </si>
  <si>
    <t>01/26/2020 20:10:11</t>
  </si>
  <si>
    <t>0735eb1f-dd38-4554-8a1c-5a2587e1fd5a.tmp</t>
  </si>
  <si>
    <t>\\acsfs\profiles$\nathaliaos\Downloads\0735eb1f-dd38-4554-8a1c-5a2587e1fd5a.tmp</t>
  </si>
  <si>
    <t>01/26/2020 20:45:15</t>
  </si>
  <si>
    <t>01/26/2020 20:47:29</t>
  </si>
  <si>
    <t>01/26/2020 20:52:59</t>
  </si>
  <si>
    <t>01/26/2020 20:57:30</t>
  </si>
  <si>
    <t>01/26/2020 20:57:38</t>
  </si>
  <si>
    <t>01/26/2020 21:02:30</t>
  </si>
  <si>
    <t>01/26/2020 21:09:57</t>
  </si>
  <si>
    <t>01/26/2020 21:12:30</t>
  </si>
  <si>
    <t>01/26/2020 21:15:05</t>
  </si>
  <si>
    <t>01/26/2020 21:17:29</t>
  </si>
  <si>
    <t>01/26/2020 21:21:40</t>
  </si>
  <si>
    <t>01/26/2020 21:22:29</t>
  </si>
  <si>
    <t>01/26/2020 21:24:08</t>
  </si>
  <si>
    <t>01/26/2020 21:27:29</t>
  </si>
  <si>
    <t>01/26/2020 14:18:11</t>
  </si>
  <si>
    <t>01/26/2020 21:37:29</t>
  </si>
  <si>
    <t>01/26/2020 14:18:12</t>
  </si>
  <si>
    <t>lu365721lzkfe.tmp</t>
  </si>
  <si>
    <t>\\acsfs\profiles$\ALEXANDREMM\lu365721lzkfe.tmp</t>
  </si>
  <si>
    <t>\\acsfs\profiles$\ALEXANDREMM\lu365721lzkfe.tmp\</t>
  </si>
  <si>
    <t>\\acsfs\profiles$\ALEXANDREMM\lu365721lzkfe.tmp\META-INF\</t>
  </si>
  <si>
    <t>\\acsfs\profiles$\ALEXANDREMM\lu365721lzkfe.tmp\Thumbnails\</t>
  </si>
  <si>
    <t>01/26/2020 21:40:10</t>
  </si>
  <si>
    <t>01/26/2020 21:42:30</t>
  </si>
  <si>
    <t>5f0dae0f-aacb-417d-9eca-ba1abd687aaf.tmp</t>
  </si>
  <si>
    <t>\\acsfs\profiles$\marlyannegdls\Downloads\5f0dae0f-aacb-417d-9eca-ba1abd687aaf.tmp</t>
  </si>
  <si>
    <t>01/26/2020 21:41:18</t>
  </si>
  <si>
    <t>5e6b3c8a-e6d5-49a3-8e15-8dcb6f21fd13.tmp</t>
  </si>
  <si>
    <t>\\acsfs\profiles$\marlyannegdls\Downloads\5e6b3c8a-e6d5-49a3-8e15-8dcb6f21fd13.tmp</t>
  </si>
  <si>
    <t>01/26/2020 21:37:20</t>
  </si>
  <si>
    <t>01/26/2020 23:51:30</t>
  </si>
  <si>
    <t>\\acsfs\profiles$\marlyannegdls\My Documents\My Pictures\</t>
  </si>
  <si>
    <t>\\acsfs\profiles$\marlyannegdls\My Documents\My Videos\desktop.ini</t>
  </si>
  <si>
    <t>01/26/2020 21:37:21</t>
  </si>
  <si>
    <t>\\acsfs\profiles$\marlyannegdls\My Documents\My Videos\</t>
  </si>
  <si>
    <t>01/26/2020 21:37:22</t>
  </si>
  <si>
    <t>01/26/2020 21:37:23</t>
  </si>
  <si>
    <t>01/26/2020 21:37:24</t>
  </si>
  <si>
    <t>\\acsfs\profiles$\marlyannegdls\My Documents\My Music\</t>
  </si>
  <si>
    <t>\\acsfs\profiles$\marlyannegdls\My Documents\My Pictures\desktop.ini</t>
  </si>
  <si>
    <t>01/26/2020 21:37:26</t>
  </si>
  <si>
    <t>01/26/2020 21:37:27</t>
  </si>
  <si>
    <t>01/26/2020 23:56:30</t>
  </si>
  <si>
    <t>01/26/2020 23:56:18</t>
  </si>
  <si>
    <t>49f3f291-3ffc-4c11-b8ec-e2566dd87b78.tmp</t>
  </si>
  <si>
    <t>\\acsfs\profiles$\mariaavds\Downloads\49f3f291-3ffc-4c11-b8ec-e2566dd87b78.tmp</t>
  </si>
  <si>
    <t>01/26/2020 23:52:31</t>
  </si>
  <si>
    <t>01/26/2020 23:57:29</t>
  </si>
  <si>
    <t>472c4482-9e04-4aab-8258-a59a342fbb4c.tmp</t>
  </si>
  <si>
    <t>\\acsfs\profiles$\marlyannegdls\Downloads\472c4482-9e04-4aab-8258-a59a342fbb4c.tmp</t>
  </si>
  <si>
    <t>01/26/2020 23:53:16</t>
  </si>
  <si>
    <t>caf45714-40fe-4551-8efe-5cbe5c6028e3.tmp</t>
  </si>
  <si>
    <t>\\acsfs\profiles$\marlyannegdls\Downloads\caf45714-40fe-4551-8efe-5cbe5c6028e3.tmp</t>
  </si>
  <si>
    <t>01/26/2020 23:56:25</t>
  </si>
  <si>
    <t>01/27/2020 00:01:30</t>
  </si>
  <si>
    <t>9d376ab8-d6d7-4e98-bdc3-a83a7b232719.tmp</t>
  </si>
  <si>
    <t>\\acsfs\profiles$\mariaavds\Downloads\9d376ab8-d6d7-4e98-bdc3-a83a7b232719.tmp</t>
  </si>
  <si>
    <t>01/26/2020 23:58:03</t>
  </si>
  <si>
    <t>b49e4f6d-0791-4a21-b397-0aab901d8ec0.tmp</t>
  </si>
  <si>
    <t>\\acsfs\profiles$\mariaavds\Downloads\b49e4f6d-0791-4a21-b397-0aab901d8ec0.tmp</t>
  </si>
  <si>
    <t>01/27/2020 03:27:30</t>
  </si>
  <si>
    <t>01/27/2020 03:26:00</t>
  </si>
  <si>
    <t>cd75d388-1287-456c-a6aa-011ff15832dc.tmp</t>
  </si>
  <si>
    <t>\\acsfs\profiles$\marlyannegdls\Downloads\cd75d388-1287-456c-a6aa-011ff15832dc.tmp</t>
  </si>
  <si>
    <t>01/27/2020 03:28:11</t>
  </si>
  <si>
    <t>01/27/2020 03:31:30</t>
  </si>
  <si>
    <t>705f2248-0a7f-4176-b51d-50f321d90e52.tmp</t>
  </si>
  <si>
    <t>\\acsfs\profiles$\mariaavds\Downloads\705f2248-0a7f-4176-b51d-50f321d90e52.tmp</t>
  </si>
  <si>
    <t>01/27/2020 03:47:46</t>
  </si>
  <si>
    <t>01/27/2020 03:51:31</t>
  </si>
  <si>
    <t>40eae60f-7070-419e-8bab-a5024853bcc3.tmp</t>
  </si>
  <si>
    <t>\\acsfs\profiles$\mariaavds\Downloads\40eae60f-7070-419e-8bab-a5024853bcc3.tmp</t>
  </si>
  <si>
    <t>01/27/2020 06:03:32</t>
  </si>
  <si>
    <t>01/27/2020 06:05:31</t>
  </si>
  <si>
    <t>c450c201-8dfb-4df8-aa17-2322907182f4.tmp</t>
  </si>
  <si>
    <t>\\acsfs\profiles$\lucasqdss\Downloads\c450c201-8dfb-4df8-aa17-2322907182f4.tmp</t>
  </si>
  <si>
    <t>01/27/2020 06:10:31</t>
  </si>
  <si>
    <t>01/27/2020 06:05:32</t>
  </si>
  <si>
    <t>f329d235-203b-4296-9753-1b04fa04223e.tmp</t>
  </si>
  <si>
    <t>\\acsfs\profiles$\lucasqdss\Downloads\f329d235-203b-4296-9753-1b04fa04223e.tmp</t>
  </si>
  <si>
    <t>01/27/2020 06:23:56</t>
  </si>
  <si>
    <t>01/27/2020 06:28:31</t>
  </si>
  <si>
    <t>e23107f9-5ec3-40e2-97a9-a0ddf26c842a.tmp</t>
  </si>
  <si>
    <t>\\acsfs\profiles$\ALYNYA\Downloads\e23107f9-5ec3-40e2-97a9-a0ddf26c842a.tmp</t>
  </si>
  <si>
    <t>01/27/2020 06:25:07</t>
  </si>
  <si>
    <t>4006aa5a-9152-4cf9-976b-67c238705e0d.tmp</t>
  </si>
  <si>
    <t>\\acsfs\profiles$\ALYNYA\Downloads\4006aa5a-9152-4cf9-976b-67c238705e0d.tmp</t>
  </si>
  <si>
    <t>01/27/2020 06:26:53</t>
  </si>
  <si>
    <t>01/27/2020 06:27:27</t>
  </si>
  <si>
    <t>e7eff913-d637-4298-8ccc-7cf716e3ec79.tmp</t>
  </si>
  <si>
    <t>\\acsfs\profiles$\ALYNYA\Downloads\e7eff913-d637-4298-8ccc-7cf716e3ec79.tmp</t>
  </si>
  <si>
    <t>01/27/2020 06:29:44</t>
  </si>
  <si>
    <t>01/27/2020 06:32:31</t>
  </si>
  <si>
    <t>9fe907f7-5c78-4604-9892-df8adc4c46c4.tmp</t>
  </si>
  <si>
    <t>\\acsfs\profiles$\BRUNAAR\Downloads\9fe907f7-5c78-4604-9892-df8adc4c46c4.tmp</t>
  </si>
  <si>
    <t>01/27/2020 06:30:57</t>
  </si>
  <si>
    <t>c86c264b-4b1e-4503-b423-dbc3579b3a11.tmp</t>
  </si>
  <si>
    <t>\\acsfs\profiles$\BRUNAAR\Downloads\c86c264b-4b1e-4503-b423-dbc3579b3a11.tmp</t>
  </si>
  <si>
    <t>01/27/2020 06:44:47</t>
  </si>
  <si>
    <t>01/27/2020 06:45:31</t>
  </si>
  <si>
    <t>83d27b65-f7d9-4973-9b7e-4f1ab3b898ab.tmp</t>
  </si>
  <si>
    <t>\\acsfs\profiles$\danielac\Downloads\83d27b65-f7d9-4973-9b7e-4f1ab3b898ab.tmp</t>
  </si>
  <si>
    <t>01/27/2020 06:46:25</t>
  </si>
  <si>
    <t>01/27/2020 06:50:31</t>
  </si>
  <si>
    <t>a0575a7b-a36c-4ee3-84f0-c6bfcae48f29.tmp</t>
  </si>
  <si>
    <t>\\acsfs\profiles$\danielac\Downloads\a0575a7b-a36c-4ee3-84f0-c6bfcae48f29.tmp</t>
  </si>
  <si>
    <t>01/27/2020 06:46:28</t>
  </si>
  <si>
    <t>d6448faf-78e6-4ed6-966e-82e896b1c63b.tmp</t>
  </si>
  <si>
    <t>\\acsfs\profiles$\danielac\Downloads\d6448faf-78e6-4ed6-966e-82e896b1c63b.tmp</t>
  </si>
  <si>
    <t>01/27/2020 06:46:43</t>
  </si>
  <si>
    <t>10fb17c0-8be3-4530-9b23-e07b539928c7.tmp</t>
  </si>
  <si>
    <t>\\acsfs\profiles$\danielac\Downloads\10fb17c0-8be3-4530-9b23-e07b539928c7.tmp</t>
  </si>
  <si>
    <t>01/27/2020 07:01:53</t>
  </si>
  <si>
    <t>01/27/2020 07:03:31</t>
  </si>
  <si>
    <t>71d87265-f373-4492-8158-d08540f4efb0.tmp</t>
  </si>
  <si>
    <t>\\acsfs\profiles$\pamelamcmdsg\Downloads\71d87265-f373-4492-8158-d08540f4efb0.tmp</t>
  </si>
  <si>
    <t>01/27/2020 07:09:05</t>
  </si>
  <si>
    <t>01/27/2020 07:13:31</t>
  </si>
  <si>
    <t>01/27/2020 07:24:13</t>
  </si>
  <si>
    <t>01/27/2020 07:25:31</t>
  </si>
  <si>
    <t>5f377231-ef8d-4806-9f23-3d957f62c2bd.tmp</t>
  </si>
  <si>
    <t>\\acsfs\profiles$\sarahbal\Downloads\5f377231-ef8d-4806-9f23-3d957f62c2bd.tmp</t>
  </si>
  <si>
    <t>01/27/2020 07:25:52</t>
  </si>
  <si>
    <t>01/27/2020 07:27:31</t>
  </si>
  <si>
    <t>b621a352-dcf1-424d-9101-64aace33c1a4.tmp</t>
  </si>
  <si>
    <t>\\acsfs\profiles$\websondsa\Downloads\b621a352-dcf1-424d-9101-64aace33c1a4.tmp</t>
  </si>
  <si>
    <t>01/27/2020 07:26:16</t>
  </si>
  <si>
    <t>41333519-80b3-4d29-8e10-6731474141cf.tmp</t>
  </si>
  <si>
    <t>\\acsfs\profiles$\websondsa\Downloads\41333519-80b3-4d29-8e10-6731474141cf.tmp</t>
  </si>
  <si>
    <t>01/27/2020 07:27:15</t>
  </si>
  <si>
    <t>6c65165f-9867-4c21-855d-92ef7ea38307.tmp</t>
  </si>
  <si>
    <t>\\acsfs\profiles$\websondsa\Downloads\6c65165f-9867-4c21-855d-92ef7ea38307.tmp</t>
  </si>
  <si>
    <t>01/27/2020 07:27:19</t>
  </si>
  <si>
    <t>dfb18e92-0406-4fa1-8e62-65c651547fb7.tmp</t>
  </si>
  <si>
    <t>\\acsfs\profiles$\websondsa\Downloads\dfb18e92-0406-4fa1-8e62-65c651547fb7.tmp</t>
  </si>
  <si>
    <t>01/27/2020 07:27:26</t>
  </si>
  <si>
    <t>80129add-cc7a-4905-94a7-1c6310fa2d09.tmp</t>
  </si>
  <si>
    <t>\\acsfs\profiles$\websondsa\Downloads\80129add-cc7a-4905-94a7-1c6310fa2d09.tmp</t>
  </si>
  <si>
    <t>01/27/2020 07:25:56</t>
  </si>
  <si>
    <t>01/27/2020 07:30:31</t>
  </si>
  <si>
    <t>2b3f80b4-2245-4f94-8df6-82086680dbb4.tmp</t>
  </si>
  <si>
    <t>\\acsfs\profiles$\sarahbal\Downloads\2b3f80b4-2245-4f94-8df6-82086680dbb4.tmp</t>
  </si>
  <si>
    <t>01/27/2020 07:26:42</t>
  </si>
  <si>
    <t>eec3404f-8188-4266-a9f6-c42d77d6220f.tmp</t>
  </si>
  <si>
    <t>\\acsfs\profiles$\sarahbal\Downloads\eec3404f-8188-4266-a9f6-c42d77d6220f.tmp</t>
  </si>
  <si>
    <t>01/27/2020 07:32:31</t>
  </si>
  <si>
    <t>0bf9d969-57cf-4fcf-8951-2af70391f4c9.tmp</t>
  </si>
  <si>
    <t>\\acsfs\profiles$\websondsa\Downloads\0bf9d969-57cf-4fcf-8951-2af70391f4c9.tmp</t>
  </si>
  <si>
    <t>01/27/2020 07:34:31</t>
  </si>
  <si>
    <t>01/27/2020 07:31:04</t>
  </si>
  <si>
    <t>6820e5c1-eb2c-4003-a7e7-1ffef5a6853c.tmp</t>
  </si>
  <si>
    <t>\\acsfs\profiles$\dhiulliananads\Downloads\6820e5c1-eb2c-4003-a7e7-1ffef5a6853c.tmp</t>
  </si>
  <si>
    <t>01/27/2020 07:31:31</t>
  </si>
  <si>
    <t>88ec9ac0-02ff-43c6-b3c3-7f78ae80209e.tmp</t>
  </si>
  <si>
    <t>\\acsfs\profiles$\dhiulliananads\Downloads\88ec9ac0-02ff-43c6-b3c3-7f78ae80209e.tmp</t>
  </si>
  <si>
    <t>01/27/2020 07:33:05</t>
  </si>
  <si>
    <t>01/27/2020 07:35:35</t>
  </si>
  <si>
    <t>01/27/2020 07:37:31</t>
  </si>
  <si>
    <t>3047f911-9497-4f97-ac53-c63b0e3383a1.tmp</t>
  </si>
  <si>
    <t>\\acsfs\profiles$\vivianalds\Downloads\3047f911-9497-4f97-ac53-c63b0e3383a1.tmp</t>
  </si>
  <si>
    <t>01/27/2020 07:35:49</t>
  </si>
  <si>
    <t>dc4a04ee-5ed9-4fbd-a24d-110e1ba83f5e.tmp</t>
  </si>
  <si>
    <t>\\acsfs\profiles$\vivianalds\Downloads\dc4a04ee-5ed9-4fbd-a24d-110e1ba83f5e.tmp</t>
  </si>
  <si>
    <t>01/27/2020 07:36:03</t>
  </si>
  <si>
    <t>5cde4d22-7907-4858-80d0-cf2408127138.tmp</t>
  </si>
  <si>
    <t>\\acsfs\profiles$\vivianalds\Downloads\5cde4d22-7907-4858-80d0-cf2408127138.tmp</t>
  </si>
  <si>
    <t>01/27/2020 07:37:05</t>
  </si>
  <si>
    <t>01/27/2020 07:42:31</t>
  </si>
  <si>
    <t>56f6972c-ae5f-4e11-994c-517b0b039b77.tmp</t>
  </si>
  <si>
    <t>\\acsfs\profiles$\vivianalds\Downloads\56f6972c-ae5f-4e11-994c-517b0b039b77.tmp</t>
  </si>
  <si>
    <t>01/27/2020 07:57:31</t>
  </si>
  <si>
    <t>01/27/2020 07:52:20</t>
  </si>
  <si>
    <t>44d1652d-e9e7-4bd8-8f33-410421d31fcb.tmp</t>
  </si>
  <si>
    <t>\\acsfs\profiles$\luanarda\Downloads\44d1652d-e9e7-4bd8-8f33-410421d31fcb.tmp</t>
  </si>
  <si>
    <t>01/27/2020 07:55:04</t>
  </si>
  <si>
    <t>6998a03a-3cf5-44cb-9cb4-277ae08bba14.tmp</t>
  </si>
  <si>
    <t>\\acsfs\profiles$\luanarda\Downloads\6998a03a-3cf5-44cb-9cb4-277ae08bba14.tmp</t>
  </si>
  <si>
    <t>01/27/2020 07:57:56</t>
  </si>
  <si>
    <t>01/27/2020 07:59:32</t>
  </si>
  <si>
    <t>ulog_AcroARM2_Reader_22bb18ef-a0cc-4985-b2f1-d8449a05e1d0_56dba81c-a355-4215-bc7a-3d125e63edf0_0.log</t>
  </si>
  <si>
    <t>C:\Users\Jordanarb\AppData\Roaming\Adobe\LogTransport2\Logs\ulog_AcroARM2_Reader_22bb18ef-a0cc-4985-b2f1-d8449a05e1d0_56dba81c-a355-4215-bc7a-3d125e63edf0_0.log\</t>
  </si>
  <si>
    <t>01/27/2020 07:57:43</t>
  </si>
  <si>
    <t>01/27/2020 08:01:31</t>
  </si>
  <si>
    <t>9466ab5a-cff1-4864-93fc-0f3ec3233a85.tmp</t>
  </si>
  <si>
    <t>\\acsfs\profiles$\felipetds\Downloads\9466ab5a-cff1-4864-93fc-0f3ec3233a85.tmp</t>
  </si>
  <si>
    <t>01/27/2020 07:58:55</t>
  </si>
  <si>
    <t>6635bcd7-9d2c-48f0-9dc1-c6f4c5f9f85d.tmp</t>
  </si>
  <si>
    <t>\\acsfs\profiles$\felipetds\Downloads\6635bcd7-9d2c-48f0-9dc1-c6f4c5f9f85d.tmp</t>
  </si>
  <si>
    <t>01/27/2020 08:01:00</t>
  </si>
  <si>
    <t>01/27/2020 08:02:31</t>
  </si>
  <si>
    <t>01/27/2020 07:58:32</t>
  </si>
  <si>
    <t>3d3af454-3fb5-40f9-8e01-e3d3cfd68e4a.tmp</t>
  </si>
  <si>
    <t>\\acsfs\profiles$\THYAGOSP\Downloads\3d3af454-3fb5-40f9-8e01-e3d3cfd68e4a.tmp</t>
  </si>
  <si>
    <t>01/27/2020 07:59:37</t>
  </si>
  <si>
    <t>d16e449c-2066-4076-b120-3bbea65be808.tmp</t>
  </si>
  <si>
    <t>\\acsfs\profiles$\THYAGOSP\Downloads\d16e449c-2066-4076-b120-3bbea65be808.tmp</t>
  </si>
  <si>
    <t>01/27/2020 08:01:14</t>
  </si>
  <si>
    <t>01/27/2020 08:02:44</t>
  </si>
  <si>
    <t>01/27/2020 08:04:32</t>
  </si>
  <si>
    <t>01/27/2020 08:05:37</t>
  </si>
  <si>
    <t>01/27/2020 08:06:32</t>
  </si>
  <si>
    <t>01/27/2020 08:05:07</t>
  </si>
  <si>
    <t>b60af883-e950-46a5-8037-4615ad39d398.tmp</t>
  </si>
  <si>
    <t>\\acsfs\profiles$\marcellewdl\Downloads\b60af883-e950-46a5-8037-4615ad39d398.tmp</t>
  </si>
  <si>
    <t>01/27/2020 08:06:07</t>
  </si>
  <si>
    <t>70d40409-d7a7-4c60-af4d-3b10e2958d95.tmp</t>
  </si>
  <si>
    <t>\\acsfs\profiles$\marcellewdl\Downloads\70d40409-d7a7-4c60-af4d-3b10e2958d95.tmp</t>
  </si>
  <si>
    <t>01/27/2020 08:04:51</t>
  </si>
  <si>
    <t>01/27/2020 08:09:31</t>
  </si>
  <si>
    <t>01/27/2020 08:04:57</t>
  </si>
  <si>
    <t>ACO - Flávia Dezembro.ppt</t>
  </si>
  <si>
    <t>\\acsfs\Deptos\Operacao\Banco_Votorantim\Supervisao\Rai Carlos\ACO - Flávia Dezembro.ppt</t>
  </si>
  <si>
    <t>\\acsfs\Deptos\Operacao\Banco_Votorantim\Supervisao\Flávia Constantina Nogueira\ACO - Flávia Dezembro.ppt\s2\</t>
  </si>
  <si>
    <t>Planilha do Microsoft Excel 97-2003.xls</t>
  </si>
  <si>
    <t>Planilha do Microsoft Excel 97-20031.xls</t>
  </si>
  <si>
    <t>Planilha do Microsoft Excel 97-20032.xls</t>
  </si>
  <si>
    <t>Planilha do Microsoft Excel 97-20033.xls</t>
  </si>
  <si>
    <t>Planilha do Microsoft Excel 97-20034.xls</t>
  </si>
  <si>
    <t>Planilha do Microsoft Excel 97-20035.xls</t>
  </si>
  <si>
    <t>01/27/2020 08:06:06</t>
  </si>
  <si>
    <t>\\acsfs\Deptos\Operacao\Banco_Votorantim\Supervisao\Rai Carlos\Thumbs.db</t>
  </si>
  <si>
    <t>01/27/2020 08:05:11</t>
  </si>
  <si>
    <t>01/27/2020 08:10:31</t>
  </si>
  <si>
    <t>629328cf-9650-4512-b1f3-018ebf7a64cf.tmp</t>
  </si>
  <si>
    <t>\\acsfs\profiles$\quindaizaagds\Downloads\629328cf-9650-4512-b1f3-018ebf7a64cf.tmp</t>
  </si>
  <si>
    <t>01/27/2020 08:06:10</t>
  </si>
  <si>
    <t>2703860f-faa2-409f-829f-eb6ba528fee4.tmp</t>
  </si>
  <si>
    <t>\\acsfs\profiles$\quindaizaagds\Downloads\2703860f-faa2-409f-829f-eb6ba528fee4.tmp</t>
  </si>
  <si>
    <t>01/27/2020 08:08:05</t>
  </si>
  <si>
    <t>a913462e-019a-4d94-ab0d-1fbc1dba8138.tmp</t>
  </si>
  <si>
    <t>\\acsfs\profiles$\quindaizaagds\Downloads\a913462e-019a-4d94-ab0d-1fbc1dba8138.tmp</t>
  </si>
  <si>
    <t>01/27/2020 08:07:48</t>
  </si>
  <si>
    <t>01/27/2020 08:11:32</t>
  </si>
  <si>
    <t>6c1dd21b-5fec-4e82-b4a6-ab028280f241.tmp</t>
  </si>
  <si>
    <t>\\acsfs\profiles$\henriquehmdo\Downloads\6c1dd21b-5fec-4e82-b4a6-ab028280f241.tmp</t>
  </si>
  <si>
    <t>01/27/2020 08:07:53</t>
  </si>
  <si>
    <t>Q29udHJvbGxlci5DYWxjdWxhZG9yYURlVmVuY2lt (28).ica</t>
  </si>
  <si>
    <t>\\acsfs\profiles$\henriquehmdo\Downloads\Q29udHJvbGxlci5DYWxjdWxhZG9yYURlVmVuY2lt (28).ica</t>
  </si>
  <si>
    <t>01/27/2020 08:08:19</t>
  </si>
  <si>
    <t>01/27/2020 08:09:01</t>
  </si>
  <si>
    <t>02c57546-7a70-4b22-8a6a-11e6b847d247.tmp</t>
  </si>
  <si>
    <t>\\acsfs\profiles$\henriquehmdo\Downloads\02c57546-7a70-4b22-8a6a-11e6b847d247.tmp</t>
  </si>
  <si>
    <t>01/27/2020 08:09:59</t>
  </si>
  <si>
    <t>01/27/2020 08:11:04</t>
  </si>
  <si>
    <t>01/27/2020 08:16:31</t>
  </si>
  <si>
    <t>01/27/2020 08:15:08</t>
  </si>
  <si>
    <t>fc978c67-621b-41c6-a3e9-522ccfaa9e94.tmp</t>
  </si>
  <si>
    <t>\\acsfs\profiles$\gabrielaff\Downloads\fc978c67-621b-41c6-a3e9-522ccfaa9e94.tmp</t>
  </si>
  <si>
    <t>01/27/2020 08:14:05</t>
  </si>
  <si>
    <t>01/27/2020 08:14:53</t>
  </si>
  <si>
    <t>01/27/2020 08:17:31</t>
  </si>
  <si>
    <t>01/27/2020 08:15:54</t>
  </si>
  <si>
    <t>01/27/2020 08:15:55</t>
  </si>
  <si>
    <t>01/27/2020 08:16:14</t>
  </si>
  <si>
    <t>01/27/2020 08:19:31</t>
  </si>
  <si>
    <t>lu18020112c7h.tmp</t>
  </si>
  <si>
    <t>\\acsfs\profiles$\dhiulliananads\My Documents\lu18020112c7h.tmp</t>
  </si>
  <si>
    <t>\\acsfs\profiles$\dhiulliananads\My Documents\lu18020112c7h.tmp\</t>
  </si>
  <si>
    <t>\\acsfs\profiles$\dhiulliananads\My Documents\lu18020112c7h.tmp\META-INF\</t>
  </si>
  <si>
    <t>\\acsfs\profiles$\dhiulliananads\My Documents\lu18020112c7h.tmp\Thumbnails\</t>
  </si>
  <si>
    <t>01/27/2020 08:15:01</t>
  </si>
  <si>
    <t>01/27/2020 08:20:32</t>
  </si>
  <si>
    <t>ded26664-a37a-44d0-bd61-ee480eac26fb.tmp</t>
  </si>
  <si>
    <t>\\acsfs\profiles$\sarahbal\Downloads\ded26664-a37a-44d0-bd61-ee480eac26fb.tmp</t>
  </si>
  <si>
    <t>01/27/2020 08:19:12</t>
  </si>
  <si>
    <t>db5d8b73-4b51-433a-a3d1-6dce6adc3852.tmp</t>
  </si>
  <si>
    <t>\\acsfs\profiles$\sarahbal\Downloads\db5d8b73-4b51-433a-a3d1-6dce6adc3852.tmp</t>
  </si>
  <si>
    <t>01/27/2020 08:16:06</t>
  </si>
  <si>
    <t>01/27/2020 08:21:31</t>
  </si>
  <si>
    <t>d6c3331c-568b-4475-bac9-66ce46d801d0.tmp</t>
  </si>
  <si>
    <t>\\acsfs\profiles$\gabrielaff\Downloads\d6c3331c-568b-4475-bac9-66ce46d801d0.tmp</t>
  </si>
  <si>
    <t>01/27/2020 08:26:31</t>
  </si>
  <si>
    <t>01/27/2020 08:23:38</t>
  </si>
  <si>
    <t>.~lock.Controle de Vendas da semana.ods#</t>
  </si>
  <si>
    <t>\\acsfs\profiles$\HENRIQUEHMDO\.~lock.Controle de Vendas da semana.ods#</t>
  </si>
  <si>
    <t>01/27/2020 08:23:39</t>
  </si>
  <si>
    <t>Controle de Vendas da semana.ods</t>
  </si>
  <si>
    <t>\\acsfs\profiles$\HENRIQUEHMDO\Controle de Vendas da semana.ods</t>
  </si>
  <si>
    <t>\\acsfs\profiles$\HENRIQUEHMDO\Controle de Vendas da semana.ods\</t>
  </si>
  <si>
    <t>\\acsfs\profiles$\HENRIQUEHMDO\Controle de Vendas da semana.ods\META-INF\</t>
  </si>
  <si>
    <t>\\acsfs\profiles$\HENRIQUEHMDO\Controle de Vendas da semana.ods\Thumbnails\</t>
  </si>
  <si>
    <t>01/27/2020 08:23:20</t>
  </si>
  <si>
    <t>https://udpwfmniceap02/web/guest/home?p_auth=rhulkl0k&amp;p_p_id=58&amp;p_p_lifecycle=1&amp;p_p_state=maximized&amp;p_p_mode=view&amp;savelastpath=0&amp;_58_struts_action=/login/forgot_password</t>
  </si>
  <si>
    <t>01/27/2020 08:23:33</t>
  </si>
  <si>
    <t>01/27/2020 08:24:59</t>
  </si>
  <si>
    <t>01/27/2020 08:27:40</t>
  </si>
  <si>
    <t>01/27/2020 08:28:31</t>
  </si>
  <si>
    <t>01/27/2020 08:27:34</t>
  </si>
  <si>
    <t>01/27/2020 08:29:31</t>
  </si>
  <si>
    <t>852c9336-753f-4296-8e09-4e9f1a64849e.tmp</t>
  </si>
  <si>
    <t>\\acsfs\profiles$\KARENDSR\Downloads\852c9336-753f-4296-8e09-4e9f1a64849e.tmp</t>
  </si>
  <si>
    <t>01/27/2020 08:27:44</t>
  </si>
  <si>
    <t>b7626d79-1703-4e88-90da-81b868fb633b.tmp</t>
  </si>
  <si>
    <t>\\acsfs\profiles$\KARENDSR\Downloads\b7626d79-1703-4e88-90da-81b868fb633b.tmp</t>
  </si>
  <si>
    <t>01/27/2020 08:31:32</t>
  </si>
  <si>
    <t>01/27/2020 08:29:16</t>
  </si>
  <si>
    <t>e6f23189-2082-400c-a8f3-0f664360b1cd.tmp</t>
  </si>
  <si>
    <t>\\acsfs\profiles$\lorrainerdl\Downloads\e6f23189-2082-400c-a8f3-0f664360b1cd.tmp</t>
  </si>
  <si>
    <t>01/27/2020 08:28:16</t>
  </si>
  <si>
    <t>01/27/2020 08:32:31</t>
  </si>
  <si>
    <t>800033cd-43aa-4d59-b705-baae826da829.tmp</t>
  </si>
  <si>
    <t>\\acsfs\profiles$\nataliacsl\Downloads\800033cd-43aa-4d59-b705-baae826da829.tmp</t>
  </si>
  <si>
    <t>01/27/2020 08:29:43</t>
  </si>
  <si>
    <t>8010ac54-f8c7-4e92-add3-3740ddfddade.tmp</t>
  </si>
  <si>
    <t>\\acsfs\profiles$\nataliacsl\Downloads\8010ac54-f8c7-4e92-add3-3740ddfddade.tmp</t>
  </si>
  <si>
    <t>01/27/2020 08:29:32</t>
  </si>
  <si>
    <t>01/27/2020 08:34:31</t>
  </si>
  <si>
    <t>c252f92f-ac26-4de8-b653-e67946174f44.tmp</t>
  </si>
  <si>
    <t>\\acsfs\profiles$\KARENDSR\Downloads\c252f92f-ac26-4de8-b653-e67946174f44.tmp</t>
  </si>
  <si>
    <t>01/27/2020 08:30:43</t>
  </si>
  <si>
    <t>01/27/2020 08:30:10</t>
  </si>
  <si>
    <t>01/27/2020 08:30:11</t>
  </si>
  <si>
    <t>lu18020112c7m.tmp</t>
  </si>
  <si>
    <t>\\acsfs\profiles$\dhiulliananads\My Documents\lu18020112c7m.tmp</t>
  </si>
  <si>
    <t>\\acsfs\profiles$\dhiulliananads\My Documents\lu18020112c7m.tmp\</t>
  </si>
  <si>
    <t>\\acsfs\profiles$\dhiulliananads\My Documents\lu18020112c7m.tmp\META-INF\</t>
  </si>
  <si>
    <t>\\acsfs\profiles$\dhiulliananads\My Documents\lu18020112c7m.tmp\Thumbnails\</t>
  </si>
  <si>
    <t>01/27/2020 08:31:28</t>
  </si>
  <si>
    <t>01/27/2020 08:36:31</t>
  </si>
  <si>
    <t>793a2e7c-cf4d-4682-8605-04dac160db07.tmp</t>
  </si>
  <si>
    <t>\\acsfs\profiles$\lorrainerdl\Downloads\793a2e7c-cf4d-4682-8605-04dac160db07.tmp</t>
  </si>
  <si>
    <t>01/27/2020 08:33:36</t>
  </si>
  <si>
    <t>01/27/2020 08:37:32</t>
  </si>
  <si>
    <t>01/27/2020 08:34:07</t>
  </si>
  <si>
    <t>01/27/2020 08:38:31</t>
  </si>
  <si>
    <t>2d9db67a-6211-4b6c-bc6e-59f9af827fb8.tmp</t>
  </si>
  <si>
    <t>\\acsfs\profiles$\lorraynevam\Downloads\2d9db67a-6211-4b6c-bc6e-59f9af827fb8.tmp</t>
  </si>
  <si>
    <t>01/27/2020 08:34:32</t>
  </si>
  <si>
    <t>762e5e50-bf53-48b3-85f2-413c569629a9.tmp</t>
  </si>
  <si>
    <t>\\acsfs\profiles$\lorraynevam\Downloads\762e5e50-bf53-48b3-85f2-413c569629a9.tmp</t>
  </si>
  <si>
    <t>01/27/2020 08:36:11</t>
  </si>
  <si>
    <t>3b879d27-1d53-4c55-bd91-c8b1ea82545d.tmp</t>
  </si>
  <si>
    <t>\\acsfs\profiles$\lorraynevam\Downloads\3b879d27-1d53-4c55-bd91-c8b1ea82545d.tmp</t>
  </si>
  <si>
    <t>01/27/2020 08:36:50</t>
  </si>
  <si>
    <t>01/27/2020 08:42:31</t>
  </si>
  <si>
    <t>b4063827-ba28-48af-9f62-e39a55eaa8fe.tmp</t>
  </si>
  <si>
    <t>\\acsfs\profiles$\BRUNAAR\Downloads\b4063827-ba28-48af-9f62-e39a55eaa8fe.tmp</t>
  </si>
  <si>
    <t>01/27/2020 08:43:32</t>
  </si>
  <si>
    <t>01/27/2020 08:40:22</t>
  </si>
  <si>
    <t>399f5762-e081-4dcb-9ffc-7a8d3870e682.tmp</t>
  </si>
  <si>
    <t>\\acsfs\profiles$\lorraynevam\Downloads\399f5762-e081-4dcb-9ffc-7a8d3870e682.tmp</t>
  </si>
  <si>
    <t>01/27/2020 08:41:57</t>
  </si>
  <si>
    <t>cfb0d056-0fb4-429d-b5b8-69cd2e037bf6.tmp</t>
  </si>
  <si>
    <t>\\acsfs\profiles$\lorraynevam\Downloads\cfb0d056-0fb4-429d-b5b8-69cd2e037bf6.tmp</t>
  </si>
  <si>
    <t>01/27/2020 08:39:22</t>
  </si>
  <si>
    <t>01/27/2020 08:42:41</t>
  </si>
  <si>
    <t>417af05b-fe8a-4aa2-b60f-f76e581059b4.tmp</t>
  </si>
  <si>
    <t>\\acsfs\profiles$\victoriaksr\Downloads\417af05b-fe8a-4aa2-b60f-f76e581059b4.tmp</t>
  </si>
  <si>
    <t>01/27/2020 08:43:30</t>
  </si>
  <si>
    <t>01/27/2020 08:47:32</t>
  </si>
  <si>
    <t>01/27/2020 08:44:35</t>
  </si>
  <si>
    <t>b29d69d5-9669-486f-9672-452a844df8b5.tmp</t>
  </si>
  <si>
    <t>\\acsfs\profiles$\vivianalds\Downloads\b29d69d5-9669-486f-9672-452a844df8b5.tmp</t>
  </si>
  <si>
    <t>01/27/2020 08:46:26</t>
  </si>
  <si>
    <t>01/27/2020 08:48:31</t>
  </si>
  <si>
    <t>b97d89c4-683c-4f8e-bc86-7f321498ee2d.tmp</t>
  </si>
  <si>
    <t>\\acsfs\profiles$\victoriaksr\Downloads\b97d89c4-683c-4f8e-bc86-7f321498ee2d.tmp</t>
  </si>
  <si>
    <t>01/27/2020 08:44:16</t>
  </si>
  <si>
    <t>8fc15360-823a-4e5b-8942-c043e467edf6.tmp</t>
  </si>
  <si>
    <t>\\acsfs\profiles$\victoriaksr\Downloads\8fc15360-823a-4e5b-8942-c043e467edf6.tmp</t>
  </si>
  <si>
    <t>01/27/2020 08:46:14</t>
  </si>
  <si>
    <t>01/27/2020 08:46:45</t>
  </si>
  <si>
    <t>01/27/2020 08:52:31</t>
  </si>
  <si>
    <t>01/27/2020 08:50:47</t>
  </si>
  <si>
    <t>01/27/2020 08:51:17</t>
  </si>
  <si>
    <t>01/27/2020 08:51:27</t>
  </si>
  <si>
    <t>01/27/2020 08:51:35</t>
  </si>
  <si>
    <t>01/27/2020 08:53:25</t>
  </si>
  <si>
    <t>01/27/2020 08:56:32</t>
  </si>
  <si>
    <t>01/27/2020 08:54:07</t>
  </si>
  <si>
    <t>01/27/2020 08:54:08</t>
  </si>
  <si>
    <t>lu93084h0cv.tmp</t>
  </si>
  <si>
    <t>\\acsfs\profiles$\ALEXANDREMM\lu93084h0cv.tmp</t>
  </si>
  <si>
    <t>\\acsfs\profiles$\ALEXANDREMM\lu93084h0cv.tmp\</t>
  </si>
  <si>
    <t>\\acsfs\profiles$\ALEXANDREMM\lu93084h0cv.tmp\META-INF\</t>
  </si>
  <si>
    <t>\\acsfs\profiles$\ALEXANDREMM\lu93084h0cv.tmp\Thumbnails\</t>
  </si>
  <si>
    <t>01/27/2020 08:52:04</t>
  </si>
  <si>
    <t>01/27/2020 08:57:31</t>
  </si>
  <si>
    <t>01/27/2020 08:52:17</t>
  </si>
  <si>
    <t>01/27/2020 08:56:45</t>
  </si>
  <si>
    <t>01/27/2020 08:55:26</t>
  </si>
  <si>
    <t>01/27/2020 08:55:27</t>
  </si>
  <si>
    <t>01/27/2020 08:55:28</t>
  </si>
  <si>
    <t>01/27/2020 08:56:15</t>
  </si>
  <si>
    <t>01/27/2020 08:59:31</t>
  </si>
  <si>
    <t>01/27/2020 08:56:16</t>
  </si>
  <si>
    <t>lu18020112c7r.tmp</t>
  </si>
  <si>
    <t>\\acsfs\profiles$\dhiulliananads\My Documents\lu18020112c7r.tmp</t>
  </si>
  <si>
    <t>\\acsfs\profiles$\dhiulliananads\My Documents\lu18020112c7r.tmp\</t>
  </si>
  <si>
    <t>\\acsfs\profiles$\dhiulliananads\My Documents\lu18020112c7r.tmp\META-INF\</t>
  </si>
  <si>
    <t>\\acsfs\profiles$\dhiulliananads\My Documents\lu18020112c7r.tmp\Thumbnails\</t>
  </si>
  <si>
    <t>01/27/2020 08:58:47</t>
  </si>
  <si>
    <t>01/27/2020 09:00:31</t>
  </si>
  <si>
    <t>416ebeb3-8e7a-4a99-99cf-65172c03edd4.tmp</t>
  </si>
  <si>
    <t>\\acsfs\profiles$\lucasqdss\Downloads\416ebeb3-8e7a-4a99-99cf-65172c03edd4.tmp</t>
  </si>
  <si>
    <t>01/27/2020 08:57:27</t>
  </si>
  <si>
    <t>01/27/2020 09:01:31</t>
  </si>
  <si>
    <t>fcdb6d0b-fa90-4d6f-b2dc-fa8fc1a30fd0.tmp</t>
  </si>
  <si>
    <t>\\acsfs\profiles$\talitafdc\Downloads\fcdb6d0b-fa90-4d6f-b2dc-fa8fc1a30fd0.tmp</t>
  </si>
  <si>
    <t>01/27/2020 08:58:30</t>
  </si>
  <si>
    <t>88cfbc84-9453-46b4-9b29-3a99af756313.tmp</t>
  </si>
  <si>
    <t>\\acsfs\profiles$\talitafdc\Downloads\88cfbc84-9453-46b4-9b29-3a99af756313.tmp</t>
  </si>
  <si>
    <t>01/27/2020 08:59:05</t>
  </si>
  <si>
    <t>61008d12-2d27-427d-a942-b8207ede7cf3.tmp</t>
  </si>
  <si>
    <t>\\acsfs\profiles$\talitafdc\Downloads\61008d12-2d27-427d-a942-b8207ede7cf3.tmp</t>
  </si>
  <si>
    <t>01/27/2020 08:58:20</t>
  </si>
  <si>
    <t>62fc7d07-005d-4af0-9218-8c88d3408a5e.tmp</t>
  </si>
  <si>
    <t>\\acsfs\profiles$\henriquehmdo\Downloads\62fc7d07-005d-4af0-9218-8c88d3408a5e.tmp</t>
  </si>
  <si>
    <t>01/27/2020 09:02:31</t>
  </si>
  <si>
    <t>01/27/2020 08:58:42</t>
  </si>
  <si>
    <t>01/27/2020 09:00:21</t>
  </si>
  <si>
    <t>01/27/2020 09:05:32</t>
  </si>
  <si>
    <t>d8a02e4c-d4e1-4050-90c8-348fa1e6efd9.tmp</t>
  </si>
  <si>
    <t>\\acsfs\profiles$\sarahbal\Downloads\d8a02e4c-d4e1-4050-90c8-348fa1e6efd9.tmp</t>
  </si>
  <si>
    <t>01/27/2020 09:04:16</t>
  </si>
  <si>
    <t>01/27/2020 09:06:31</t>
  </si>
  <si>
    <t>34e76bce-a7f9-4159-90f7-3698878fdc0e.tmp</t>
  </si>
  <si>
    <t>\\acsfs\profiles$\lucasgpe\Downloads\34e76bce-a7f9-4159-90f7-3698878fdc0e.tmp</t>
  </si>
  <si>
    <t>01/27/2020 09:05:27</t>
  </si>
  <si>
    <t>73393b8c-7450-4883-9dbb-39b80b8841a0.tmp</t>
  </si>
  <si>
    <t>\\acsfs\profiles$\lucasgpe\Downloads\73393b8c-7450-4883-9dbb-39b80b8841a0.tmp</t>
  </si>
  <si>
    <t>01/27/2020 09:04:30</t>
  </si>
  <si>
    <t>4b307271-6255-4108-a31b-acae6953f62b.tmp</t>
  </si>
  <si>
    <t>\\acsfs\profiles$\kellzylenneasr\Downloads\4b307271-6255-4108-a31b-acae6953f62b.tmp</t>
  </si>
  <si>
    <t>01/27/2020 09:06:24</t>
  </si>
  <si>
    <t>01/27/2020 09:07:32</t>
  </si>
  <si>
    <t>01/27/2020 09:06:30</t>
  </si>
  <si>
    <t>01/27/2020 09:11:31</t>
  </si>
  <si>
    <t>5278d610-87fe-4073-ba6d-1f87db120cb0.tmp</t>
  </si>
  <si>
    <t>\\acsfs\profiles$\kellzylenneasr\Downloads\5278d610-87fe-4073-ba6d-1f87db120cb0.tmp</t>
  </si>
  <si>
    <t>01/27/2020 09:12:32</t>
  </si>
  <si>
    <t>01/27/2020 09:10:44</t>
  </si>
  <si>
    <t>01/27/2020 09:10:45</t>
  </si>
  <si>
    <t>lu374522f0312.tmp</t>
  </si>
  <si>
    <t>\\acsfs\profiles$\VIVIANALDS\My Documents\lu374522f0312.tmp</t>
  </si>
  <si>
    <t>\\acsfs\profiles$\VIVIANALDS\My Documents\lu374522f0312.tmp\</t>
  </si>
  <si>
    <t>\\acsfs\profiles$\VIVIANALDS\My Documents\lu374522f0312.tmp\META-INF\</t>
  </si>
  <si>
    <t>\\acsfs\profiles$\VIVIANALDS\My Documents\lu374522f0312.tmp\Thumbnails\</t>
  </si>
  <si>
    <t>01/27/2020 09:10:50</t>
  </si>
  <si>
    <t>01/27/2020 09:10:39</t>
  </si>
  <si>
    <t>01/27/2020 09:10:40</t>
  </si>
  <si>
    <t>01/27/2020 09:09:17</t>
  </si>
  <si>
    <t>01/27/2020 09:13:31</t>
  </si>
  <si>
    <t>ca32f8b3-8708-4cc8-824f-cd626556dd51.tmp</t>
  </si>
  <si>
    <t>\\acsfs\profiles$\Flaviojmm\Downloads\ca32f8b3-8708-4cc8-824f-cd626556dd51.tmp</t>
  </si>
  <si>
    <t>01/27/2020 09:10:08</t>
  </si>
  <si>
    <t>006a3276-e512-4f7b-9e5d-9b87d8aad4d8.tmp</t>
  </si>
  <si>
    <t>\\acsfs\profiles$\Flaviojmm\Downloads\006a3276-e512-4f7b-9e5d-9b87d8aad4d8.tmp</t>
  </si>
  <si>
    <t>01/27/2020 09:13:05</t>
  </si>
  <si>
    <t>01/27/2020 09:13:53</t>
  </si>
  <si>
    <t>01/27/2020 09:15:31</t>
  </si>
  <si>
    <t>ac2187ea-eb7e-4b68-8082-9c165a00281b.tmp</t>
  </si>
  <si>
    <t>\\acsfs\profiles$\sarahbal\Downloads\ac2187ea-eb7e-4b68-8082-9c165a00281b.tmp</t>
  </si>
  <si>
    <t>01/27/2020 09:16:31</t>
  </si>
  <si>
    <t>01/27/2020 09:11:27</t>
  </si>
  <si>
    <t>383d35f7-c148-417d-893b-884f02d31a6b.tmp</t>
  </si>
  <si>
    <t>\\acsfs\profiles$\lorrainerdl\Downloads\383d35f7-c148-417d-893b-884f02d31a6b.tmp</t>
  </si>
  <si>
    <t>01/27/2020 09:17:31</t>
  </si>
  <si>
    <t>01/27/2020 09:16:06</t>
  </si>
  <si>
    <t>808f953a-b3f7-4070-9895-f52dc64896ea.tmp</t>
  </si>
  <si>
    <t>\\acsfs\profiles$\nataliacsl\Downloads\808f953a-b3f7-4070-9895-f52dc64896ea.tmp</t>
  </si>
  <si>
    <t>01/27/2020 09:16:15</t>
  </si>
  <si>
    <t>d60ae4fa-89a4-4a75-9e3c-6052d4a1714b.tmp</t>
  </si>
  <si>
    <t>\\acsfs\profiles$\nathaliarmr\Downloads\d60ae4fa-89a4-4a75-9e3c-6052d4a1714b.tmp</t>
  </si>
  <si>
    <t>01/27/2020 09:18:31</t>
  </si>
  <si>
    <t>01/27/2020 09:14:44</t>
  </si>
  <si>
    <t>01/27/2020 09:17:12</t>
  </si>
  <si>
    <t>01/27/2020 09:19:32</t>
  </si>
  <si>
    <t>lu18020112c7w.tmp</t>
  </si>
  <si>
    <t>\\acsfs\profiles$\dhiulliananads\My Documents\lu18020112c7w.tmp</t>
  </si>
  <si>
    <t>\\acsfs\profiles$\dhiulliananads\My Documents\lu18020112c7w.tmp\</t>
  </si>
  <si>
    <t>\\acsfs\profiles$\dhiulliananads\My Documents\lu18020112c7w.tmp\META-INF\</t>
  </si>
  <si>
    <t>\\acsfs\profiles$\dhiulliananads\My Documents\lu18020112c7w.tmp\Thumbnails\</t>
  </si>
  <si>
    <t>01/27/2020 09:20:20</t>
  </si>
  <si>
    <t>01/27/2020 09:22:31</t>
  </si>
  <si>
    <t>lu374522f0316.tmp</t>
  </si>
  <si>
    <t>\\acsfs\profiles$\VIVIANALDS\My Documents\lu374522f0316.tmp</t>
  </si>
  <si>
    <t>\\acsfs\profiles$\VIVIANALDS\My Documents\lu374522f0316.tmp\</t>
  </si>
  <si>
    <t>\\acsfs\profiles$\VIVIANALDS\My Documents\lu374522f0316.tmp\META-INF\</t>
  </si>
  <si>
    <t>\\acsfs\profiles$\VIVIANALDS\My Documents\lu374522f0316.tmp\Thumbnails\</t>
  </si>
  <si>
    <t>01/27/2020 09:20:24</t>
  </si>
  <si>
    <t>lu374522f031a.tmp</t>
  </si>
  <si>
    <t>\\acsfs\profiles$\VIVIANALDS\My Documents\lu374522f031a.tmp</t>
  </si>
  <si>
    <t>\\acsfs\profiles$\VIVIANALDS\My Documents\lu374522f031a.tmp\</t>
  </si>
  <si>
    <t>\\acsfs\profiles$\VIVIANALDS\My Documents\lu374522f031a.tmp\META-INF\</t>
  </si>
  <si>
    <t>\\acsfs\profiles$\VIVIANALDS\My Documents\lu374522f031a.tmp\Thumbnails\</t>
  </si>
  <si>
    <t>01/27/2020 09:21:04</t>
  </si>
  <si>
    <t>lu374522f031e.tmp</t>
  </si>
  <si>
    <t>\\acsfs\profiles$\VIVIANALDS\My Documents\lu374522f031e.tmp</t>
  </si>
  <si>
    <t>\\acsfs\profiles$\VIVIANALDS\My Documents\lu374522f031e.tmp\</t>
  </si>
  <si>
    <t>\\acsfs\profiles$\VIVIANALDS\My Documents\lu374522f031e.tmp\META-INF\</t>
  </si>
  <si>
    <t>\\acsfs\profiles$\VIVIANALDS\My Documents\lu374522f031e.tmp\Thumbnails\</t>
  </si>
  <si>
    <t>01/27/2020 09:17:22</t>
  </si>
  <si>
    <t>1abe5c25-8bfd-4ac5-8044-5c642a39f392.tmp</t>
  </si>
  <si>
    <t>\\acsfs\profiles$\nathaliarmr\Downloads\1abe5c25-8bfd-4ac5-8044-5c642a39f392.tmp</t>
  </si>
  <si>
    <t>01/27/2020 09:21:59</t>
  </si>
  <si>
    <t>01/27/2020 09:23:31</t>
  </si>
  <si>
    <t>01/27/2020 09:23:49</t>
  </si>
  <si>
    <t>01/27/2020 09:25:31</t>
  </si>
  <si>
    <t>783f4ead-559d-437c-a6c9-6bc661c5a416.tmp</t>
  </si>
  <si>
    <t>\\acsfs\profiles$\sarahbal\Downloads\783f4ead-559d-437c-a6c9-6bc661c5a416.tmp</t>
  </si>
  <si>
    <t>01/27/2020 09:28:16</t>
  </si>
  <si>
    <t>01/27/2020 09:29:32</t>
  </si>
  <si>
    <t>01/27/2020 09:28:20</t>
  </si>
  <si>
    <t>01/27/2020 09:28:23</t>
  </si>
  <si>
    <t>01/27/2020 09:29:34</t>
  </si>
  <si>
    <t>01/27/2020 09:31:31</t>
  </si>
  <si>
    <t>0e9e5186-c648-430f-a12d-fe2cd2a1c2f0.tmp</t>
  </si>
  <si>
    <t>\\acsfs\profiles$\adelvinsonle\Downloads\0e9e5186-c648-430f-a12d-fe2cd2a1c2f0.tmp</t>
  </si>
  <si>
    <t>01/27/2020 09:29:36</t>
  </si>
  <si>
    <t>01/27/2020 09:29:56</t>
  </si>
  <si>
    <t>01/27/2020 09:32:31</t>
  </si>
  <si>
    <t>01/27/2020 09:34:31</t>
  </si>
  <si>
    <t>01/27/2020 09:30:05</t>
  </si>
  <si>
    <t>01/27/2020 09:35:31</t>
  </si>
  <si>
    <t>9607802b-ce05-42a6-9b47-606622f5c066.tmp</t>
  </si>
  <si>
    <t>\\acsfs\profiles$\jhonatadss\Downloads\9607802b-ce05-42a6-9b47-606622f5c066.tmp</t>
  </si>
  <si>
    <t>01/27/2020 09:31:37</t>
  </si>
  <si>
    <t>b0582573-6218-4ef6-83f6-69aca4845c68.tmp</t>
  </si>
  <si>
    <t>\\acsfs\profiles$\jhonatadss\Downloads\b0582573-6218-4ef6-83f6-69aca4845c68.tmp</t>
  </si>
  <si>
    <t>01/27/2020 09:32:06</t>
  </si>
  <si>
    <t>eb04ec14-907d-4155-b213-fdc6adab3d43.tmp</t>
  </si>
  <si>
    <t>\\acsfs\profiles$\jhonatadss\Downloads\eb04ec14-907d-4155-b213-fdc6adab3d43.tmp</t>
  </si>
  <si>
    <t>01/27/2020 09:31:06</t>
  </si>
  <si>
    <t>01/27/2020 09:36:31</t>
  </si>
  <si>
    <t>466e9008-b488-4274-8c88-5b8b1724f549.tmp</t>
  </si>
  <si>
    <t>\\acsfs\profiles$\adelvinsonle\Downloads\466e9008-b488-4274-8c88-5b8b1724f549.tmp</t>
  </si>
  <si>
    <t>01/27/2020 09:32:23</t>
  </si>
  <si>
    <t>lu93084h0cz.tmp</t>
  </si>
  <si>
    <t>\\acsfs\profiles$\ALEXANDREMM\lu93084h0cz.tmp</t>
  </si>
  <si>
    <t>\\acsfs\profiles$\ALEXANDREMM\lu93084h0cz.tmp\</t>
  </si>
  <si>
    <t>\\acsfs\profiles$\ALEXANDREMM\lu93084h0cz.tmp\META-INF\</t>
  </si>
  <si>
    <t>\\acsfs\profiles$\ALEXANDREMM\lu93084h0cz.tmp\Thumbnails\</t>
  </si>
  <si>
    <t>01/27/2020 09:31:55</t>
  </si>
  <si>
    <t>01/27/2020 09:37:31</t>
  </si>
  <si>
    <t>01/27/2020 09:31:56</t>
  </si>
  <si>
    <t>lu2530431ygpb.tmp</t>
  </si>
  <si>
    <t>\\acsfs\profiles$\BRUNAAR\Numero\lu2530431ygpb.tmp</t>
  </si>
  <si>
    <t>01/27/2020 09:34:35</t>
  </si>
  <si>
    <t>RELATORIO DE LOGIN - FINANCEIRA - 24-01.xlsm</t>
  </si>
  <si>
    <t>\\acsfs\DEPTOS\Operacao\PCP\5 - Comum\PLANEJAMENTO BV\14 - ACOMPANHAMENTO\1 - REPORT ACOMPANHAMENTO\2020\1 - JANEIRO\FINANCEIRA\Login Logout Financeira\RELATORIO DE LOGIN - FINANCEIRA - 24-01.xlsm</t>
  </si>
  <si>
    <t>01/27/2020 09:35:16</t>
  </si>
  <si>
    <t>01/27/2020 09:32:00</t>
  </si>
  <si>
    <t>lu374522f031i.tmp</t>
  </si>
  <si>
    <t>\\acsfs\profiles$\VIVIANALDS\My Documents\lu374522f031i.tmp</t>
  </si>
  <si>
    <t>\\acsfs\profiles$\VIVIANALDS\My Documents\lu374522f031i.tmp\</t>
  </si>
  <si>
    <t>\\acsfs\profiles$\VIVIANALDS\My Documents\lu374522f031i.tmp\META-INF\</t>
  </si>
  <si>
    <t>\\acsfs\profiles$\VIVIANALDS\My Documents\lu374522f031i.tmp\Thumbnails\</t>
  </si>
  <si>
    <t>01/27/2020 09:32:21</t>
  </si>
  <si>
    <t>01/27/2020 09:32:22</t>
  </si>
  <si>
    <t>lu374522f031m.tmp</t>
  </si>
  <si>
    <t>\\acsfs\profiles$\VIVIANALDS\My Documents\lu374522f031m.tmp</t>
  </si>
  <si>
    <t>\\acsfs\profiles$\VIVIANALDS\My Documents\lu374522f031m.tmp\</t>
  </si>
  <si>
    <t>\\acsfs\profiles$\VIVIANALDS\My Documents\lu374522f031m.tmp\META-INF\</t>
  </si>
  <si>
    <t>\\acsfs\profiles$\VIVIANALDS\My Documents\lu374522f031m.tmp\Thumbnails\</t>
  </si>
  <si>
    <t>01/27/2020 09:32:27</t>
  </si>
  <si>
    <t>01/27/2020 09:32:28</t>
  </si>
  <si>
    <t>lu374522f031q.tmp</t>
  </si>
  <si>
    <t>\\acsfs\profiles$\VIVIANALDS\My Documents\lu374522f031q.tmp</t>
  </si>
  <si>
    <t>\\acsfs\profiles$\VIVIANALDS\My Documents\lu374522f031q.tmp\</t>
  </si>
  <si>
    <t>\\acsfs\profiles$\VIVIANALDS\My Documents\lu374522f031q.tmp\META-INF\</t>
  </si>
  <si>
    <t>\\acsfs\profiles$\VIVIANALDS\My Documents\lu374522f031q.tmp\Thumbnails\</t>
  </si>
  <si>
    <t>01/27/2020 09:36:05</t>
  </si>
  <si>
    <t>01/27/2020 09:39:31</t>
  </si>
  <si>
    <t>955cd8dc-1a46-4514-8934-421cc8256048.tmp</t>
  </si>
  <si>
    <t>\\acsfs\profiles$\dhiulliananads\Downloads\955cd8dc-1a46-4514-8934-421cc8256048.tmp</t>
  </si>
  <si>
    <t>01/27/2020 09:35:48</t>
  </si>
  <si>
    <t>01/27/2020 09:40:31</t>
  </si>
  <si>
    <t>e76cf3f9-5475-4248-9ce2-011c0136ee25.tmp</t>
  </si>
  <si>
    <t>\\acsfs\profiles$\jhonatadss\Downloads\e76cf3f9-5475-4248-9ce2-011c0136ee25.tmp</t>
  </si>
  <si>
    <t>01/27/2020 09:37:20</t>
  </si>
  <si>
    <t>01/27/2020 09:42:31</t>
  </si>
  <si>
    <t>01/27/2020 09:37:22</t>
  </si>
  <si>
    <t>01/27/2020 09:37:52</t>
  </si>
  <si>
    <t>https:///ajax/mercury/upload.php?__cid=972882742857598&amp;__user=100031549241687&amp;__a=1&amp;__dyn=7AzkXghFo-4Q9UrJx6Q5EW3mbF3oyfJ4Wo466EeAq2i5U4e2C3Cm7WUC3q2OUuxa3K1gzobrzoeodEOEiwvUe8hxG18wzwxgeE2VwaS4pEtwMxK1Ixm2K0KEswTwsUrx62Px-8whEgzUOmUdU2DwWwwwyAmV8y6EeoG5E4ucwFy87e6oJ2UtG6-7Ua8y4EgwWwWwhoy2WE9Ejw822Kfx2dxy5poS15wgUC2G&amp;__csr=&amp;__req=6u&amp;__beoa=0&amp;__pc=PHASED%3Aworkplace_pkg&amp;dpr=1&amp;__rev=1001641766&amp;__s=u4pujp%3Aevbov5%3Amthpvz&amp;__hsi=6786567589632479411-0&amp;fb_dtsg=AQGAwvq8MEIE%3AAQGU0qoSTltz&amp;jazoest=22121&amp;__spin_r=1001641766&amp;__spin_b=trunk&amp;__spin_t=1580120900</t>
  </si>
  <si>
    <t>01/27/2020 09:37:57</t>
  </si>
  <si>
    <t>01/27/2020 09:40:42</t>
  </si>
  <si>
    <t>01/27/2020 09:40:50</t>
  </si>
  <si>
    <t>equipecrbv1@bv.algartech.com;</t>
  </si>
  <si>
    <t>equipecrbv1@bv.algartech.com</t>
  </si>
  <si>
    <t>01/27/2020 09:46:31</t>
  </si>
  <si>
    <t>01/27/2020 09:45:23</t>
  </si>
  <si>
    <t>01/27/2020 09:45:24</t>
  </si>
  <si>
    <t>lu93084h0d3.tmp</t>
  </si>
  <si>
    <t>\\acsfs\profiles$\ALEXANDREMM\lu93084h0d3.tmp</t>
  </si>
  <si>
    <t>\\acsfs\profiles$\ALEXANDREMM\lu93084h0d3.tmp\</t>
  </si>
  <si>
    <t>\\acsfs\profiles$\ALEXANDREMM\lu93084h0d3.tmp\META-INF\</t>
  </si>
  <si>
    <t>\\acsfs\profiles$\ALEXANDREMM\lu93084h0d3.tmp\Thumbnails\</t>
  </si>
  <si>
    <t>01/27/2020 09:45:43</t>
  </si>
  <si>
    <t>01/27/2020 09:45:44</t>
  </si>
  <si>
    <t>lu93084h0d7.tmp</t>
  </si>
  <si>
    <t>\\acsfs\profiles$\ALEXANDREMM\lu93084h0d7.tmp</t>
  </si>
  <si>
    <t>\\acsfs\profiles$\ALEXANDREMM\lu93084h0d7.tmp\</t>
  </si>
  <si>
    <t>\\acsfs\profiles$\ALEXANDREMM\lu93084h0d7.tmp\META-INF\</t>
  </si>
  <si>
    <t>\\acsfs\profiles$\ALEXANDREMM\lu93084h0d7.tmp\Thumbnails\</t>
  </si>
  <si>
    <t>01/27/2020 09:41:54</t>
  </si>
  <si>
    <t>01/27/2020 09:47:31</t>
  </si>
  <si>
    <t>01/27/2020 09:42:58</t>
  </si>
  <si>
    <t>RELATORIO DE LOGIN - FINANCEIRA - 24-01 - Cópia.xlsm</t>
  </si>
  <si>
    <t>\\acsfs\DEPTOS\Operacao\PCP\5 - Comum\PLANEJAMENTO BV\14 - ACOMPANHAMENTO\1 - REPORT ACOMPANHAMENTO\2020\1 - JANEIRO\FINANCEIRA\Login Logout Financeira\RELATORIO DE LOGIN - FINANCEIRA - 24-01 - Cópia.xlsm</t>
  </si>
  <si>
    <t>01/27/2020 09:43:04</t>
  </si>
  <si>
    <t>RELATORIO DE LOGIN - FINANCEIRA - 18-01 - SAC - Cópia.xlsm</t>
  </si>
  <si>
    <t>\\acsfs\DEPTOS\Operacao\PCP\5 - Comum\PLANEJAMENTO BV\14 - ACOMPANHAMENTO\1 - REPORT ACOMPANHAMENTO\2020\1 - JANEIRO\FINANCEIRA\Login Logout Financeira\RELATORIO DE LOGIN - FINANCEIRA - 18-01 - SAC - Cópia.xlsm</t>
  </si>
  <si>
    <t>01/27/2020 09:43:11</t>
  </si>
  <si>
    <t>01/27/2020 09:44:11</t>
  </si>
  <si>
    <t>adb6c91d-3dbe-4270-a189-6707f60df881.tmp</t>
  </si>
  <si>
    <t>\\acsfs\profiles$\luanarda\Downloads\adb6c91d-3dbe-4270-a189-6707f60df881.tmp</t>
  </si>
  <si>
    <t>01/27/2020 09:44:12</t>
  </si>
  <si>
    <t>a90901c7-5855-45f5-abcc-ecc3365a9644.tmp</t>
  </si>
  <si>
    <t>\\acsfs\profiles$\gustavodsil\Downloads\a90901c7-5855-45f5-abcc-ecc3365a9644.tmp</t>
  </si>
  <si>
    <t>01/27/2020 09:44:22</t>
  </si>
  <si>
    <t>.~lock.Fechamento Tritop - Operador.xlsx#</t>
  </si>
  <si>
    <t>\\acsfs\profiles$\gustavodsil\Downloads\.~lock.Fechamento Tritop - Operador.xlsx#</t>
  </si>
  <si>
    <t>01/27/2020 09:46:32</t>
  </si>
  <si>
    <t>01/27/2020 09:46:34</t>
  </si>
  <si>
    <t>01/27/2020 09:49:31</t>
  </si>
  <si>
    <t>1 advertencia - descumprimento de jornada de trabalho.doc</t>
  </si>
  <si>
    <t>01/27/2020 09:50:28</t>
  </si>
  <si>
    <t>01/27/2020 09:51:31</t>
  </si>
  <si>
    <t>VOTORANTS-ABB03</t>
  </si>
  <si>
    <t>\\acsfs\Deptos\Operacao\Banco_Votorantim\Supervisao\Maristela\image2020-01-15-171638.zip</t>
  </si>
  <si>
    <t>\\acsfs\Deptos\Operacao\Banco_Votorantim\Supervisao\Maristela\image2020-01-15-171638.zip\</t>
  </si>
  <si>
    <t>GestÆo Disciplinar Top Performance.pdf</t>
  </si>
  <si>
    <t>01/27/2020 09:52:31</t>
  </si>
  <si>
    <t>01/27/2020 09:51:16</t>
  </si>
  <si>
    <t>95b5dc78-e43a-4a8d-8e09-4ea65a2eb974.tmp</t>
  </si>
  <si>
    <t>\\acsfs\profiles$\gustavodsil\Downloads\95b5dc78-e43a-4a8d-8e09-4ea65a2eb974.tmp</t>
  </si>
  <si>
    <t>01/27/2020 09:50:44</t>
  </si>
  <si>
    <t>01/27/2020 09:53:31</t>
  </si>
  <si>
    <t>01/27/2020 09:51:28</t>
  </si>
  <si>
    <t>01/27/2020 09:51:44</t>
  </si>
  <si>
    <t>2a9a170a-753d-48b6-8bed-35b8e7cce173.tmp</t>
  </si>
  <si>
    <t>\\acsfs\profiles$\ALYNYA\Downloads\2a9a170a-753d-48b6-8bed-35b8e7cce173.tmp</t>
  </si>
  <si>
    <t>01/27/2020 09:52:48</t>
  </si>
  <si>
    <t>01/27/2020 09:55:32</t>
  </si>
  <si>
    <t>\\acsfs\Deptos\EDUCACAO EMPRESARIAL\FERNANDA APARECIDA\Fernanda\RECLAMAÇÃO E OUVIDORIA\</t>
  </si>
  <si>
    <t>Caso 00826385 Otavia Maria do Nascimento.pdf</t>
  </si>
  <si>
    <t>\\acsfs\Deptos\EDUCACAO EMPRESARIAL\FERNANDA APARECIDA\Fernanda\RECLAMAÇÃO E OUVIDORIA\Caso 00826385 Otavia Maria do Nascimento.pdf</t>
  </si>
  <si>
    <t>01/27/2020 09:52:21</t>
  </si>
  <si>
    <t>01/27/2020 09:56:31</t>
  </si>
  <si>
    <t>a5de598e-d928-4945-992b-8a4f7a73159e.tmp</t>
  </si>
  <si>
    <t>\\acsfs\profiles$\felipetds\Downloads\a5de598e-d928-4945-992b-8a4f7a73159e.tmp</t>
  </si>
  <si>
    <t>01/27/2020 09:51:52</t>
  </si>
  <si>
    <t>KIT_PRE_DESLIG_ANT_TERM_CONTRATO_EMPREGADO_124234_MICHELLE GONZAGA DIAS LINDOLFO.7z.tmp</t>
  </si>
  <si>
    <t>\\acsfs\Deptos\Operacao\Banco_Votorantim\Supervisao\Maristela\CRBV vendas\Desligamento\KIT_PRE_DESLIG_ANT_TERM_CONTRATO_EMPREGADO_124234_MICHELLE GONZAGA DIAS LINDOLFO.7z.tmp</t>
  </si>
  <si>
    <t>\\acsfs\Deptos\Operacao\Banco_Votorantim\Supervisao\Maristela\CRBV vendas\Desligamento\KIT_PRE_DESLIG_ANT_TERM_CONTRATO_EMPREGADO_124234_MICHELLE GONZAGA DIAS LINDOLFO.7z.tmp\</t>
  </si>
  <si>
    <t>KIT_PRE_DESLIG_ANT_TERM_CONTRATO_EMPREGADO_124234_MICHELLE GONZAGA DIAS LINDOLFO.pdf</t>
  </si>
  <si>
    <t>01/27/2020 09:52:45</t>
  </si>
  <si>
    <t>Desligamento Michelle.7z</t>
  </si>
  <si>
    <t>\\acsfs\Deptos\Operacao\Banco_Votorantim\Supervisao\Maristela\CRBV vendas\Desligamento\Desligamento Michelle.7z</t>
  </si>
  <si>
    <t>\\acsfs\Deptos\Operacao\Banco_Votorantim\Supervisao\Maristela\CRBV vendas\Desligamento\Desligamento Michelle.7z\</t>
  </si>
  <si>
    <t>Desligamento Michelle.pdf</t>
  </si>
  <si>
    <t>01/27/2020 09:55:09</t>
  </si>
  <si>
    <t>01/27/2020 09:51:30</t>
  </si>
  <si>
    <t>764c570a-ea5d-48bd-a7c3-ea17ae6d9229.tmp</t>
  </si>
  <si>
    <t>\\acsfs\profiles$\lorrainerdl\Downloads\764c570a-ea5d-48bd-a7c3-ea17ae6d9229.tmp</t>
  </si>
  <si>
    <t>01/27/2020 09:53:09</t>
  </si>
  <si>
    <t>01/27/2020 09:57:32</t>
  </si>
  <si>
    <t>3ea70f85-83d1-445f-aa06-e6512995ec96.tmp</t>
  </si>
  <si>
    <t>\\acsfs\profiles$\gustavodsil\Downloads\3ea70f85-83d1-445f-aa06-e6512995ec96.tmp</t>
  </si>
  <si>
    <t>01/27/2020 09:53:19</t>
  </si>
  <si>
    <t>.~lock.Relatorio.FeriasProgramadas_20200127095256161682.xls#</t>
  </si>
  <si>
    <t>\\acsfs\profiles$\gustavodsil\Downloads\.~lock.Relatorio.FeriasProgramadas_20200127095256161682.xls#</t>
  </si>
  <si>
    <t>01/27/2020 09:56:30</t>
  </si>
  <si>
    <t>ayalabfi@bv.algartech.com;equipecrbv1@bv.algartech.com;</t>
  </si>
  <si>
    <t>ayalabfi@bv.algartech.com,equipecrbv1@bv.algartech.com</t>
  </si>
  <si>
    <t>01/27/2020 09:56:34</t>
  </si>
  <si>
    <t>01/27/2020 09:56:39</t>
  </si>
  <si>
    <t>01/27/2020 09:57:57</t>
  </si>
  <si>
    <t>01/27/2020 09:58:31</t>
  </si>
  <si>
    <t>01/27/2020 09:57:58</t>
  </si>
  <si>
    <t>01/27/2020 09:57:59</t>
  </si>
  <si>
    <t>01/27/2020 09:58:00</t>
  </si>
  <si>
    <t>01/27/2020 09:58:01</t>
  </si>
  <si>
    <t>01/27/2020 09:58:02</t>
  </si>
  <si>
    <t>01/27/2020 09:57:43</t>
  </si>
  <si>
    <t>7014ec64-2e91-4ff2-bb5a-814527bb18d8.tmp</t>
  </si>
  <si>
    <t>\\acsfs\profiles$\victoriaksr\Downloads\7014ec64-2e91-4ff2-bb5a-814527bb18d8.tmp</t>
  </si>
  <si>
    <t>01/27/2020 09:56:50</t>
  </si>
  <si>
    <t>01/27/2020 09:59:32</t>
  </si>
  <si>
    <t>d8d1e951-b220-4b9d-9e89-da2eb808f382.tmp</t>
  </si>
  <si>
    <t>\\acsfs\profiles$\KARENDSR\Downloads\d8d1e951-b220-4b9d-9e89-da2eb808f382.tmp</t>
  </si>
  <si>
    <t>01/27/2020 09:57:04</t>
  </si>
  <si>
    <t>123a7755-c7c1-4f44-8f27-0b353162e0bb.tmp</t>
  </si>
  <si>
    <t>\\acsfs\profiles$\KARENDSR\Downloads\123a7755-c7c1-4f44-8f27-0b353162e0bb.tmp</t>
  </si>
  <si>
    <t>01/27/2020 09:56:27</t>
  </si>
  <si>
    <t>01/27/2020 10:00:31</t>
  </si>
  <si>
    <t>f80db6d1-fe34-44a4-b7e8-115afd3bbce9.tmp</t>
  </si>
  <si>
    <t>\\acsfs\profiles$\jhonatadss\Downloads\f80db6d1-fe34-44a4-b7e8-115afd3bbce9.tmp</t>
  </si>
  <si>
    <t>01/27/2020 09:55:11</t>
  </si>
  <si>
    <t>9540dcfc-ceb2-45f7-9113-aa1ef6d4c0b6.tmp</t>
  </si>
  <si>
    <t>\\acsfs\profiles$\lorenabmc\Downloads\9540dcfc-ceb2-45f7-9113-aa1ef6d4c0b6.tmp</t>
  </si>
  <si>
    <t>01/27/2020 09:57:00</t>
  </si>
  <si>
    <t>83bed3bf-fe27-45c9-8e87-c470c1509b14.tmp</t>
  </si>
  <si>
    <t>\\acsfs\profiles$\lorenabmc\Downloads\83bed3bf-fe27-45c9-8e87-c470c1509b14.tmp</t>
  </si>
  <si>
    <t>01/27/2020 09:56:04</t>
  </si>
  <si>
    <t>3ad5d4ea-6d90-469f-affc-7aa927635970.tmp</t>
  </si>
  <si>
    <t>\\acsfs\profiles$\matheushds\Downloads\3ad5d4ea-6d90-469f-affc-7aa927635970.tmp</t>
  </si>
  <si>
    <t>01/27/2020 09:56:54</t>
  </si>
  <si>
    <t>a2994c10-369a-4f3b-89fb-662cff11982a.tmp</t>
  </si>
  <si>
    <t>\\acsfs\profiles$\matheushds\Downloads\a2994c10-369a-4f3b-89fb-662cff11982a.tmp</t>
  </si>
  <si>
    <t>01/27/2020 09:58:27</t>
  </si>
  <si>
    <t>0c6ff931-2c88-427b-bb88-4d0fdbd506ea.tmp</t>
  </si>
  <si>
    <t>\\acsfs\profiles$\matheushds\Downloads\0c6ff931-2c88-427b-bb88-4d0fdbd506ea.tmp</t>
  </si>
  <si>
    <t>01/27/2020 09:59:38</t>
  </si>
  <si>
    <t>ad3e44c5-0a93-43ef-ae51-96c6995d158f.tmp</t>
  </si>
  <si>
    <t>\\acsfs\profiles$\matheushds\Downloads\ad3e44c5-0a93-43ef-ae51-96c6995d158f.tmp</t>
  </si>
  <si>
    <t>01/27/2020 10:00:02</t>
  </si>
  <si>
    <t>01/27/2020 10:01:31</t>
  </si>
  <si>
    <t>1da66d28-fe0e-4395-9acf-6f81ce831983.tmp</t>
  </si>
  <si>
    <t>\\acsfs\profiles$\lorrainerdl\Downloads\1da66d28-fe0e-4395-9acf-6f81ce831983.tmp</t>
  </si>
  <si>
    <t>01/27/2020 09:57:17</t>
  </si>
  <si>
    <t>01/27/2020 10:02:31</t>
  </si>
  <si>
    <t>01/27/2020 09:57:02</t>
  </si>
  <si>
    <t>01/27/2020 09:57:05</t>
  </si>
  <si>
    <t>\\acsfs\profiles$\gustavodsil\Favorites\</t>
  </si>
  <si>
    <t>ScheduleViewer - 1.url</t>
  </si>
  <si>
    <t>\\acsfs\profiles$\gustavodsil\Favorites\ScheduleViewer - 1.url</t>
  </si>
  <si>
    <t>01/27/2020 10:00:44</t>
  </si>
  <si>
    <t>01/27/2020 10:00:45</t>
  </si>
  <si>
    <t>lu374522f031u.tmp</t>
  </si>
  <si>
    <t>\\acsfs\profiles$\VIVIANALDS\My Documents\lu374522f031u.tmp</t>
  </si>
  <si>
    <t>\\acsfs\profiles$\VIVIANALDS\My Documents\lu374522f031u.tmp\</t>
  </si>
  <si>
    <t>\\acsfs\profiles$\VIVIANALDS\My Documents\lu374522f031u.tmp\META-INF\</t>
  </si>
  <si>
    <t>\\acsfs\profiles$\VIVIANALDS\My Documents\lu374522f031u.tmp\Thumbnails\</t>
  </si>
  <si>
    <t>01/27/2020 09:59:49</t>
  </si>
  <si>
    <t>01/27/2020 10:03:31</t>
  </si>
  <si>
    <t>10.200.66.170</t>
  </si>
  <si>
    <t>7c3d6063-ab4a-4565-a2b6-57e71d3534bd.tmp</t>
  </si>
  <si>
    <t>\\acsfs\profiles$\mariagsg\Downloads\7c3d6063-ab4a-4565-a2b6-57e71d3534bd.tmp</t>
  </si>
  <si>
    <t>b7dbd050-5d6e-4e8c-be1c-59ce4167c19c.tmp</t>
  </si>
  <si>
    <t>\\acsfs\profiles$\mariagsg\Downloads\b7dbd050-5d6e-4e8c-be1c-59ce4167c19c.tmp</t>
  </si>
  <si>
    <t>01/27/2020 09:59:53</t>
  </si>
  <si>
    <t>Q29udHJvbGxlci5QYXl3YXJlXzEtMg-- (12).ica</t>
  </si>
  <si>
    <t>\\acsfs\profiles$\mariagsg\Downloads\Q29udHJvbGxlci5QYXl3YXJlXzEtMg-- (12).ica</t>
  </si>
  <si>
    <t>01/27/2020 10:00:23</t>
  </si>
  <si>
    <t>01/27/2020 09:58:03</t>
  </si>
  <si>
    <t>01/27/2020 09:58:04</t>
  </si>
  <si>
    <t>01/27/2020 09:58:05</t>
  </si>
  <si>
    <t>01/27/2020 09:58:06</t>
  </si>
  <si>
    <t>01/27/2020 09:58:07</t>
  </si>
  <si>
    <t>01/27/2020 09:58:08</t>
  </si>
  <si>
    <t>01/27/2020 09:58:09</t>
  </si>
  <si>
    <t>01/27/2020 09:58:10</t>
  </si>
  <si>
    <t>01/27/2020 09:58:11</t>
  </si>
  <si>
    <t>01/27/2020 09:58:12</t>
  </si>
  <si>
    <t>01/27/2020 09:58:13</t>
  </si>
  <si>
    <t>01/27/2020 09:58:14</t>
  </si>
  <si>
    <t>01/27/2020 09:58:15</t>
  </si>
  <si>
    <t>01/27/2020 09:58:16</t>
  </si>
  <si>
    <t>01/27/2020 09:58:17</t>
  </si>
  <si>
    <t>01/27/2020 10:00:12</t>
  </si>
  <si>
    <t>01/27/2020 10:05:31</t>
  </si>
  <si>
    <t>01/27/2020 10:01:22</t>
  </si>
  <si>
    <t>caaab163-1723-436f-afc8-ffe695aa3ab8.tmp</t>
  </si>
  <si>
    <t>\\acsfs\profiles$\jhonatadss\Downloads\caaab163-1723-436f-afc8-ffe695aa3ab8.tmp</t>
  </si>
  <si>
    <t>01/27/2020 10:04:50</t>
  </si>
  <si>
    <t>01/27/2020 10:06:31</t>
  </si>
  <si>
    <t>01/27/2020 10:04:51</t>
  </si>
  <si>
    <t>lu93084h0db.tmp</t>
  </si>
  <si>
    <t>\\acsfs\profiles$\ALEXANDREMM\lu93084h0db.tmp</t>
  </si>
  <si>
    <t>\\acsfs\profiles$\ALEXANDREMM\lu93084h0db.tmp\</t>
  </si>
  <si>
    <t>\\acsfs\profiles$\ALEXANDREMM\lu93084h0db.tmp\META-INF\</t>
  </si>
  <si>
    <t>\\acsfs\profiles$\ALEXANDREMM\lu93084h0db.tmp\Thumbnails\</t>
  </si>
  <si>
    <t>01/27/2020 10:05:59</t>
  </si>
  <si>
    <t>lu93084h0df.tmp</t>
  </si>
  <si>
    <t>\\acsfs\profiles$\ALEXANDREMM\lu93084h0df.tmp</t>
  </si>
  <si>
    <t>\\acsfs\profiles$\ALEXANDREMM\lu93084h0df.tmp\</t>
  </si>
  <si>
    <t>\\acsfs\profiles$\ALEXANDREMM\lu93084h0df.tmp\META-INF\</t>
  </si>
  <si>
    <t>\\acsfs\profiles$\ALEXANDREMM\lu93084h0df.tmp\Thumbnails\</t>
  </si>
  <si>
    <t>01/27/2020 10:02:02</t>
  </si>
  <si>
    <t>01/27/2020 10:07:32</t>
  </si>
  <si>
    <t>01/27/2020 10:02:06</t>
  </si>
  <si>
    <t>01/27/2020 10:03:28</t>
  </si>
  <si>
    <t>RELATORIO DE LOGIN - FINANCEIRA - 25-01 - SAC.xlsm</t>
  </si>
  <si>
    <t>\\acsfs\DEPTOS\Operacao\PCP\5 - Comum\PLANEJAMENTO BV\14 - ACOMPANHAMENTO\1 - REPORT ACOMPANHAMENTO\2020\1 - JANEIRO\FINANCEIRA\Login Logout Financeira\RELATORIO DE LOGIN - FINANCEIRA - 25-01 - SAC.xlsm</t>
  </si>
  <si>
    <t>01/27/2020 10:06:29</t>
  </si>
  <si>
    <t>a79a7baf-3bc3-4da3-b613-6fe56498e432.tmp</t>
  </si>
  <si>
    <t>\\acsfs\profiles$\luanarda\Downloads\a79a7baf-3bc3-4da3-b613-6fe56498e432.tmp</t>
  </si>
  <si>
    <t>01/27/2020 10:03:57</t>
  </si>
  <si>
    <t>01/27/2020 10:03:59</t>
  </si>
  <si>
    <t>01/27/2020 10:03:49</t>
  </si>
  <si>
    <t>01/27/2020 10:08:31</t>
  </si>
  <si>
    <t>01/27/2020 10:08:16</t>
  </si>
  <si>
    <t>01/27/2020 10:11:31</t>
  </si>
  <si>
    <t>dbc7c084-1f19-44e8-9b1d-e1d9a0aa9c82.tmp</t>
  </si>
  <si>
    <t>\\acsfs\profiles$\lorrainerdl\Downloads\dbc7c084-1f19-44e8-9b1d-e1d9a0aa9c82.tmp</t>
  </si>
  <si>
    <t>01/27/2020 10:06:45</t>
  </si>
  <si>
    <t>Rescião Patrick.7z</t>
  </si>
  <si>
    <t>\\acsfs\Deptos\Operacao\Banco_Votorantim\Supervisao\Maristela\CRBV vendas\Desligamento\Rescião Patrick.7z</t>
  </si>
  <si>
    <t>\\acsfs\Deptos\Operacao\Banco_Votorantim\Supervisao\Maristela\CRBV vendas\Desligamento\Rescião Patrick.7z\</t>
  </si>
  <si>
    <t>ResciÃ£o Patrick.pdf</t>
  </si>
  <si>
    <t>01/27/2020 10:07:39</t>
  </si>
  <si>
    <t>01/27/2020 10:07:44</t>
  </si>
  <si>
    <t>https://algar.folhasinergyrh.com.br/rescisao/upload?id=0&amp;idsolicitacao=22919&amp;idprerescisao=0</t>
  </si>
  <si>
    <t>01/27/2020 10:12:31</t>
  </si>
  <si>
    <t>01/27/2020 10:10:32</t>
  </si>
  <si>
    <t>01/27/2020 10:06:56</t>
  </si>
  <si>
    <t>01/27/2020 10:15:07</t>
  </si>
  <si>
    <t>01/27/2020 10:17:32</t>
  </si>
  <si>
    <t>lu374522f031y.tmp</t>
  </si>
  <si>
    <t>\\acsfs\profiles$\VIVIANALDS\My Documents\lu374522f031y.tmp</t>
  </si>
  <si>
    <t>\\acsfs\profiles$\VIVIANALDS\My Documents\lu374522f031y.tmp\</t>
  </si>
  <si>
    <t>\\acsfs\profiles$\VIVIANALDS\My Documents\lu374522f031y.tmp\META-INF\</t>
  </si>
  <si>
    <t>\\acsfs\profiles$\VIVIANALDS\My Documents\lu374522f031y.tmp\Thumbnails\</t>
  </si>
  <si>
    <t>01/27/2020 10:15:55</t>
  </si>
  <si>
    <t>lu374522f0322.tmp</t>
  </si>
  <si>
    <t>\\acsfs\profiles$\VIVIANALDS\My Documents\lu374522f0322.tmp</t>
  </si>
  <si>
    <t>\\acsfs\profiles$\VIVIANALDS\My Documents\lu374522f0322.tmp\</t>
  </si>
  <si>
    <t>\\acsfs\profiles$\VIVIANALDS\My Documents\lu374522f0322.tmp\META-INF\</t>
  </si>
  <si>
    <t>\\acsfs\profiles$\VIVIANALDS\My Documents\lu374522f0322.tmp\Thumbnails\</t>
  </si>
  <si>
    <t>01/27/2020 10:15:20</t>
  </si>
  <si>
    <t>8c4ce06d-c763-429c-b105-319767b61ecd.tmp</t>
  </si>
  <si>
    <t>\\acsfs\profiles$\joselrb\Downloads\8c4ce06d-c763-429c-b105-319767b61ecd.tmp</t>
  </si>
  <si>
    <t>01/27/2020 10:15:58</t>
  </si>
  <si>
    <t>e12908b7-21f8-497e-9dc8-3723593c0406.tmp</t>
  </si>
  <si>
    <t>\\acsfs\profiles$\joselrb\Downloads\e12908b7-21f8-497e-9dc8-3723593c0406.tmp</t>
  </si>
  <si>
    <t>01/27/2020 10:16:16</t>
  </si>
  <si>
    <t>b86aba72-d9a1-4c0c-9ebb-03b1e4f261dd.tmp</t>
  </si>
  <si>
    <t>\\acsfs\profiles$\joselrb\Downloads\b86aba72-d9a1-4c0c-9ebb-03b1e4f261dd.tmp</t>
  </si>
  <si>
    <t>01/27/2020 10:20:31</t>
  </si>
  <si>
    <t>01/27/2020 10:15:27</t>
  </si>
  <si>
    <t>01/27/2020 10:15:35</t>
  </si>
  <si>
    <t>01/27/2020 10:16:56</t>
  </si>
  <si>
    <t>01/27/2020 10:22:31</t>
  </si>
  <si>
    <t>lu2530431ygpf.tmp</t>
  </si>
  <si>
    <t>\\acsfs\profiles$\BRUNAAR\Numero\lu2530431ygpf.tmp</t>
  </si>
  <si>
    <t>01/27/2020 10:17:31</t>
  </si>
  <si>
    <t>01/27/2020 10:17:33</t>
  </si>
  <si>
    <t>01/27/2020 10:20:35</t>
  </si>
  <si>
    <t>fef1d540-8cc7-4bdc-bc12-d4c1dc42a63c.tmp</t>
  </si>
  <si>
    <t>\\acsfs\profiles$\joselrb\Downloads\fef1d540-8cc7-4bdc-bc12-d4c1dc42a63c.tmp</t>
  </si>
  <si>
    <t>01/27/2020 10:18:41</t>
  </si>
  <si>
    <t>01/27/2020 10:23:31</t>
  </si>
  <si>
    <t>a748f19e-a7f0-451e-9998-0820fd450a34.tmp</t>
  </si>
  <si>
    <t>\\acsfs\profiles$\lorraynevam\Downloads\a748f19e-a7f0-451e-9998-0820fd450a34.tmp</t>
  </si>
  <si>
    <t>01/27/2020 10:18:59</t>
  </si>
  <si>
    <t>655eb803-cb59-421f-b973-9c806188bcbb.tmp</t>
  </si>
  <si>
    <t>\\acsfs\profiles$\lorraynevam\Downloads\655eb803-cb59-421f-b973-9c806188bcbb.tmp</t>
  </si>
  <si>
    <t>01/27/2020 10:22:15</t>
  </si>
  <si>
    <t>9f42f86f-6b19-457d-8e7a-e5f0a93d9608.tmp</t>
  </si>
  <si>
    <t>\\acsfs\profiles$\ALYNYA\Downloads\9f42f86f-6b19-457d-8e7a-e5f0a93d9608.tmp</t>
  </si>
  <si>
    <t>01/27/2020 10:21:07</t>
  </si>
  <si>
    <t>01/27/2020 10:24:32</t>
  </si>
  <si>
    <t>pasta hoje.csv</t>
  </si>
  <si>
    <t>\\acsfs\ACS\001 - Qualidade Lilian\PAULO\Pasta Tainara\pasta hoje.csv</t>
  </si>
  <si>
    <t>01/27/2020 10:22:03</t>
  </si>
  <si>
    <t>01/27/2020 10:25:31</t>
  </si>
  <si>
    <t>417126bf-b3f5-4257-a725-fc6740938677.tmp</t>
  </si>
  <si>
    <t>\\acsfs\profiles$\sarahbal\Downloads\417126bf-b3f5-4257-a725-fc6740938677.tmp</t>
  </si>
  <si>
    <t>01/27/2020 10:22:38</t>
  </si>
  <si>
    <t>\\acsfs\Deptos\EDUCACAO EMPRESARIAL\FERNANDA APARECIDA\3B1A0574.tmp\</t>
  </si>
  <si>
    <t>\\acsfs\Deptos\EDUCACAO EMPRESARIAL\FERNANDA APARECIDA\3B1A0574.tmp\:Zone.Identifier:$DATA</t>
  </si>
  <si>
    <t>01/27/2020 10:22:42</t>
  </si>
  <si>
    <t>\\acsfs\Deptos\EDUCACAO EMPRESARIAL\FERNANDA APARECIDA\LAUDO FERNANDA 5.docx\</t>
  </si>
  <si>
    <t>\\acsfs\Deptos\EDUCACAO EMPRESARIAL\FERNANDA APARECIDA\LAUDO FERNANDA 5.docx</t>
  </si>
  <si>
    <t>\\acsfs\Deptos\EDUCACAO EMPRESARIAL\FERNANDA APARECIDA\</t>
  </si>
  <si>
    <t>LAUDO FERNANDA 5.docx</t>
  </si>
  <si>
    <t>01/27/2020 10:24:40</t>
  </si>
  <si>
    <t>01/27/2020 10:26:31</t>
  </si>
  <si>
    <t>01/27/2020 10:24:38</t>
  </si>
  <si>
    <t>d7f35b14-66fb-4a81-845b-efd2901f327b.tmp</t>
  </si>
  <si>
    <t>\\acsfs\profiles$\gabrielafs\Downloads\d7f35b14-66fb-4a81-845b-efd2901f327b.tmp</t>
  </si>
  <si>
    <t>97cf48cb-a972-4d94-beaa-c4381b569859.tmp</t>
  </si>
  <si>
    <t>\\acsfs\profiles$\gabrielafs\Downloads\97cf48cb-a972-4d94-beaa-c4381b569859.tmp</t>
  </si>
  <si>
    <t>01/27/2020 10:24:42</t>
  </si>
  <si>
    <t>d16b4aaa-d44c-4283-9618-6df8a0232812.tmp</t>
  </si>
  <si>
    <t>\\acsfs\profiles$\gabrielafs\Downloads\d16b4aaa-d44c-4283-9618-6df8a0232812.tmp</t>
  </si>
  <si>
    <t>01/27/2020 10:24:50</t>
  </si>
  <si>
    <t>c0344f94-ab2f-4b40-9ca2-c0fa4c24af73.tmp</t>
  </si>
  <si>
    <t>\\acsfs\profiles$\gabrielafs\Downloads\c0344f94-ab2f-4b40-9ca2-c0fa4c24af73.tmp</t>
  </si>
  <si>
    <t>01/27/2020 10:26:23</t>
  </si>
  <si>
    <t>8901ba1f-90d0-469a-b981-785b21efd7ef.tmp</t>
  </si>
  <si>
    <t>\\acsfs\profiles$\gabrielafs\Downloads\8901ba1f-90d0-469a-b981-785b21efd7ef.tmp</t>
  </si>
  <si>
    <t>01/27/2020 10:28:31</t>
  </si>
  <si>
    <t>01/27/2020 10:25:43</t>
  </si>
  <si>
    <t>01/27/2020 10:29:31</t>
  </si>
  <si>
    <t>01/27/2020 10:25:44</t>
  </si>
  <si>
    <t>01/27/2020 10:29:14</t>
  </si>
  <si>
    <t>01/27/2020 10:29:15</t>
  </si>
  <si>
    <t>01/27/2020 10:25:19</t>
  </si>
  <si>
    <t>01/27/2020 10:30:31</t>
  </si>
  <si>
    <t>01/27/2020 10:25:23</t>
  </si>
  <si>
    <t>01/27/2020 10:29:38</t>
  </si>
  <si>
    <t>ac12ccc6-e24b-4359-b91d-7b2eb7308b47.tmp</t>
  </si>
  <si>
    <t>\\acsfs\profiles$\lorenabmc\Downloads\ac12ccc6-e24b-4359-b91d-7b2eb7308b47.tmp</t>
  </si>
  <si>
    <t>01/27/2020 10:30:00</t>
  </si>
  <si>
    <t>01/27/2020 10:31:31</t>
  </si>
  <si>
    <t>01/27/2020 10:30:29</t>
  </si>
  <si>
    <t>01/27/2020 10:32:31</t>
  </si>
  <si>
    <t>RELATORIO DE LOGIN - FINANCEIRA - 26-01 - SAC.xlsm</t>
  </si>
  <si>
    <t>\\acsfs\DEPTOS\Operacao\PCP\5 - Comum\PLANEJAMENTO BV\14 - ACOMPANHAMENTO\1 - REPORT ACOMPANHAMENTO\2020\1 - JANEIRO\FINANCEIRA\Login Logout Financeira\RELATORIO DE LOGIN - FINANCEIRA - 26-01 - SAC.xlsm</t>
  </si>
  <si>
    <t>01/27/2020 10:30:30</t>
  </si>
  <si>
    <t>01/27/2020 10:32:11</t>
  </si>
  <si>
    <t>01/27/2020 10:34:32</t>
  </si>
  <si>
    <t>lu18020112c81.tmp</t>
  </si>
  <si>
    <t>\\acsfs\profiles$\dhiulliananads\My Documents\lu18020112c81.tmp</t>
  </si>
  <si>
    <t>\\acsfs\profiles$\dhiulliananads\My Documents\lu18020112c81.tmp\</t>
  </si>
  <si>
    <t>\\acsfs\profiles$\dhiulliananads\My Documents\lu18020112c81.tmp\META-INF\</t>
  </si>
  <si>
    <t>\\acsfs\profiles$\dhiulliananads\My Documents\lu18020112c81.tmp\Thumbnails\</t>
  </si>
  <si>
    <t>01/27/2020 10:30:35</t>
  </si>
  <si>
    <t>01/27/2020 10:35:31</t>
  </si>
  <si>
    <t>Caso 00826385 . Otavia Maria do Nascimento.pdf</t>
  </si>
  <si>
    <t>\\acsfs\Deptos\EDUCACAO EMPRESARIAL\FERNANDA APARECIDA\Caso 00826385 . Otavia Maria do Nascimento.pdf</t>
  </si>
  <si>
    <t>01/27/2020 10:33:08</t>
  </si>
  <si>
    <t>01/27/2020 10:36:31</t>
  </si>
  <si>
    <t>aca93dd6-bd1e-48b6-976a-e91b2983d3b7.tmp</t>
  </si>
  <si>
    <t>\\acsfs\profiles$\gabrielaff\Downloads\aca93dd6-bd1e-48b6-976a-e91b2983d3b7.tmp</t>
  </si>
  <si>
    <t>01/27/2020 10:34:53</t>
  </si>
  <si>
    <t>01/27/2020 10:32:44</t>
  </si>
  <si>
    <t>01/27/2020 10:37:31</t>
  </si>
  <si>
    <t>01/27/2020 10:32:45</t>
  </si>
  <si>
    <t>lu2530431ygpj.tmp</t>
  </si>
  <si>
    <t>\\acsfs\profiles$\BRUNAAR\Numero\lu2530431ygpj.tmp</t>
  </si>
  <si>
    <t>01/27/2020 10:34:26</t>
  </si>
  <si>
    <t>01/27/2020 10:39:31</t>
  </si>
  <si>
    <t>01/27/2020 10:34:27</t>
  </si>
  <si>
    <t>01/27/2020 10:34:28</t>
  </si>
  <si>
    <t>01/27/2020 10:34:29</t>
  </si>
  <si>
    <t>01/27/2020 10:34:30</t>
  </si>
  <si>
    <t>01/27/2020 10:34:31</t>
  </si>
  <si>
    <t>01/27/2020 10:34:33</t>
  </si>
  <si>
    <t>01/27/2020 10:40:32</t>
  </si>
  <si>
    <t>01/27/2020 10:34:34</t>
  </si>
  <si>
    <t>01/27/2020 10:34:35</t>
  </si>
  <si>
    <t>01/27/2020 10:34:36</t>
  </si>
  <si>
    <t>01/27/2020 10:34:37</t>
  </si>
  <si>
    <t>01/27/2020 10:34:38</t>
  </si>
  <si>
    <t>01/27/2020 10:34:39</t>
  </si>
  <si>
    <t>01/27/2020 10:34:40</t>
  </si>
  <si>
    <t>01/27/2020 10:34:41</t>
  </si>
  <si>
    <t>01/27/2020 10:40:13</t>
  </si>
  <si>
    <t>01/27/2020 10:41:31</t>
  </si>
  <si>
    <t>01/27/2020 10:39:13</t>
  </si>
  <si>
    <t>01/27/2020 10:39:18</t>
  </si>
  <si>
    <t>01/27/2020 10:39:19</t>
  </si>
  <si>
    <t>lu93084h0dj.tmp</t>
  </si>
  <si>
    <t>\\acsfs\profiles$\ALEXANDREMM\lu93084h0dj.tmp</t>
  </si>
  <si>
    <t>\\acsfs\profiles$\ALEXANDREMM\lu93084h0dj.tmp\</t>
  </si>
  <si>
    <t>\\acsfs\profiles$\ALEXANDREMM\lu93084h0dj.tmp\META-INF\</t>
  </si>
  <si>
    <t>\\acsfs\profiles$\ALEXANDREMM\lu93084h0dj.tmp\Thumbnails\</t>
  </si>
  <si>
    <t>01/27/2020 10:43:31</t>
  </si>
  <si>
    <t>01/27/2020 10:40:21</t>
  </si>
  <si>
    <t>4fe5dad7-514f-4d5d-a28d-ea1d91dd864f.tmp</t>
  </si>
  <si>
    <t>\\acsfs\profiles$\victoriaksr\Downloads\4fe5dad7-514f-4d5d-a28d-ea1d91dd864f.tmp</t>
  </si>
  <si>
    <t>01/27/2020 10:45:31</t>
  </si>
  <si>
    <t>01/27/2020 10:42:33</t>
  </si>
  <si>
    <t>mail.google.com/mail/u/0/#inbox/FMfcgxwGCtNZZVzsFBqpXSkPJLRJdsnL</t>
  </si>
  <si>
    <t>H:\EDUCACAO EMPRESARIAL\FERNANDA APARECIDA\</t>
  </si>
  <si>
    <t>01/27/2020 10:42:35</t>
  </si>
  <si>
    <t>mail.google.com/_/upload?authuser=0&amp;dcp=asu-n&amp;upload_id=AEnB2UoBLBATZXdG_4OdUqa8juYZBQTY8MOaP84dlJ2qO47cv0MCTHMabitfpkyreyVUJp2AIUHtOUMBSORJUzQWzYYImgy9epRa2V8jOc_Tkr3RB9Ht5rU&amp;upload_protocol=resumable</t>
  </si>
  <si>
    <t>01/27/2020 10:43:58</t>
  </si>
  <si>
    <t>H:\EDUCACAO EMPRESARIAL\FERNANDA APARECIDA\Fernanda\RECLAMAÇÃO E OUVIDORIA\</t>
  </si>
  <si>
    <t>01/27/2020 10:43:59</t>
  </si>
  <si>
    <t>mail.google.com/_/upload?authuser=0&amp;dcp=asu-n&amp;upload_id=AEnB2UoUL2LJCesAPicZdAnx-YUxGfex6ONWCSq7-_4fI8Nx_SpN7g92buLR9p1lBlCQ-qbQPaY4nsTglyM2MWY9U_DKsIGaAPK4oj3qVJ9jq5PUF1r48LU&amp;upload_protocol=resumable</t>
  </si>
  <si>
    <t>01/27/2020 10:44:16</t>
  </si>
  <si>
    <t>Protocolo 174817917 ALEXANDRE MILHOMEM MARACAIPE_1_6778502740238732185_1_32.wav</t>
  </si>
  <si>
    <t>mail.google.com/_/upload?authuser=0&amp;dcp=asu-n&amp;upload_id=AEnB2UofhpqFRnNRQsOK8oTHftoQUw2-tII6DbR-0dY3_OZ9JtMqeM0ZxtnfKdkR2Z4sRJyImZVX26rTsmu6rflQ7rN9x46fX7fUbb9U1Ke-B-t8-ao6SWY&amp;upload_protocol=resumable</t>
  </si>
  <si>
    <t>01/27/2020 10:44:31</t>
  </si>
  <si>
    <t>disclosure. any unauthorized review, use, disclosure or distribution is prohibited. if you are not the intended recipient of this message, you are not authorized to\n read, print, retain, copy or disseminate any part of this message. if you have received t</t>
  </si>
  <si>
    <t>https:///sync/u/0/i/s?hl=pt-BR&amp;c=133</t>
  </si>
  <si>
    <t>"2":"anderson.magalhaes@dxc.com";"2":"bvs-centralcartoes@bv.com.br";"2":"kesiadof@algartech.com";"3":"bvs-central cartões"};"3":"kesiadof@algartech.com"};"3":"magalhaes;"7":"1580132670987";"8":"re: caso 00826385 procon audiÊncia - vencimento 28/01";"9":{"2":[{"1":0;1;7remj7csplyuf7xbad0tuweb9vxvb-utlkwgzwwzawxupp7gq_fwebfvkcjbw9cftts9szos9_5_mnsxgc-pf1cyk3mzodr8q=&amp;attredirects=0&amp;height=102&amp;width=254\" width=\"254\"&gt;&lt;/td&gt;&lt;/tr&gt;&lt;tr&gt;&lt;td colspan=\"4\" style=\"vertical-align: top;\"&gt;&lt;img alt=\"\" height=\"7\" src=\"https���_x0011_�pڊ�����&gt;��1�!�s�fp�Γ���8�@eh�;anderson"}];bom dia!&lt;div&gt;segue laudo e ligações da reclamação! &lt;/div&gt;&lt;div&gt;&lt;br&gt;&lt;/div&gt;&lt;div&gt;&lt;a class=\"gmail_plusreply\" id=\"gmail-plusreplychip-0\" href=\"mailto:adilsonloj@algartech.com\" tabindex=\"-1\"&gt;@a;div dir=\"ltr\";s"};�i�����k��i�egi��߆�9� ���z������_x0019_�� �e��� �dy�_x0014_��z�7�d�x��_x0017_sΤ�)u���0º[ =�_x0013_�?�k{�-��r_x0008_���j�t��ŭ_x0011_�_x001C_mٜ;</t>
  </si>
  <si>
    <t>https://"2":"anderson.magalhaes@dxc.com","2":"bvs-centralcartoes@bv.com.br","2":"kesiadof@algartech.com","3":"bvs-central cartões"},"3":"kesiadof@algartech.com"},"3":"magalhaes,"7":"1580132670987","8":"re: caso 00826385 procon audiÊncia - vencimento 28/01","9":{"2":[{"1":0,1,7remj7csplyuf7xbad0tuweb9vxvb-utlkwgzwwzawxupp7gq_fwebfvkcjbw9cftts9szos9_5_mnsxgc-pf1cyk3mzodr8q=&amp;attredirects=0&amp;height=102&amp;width=254\" width=\"254\"&gt;&lt;/td&gt;&lt;/tr&gt;&lt;tr&gt;&lt;td colspan=\"4\" style=\"vertical-align: top,\"&gt;&lt;img alt=\"\" height=\"7\" src=\"https���_x0011_�pڊ�����&gt;��1�!�s�fp�Γ���8�@eh�,anderson"}],bom dia!&lt;div&gt;segue laudo e ligações da reclamação! &lt;/div&gt;&lt;div&gt;&lt;br&gt;&lt;/div&gt;&lt;div&gt;&lt;a class=\"gmail_plusreply\" id=\"gmail-plusreplychip-0\" href=\"mailto:adilsonloj@algartech.com\" tabindex=\"-1\"&gt;@a,div dir=\"ltr\",s"},�i�����k��i�egi��߆�9� ���z������_x0019_�� �e��� �dy�_x0014_��z�7�d�x��_x0017_sΤ�)u���0º[ =�_x0013_�?�k{�-��r_x0008_���j�t��ŭ_x0011_�_x001C_mٜ</t>
  </si>
  <si>
    <t>01/27/2020 10:44:32</t>
  </si>
  <si>
    <t>"10":"gkevymxvynn0b3jll3byb2qvz21hawwtdxbsb2fkl2q1nza0mja5lta4mmetngu5nc04njjlltuxntyxmmzhyjjmzsjuvwgyldq0yty5ztg4xzvlzdq5nmnixze3ytvimde0xzzhmtniztlkx2u1zwqxnde4ola9pqwmsntqc1gdyhbinjrtywdpyzposyxmldc2aacaaubjnjmzyzayytlknjezmtyyyti1yjizngnjowyxyzfjmwzhymy4njlkyzkyzjczmtk4zme3nduyymjizdrlmjg1qgeccae="}];"11":["^all";"12":[{"1":"image/jpeg";"18":"1580132259738";"18":"1580132556257";"2":"1100";"2":"253192";"2":"253390";"2":"anderson.magalhaes@dxc.com";"2":"bvs-centralcartoes@bv.com.br";"2":"caso 00826385 . otavia maria do nascimento.pdf";"2":"image001.jpg";"2":"kesiadof@algartech.com";"2":"msg-f:1656742042991666958";"3":"01b14db1_5a2f0242_fc83f7a6_eee96369_775eab9c";"3":"1100";"3":"139246";"3":"1580132259744";"3":"1580132556281";"3":"bvs-central cartões"};"3":"kesiadof@algartech.com"};"3":"magalhaes;"3":{"1":1;"4":"0.1";"4":{"2":1;"43":{"1":1;"43":{"1":3;"5":"1508";"5":"16fe739f0274ce8e91";"5":"f_k5wi4hoz1";"5":2}545.prod.exchangelabs.com&gt;";"5":{"1":"1580132259743"}}}}}]};"5":{"1":"1580132556278"}}}}}]};"5":{"</t>
  </si>
  <si>
    <t>https://"10":"gkevymxvynn0b3jll3byb2qvz21hawwtdxbsb2fkl2q1nza0mja5lta4mmetngu5nc04njjlltuxntyxmmzhyjjmzsjuvwgyldq0yty5ztg4xzvlzdq5nmnixze3ytvimde0xzzhmtniztlkx2u1zwqxnde4ola9pqwmsntqc1gdyhbinjrtywdpyzposyxmldc2aacaaubjnjmzyzayytlknjezmtyyyti1yjizngnjowyxyzfjmwzhymy4njlkyzkyzjczmtk4zme3nduyymjizdrlmjg1qgeccae="}],"11":["^all","12":[{"1":"image/jpeg","18":"1580132259738","18":"1580132556257","2":"1100","2":"253192","2":"253390","2":"anderson.magalhaes@dxc.com","2":"bvs-centralcartoes@bv.com.br","2":"caso 00826385 . otavia maria do nascimento.pdf","2":"image001.jpg","2":"kesiadof@algartech.com","2":"msg-f:1656742042991666958","3":"01b14db1_5a2f0242_fc83f7a6_eee96369_775eab9c","3":"1100","3":"139246","3":"1580132259744","3":"1580132556281","3":"bvs-central cartões"},"3":"kesiadof@algartech.com"},"3":"magalhaes,"3":{"1":1,"4":"0.1","4":{"2":1,"43":{"1":1,"43":{"1":3,"5":"1508","5":"16fe739f0274ce8e91","5":"f_k5wi4hoz1","5":2}545.prod.exchangelabs.com&gt;","5":{"1":"1580132259743"}}}}}]},"5":{"1":"1580132556278"}}}}}]</t>
  </si>
  <si>
    <t>"10":"gkevymxvynn0b3jll3byb2qvz21hawwtdxbsb2fkl2q1nza0mja5lta4mmetngu5nc04njjlltuxntyxmmzhyjjmzsjuvwgyldq0yty5ztg4xzvlzdq5nmnixze3ytvimde0xzzhmtniztlkx2u1zwqxnde4ola9pqwmsntqc1gdyhbinjrtywdpyzposyxmldc2aacaaubjnjmzyzayytlknjezmtyyyti1yjizngnjowyxyzfjmwzhymy4njlkyzkyzjczmtk4zme3nduyymjizdrlmjg1qgeccae=";"10":"gkevymxvynn0b3jll3byb2qvz21hawwtdxbsb2fkl2q1nza0mja5lta4mmetngu5nc04njjlltuxntyxmmzhyjjmzsjuvwgyldq0yty5ztg4xzvlzdq5nmnixze3ytvimde0xzzhmtniztlkx2u1zwqxnde4ola9pqwmsntqc1gdyhbinjrtywdpyzposyxmldc2aacaaubjnjmzyzayytlknjezmtyyyti1yjizngnjowyxyzfjmwzhymy4njlkyzkyzjczmtk4zme3nduyymjizdrlmjg1qgeccae="}];"10":"gkevymxvynn0b3jll3byb2qvz21hawwtdxbsb2fklzhmotnmymuxlwq3otetndezzs1iyjc1ltlhnjlimjywyjy5ziiowwkyldhjntgymda4x2m0nznkn2izxzfjyju0mdi2xzdkmdjjzdzkxzy2ntu5ognkoiew17inskkedvgdyhbinjrtywdpyzposyxmldc2aacaaubinmywntk3zme0mzg1y2uzyjhlyjzlzmy1zmq2mjqzmmrhy2y2mtdkmzawnja4mzy2zdaymtvhm2u4mzbiotq4qgeccae=";"10":"gkevymxvynn0b3jll3byb2qvz21hawwtdxbsb2fklzqwntzhmgi5lwy2ztktnda4zc04mtbhltzmmjzmm2zkyzgyocissbodmiwymta4</t>
  </si>
  <si>
    <t>https://"10":"gkevymxvynn0b3jll3byb2qvz21hawwtdxbsb2fkl2q1nza0mja5lta4mmetngu5nc04njjlltuxntyxmmzhyjjmzsjuvwgyldq0yty5ztg4xzvlzdq5nmnixze3ytvimde0xzzhmtniztlkx2u1zwqxnde4ola9pqwmsntqc1gdyhbinjrtywdpyzposyxmldc2aacaaubjnjmzyzayytlknjezmtyyyti1yjizngnjowyxyzfjmwzhymy4njlkyzkyzjczmtk4zme3nduyymjizdrlmjg1qgeccae=","10":"gkevymxvynn0b3jll3byb2qvz21hawwtdxbsb2fkl2q1nza0mja5lta4mmetngu5nc04njjlltuxntyxmmzhyjjmzsjuvwgyldq0yty5ztg4xzvlzdq5nmnixze3ytvimde0xzzhmtniztlkx2u1zwqxnde4ola9pqwmsntqc1gdyhbinjrtywdpyzposyxmldc2aacaaubjnjmzyzayytlknjezmtyyyti1yjizngnjowyxyzfjmwzhymy4njlkyzkyzjczmtk4zme3nduyymjizdrlmjg1qgeccae="}],"10":"gkevymxvynn0b3jll3byb2qvz21hawwtdxbsb2fklzhmotnmymuxlwq3otetndezzs1iyjc1ltlhnjlimjywyjy5ziiowwkyldhjntgymda4x2m0nznkn2izxzfjyju0mdi2xzdkmdjjzdzkxzy2ntu5ognkoiew17inskkedvgdyhbinjrtywdpyzposyxmldc2aacaaubinmywntk3zme0mzg1y2uzyjhlyjzlzmy1zmq2mjqzmmrhy2y2mtdkmzawnja4mzy2zdaymtvhm2u4mzbiotq4qgeccae=","10":"gkevymxvynn0b3jll3byb2qvz21hawwtdxbsb2fklzqwntzhmgi5lwy2ztktnda4zc04mtbhltzmmjzmm2zkyzgyocissbod</t>
  </si>
  <si>
    <t>01/27/2020 10:43:55</t>
  </si>
  <si>
    <t>01/27/2020 10:48:31</t>
  </si>
  <si>
    <t>01/27/2020 10:44:48</t>
  </si>
  <si>
    <t>01/27/2020 10:50:32</t>
  </si>
  <si>
    <t>Protocolo 171698469 Felipe Tomaz da Silva_1_6765055558412216538_1_32.wav</t>
  </si>
  <si>
    <t>01/27/2020 10:44:50</t>
  </si>
  <si>
    <t>mail.google.com/_/upload?authuser=0&amp;dcp=asu-n&amp;upload_id=AEnB2UrtoyueQFKz63_WbY7R_EYKSy4GG8US4rc4djpvcX6Piu_BFk9CBd04B5r6zjR1__uUI_lecmLOGSAjKi2rPxvJlC6Vsp7Dy50IDurzCYPBbpLLxJ8&amp;upload_protocol=resumable</t>
  </si>
  <si>
    <t>"10":"gkevymxvynn0b3jll3byb2qvz21hawwtdxbsb2fkl2q1nza0mja5lta4mmetngu5nc04njjlltuxntyxmmzhyjjmzsjuvwgyldq0yty5ztg4xzvlzdq5nmnixze3ytvimde0xzzhmtniztlkx2u1zwqxnde4ola9pqwmsntqc1gdyhbinjrtywdpyzposyxmldc2aacaaubjnjmzyzayytlknjezmtyyyti1yjizngnjowyxyzfjmwzhymy4njlkyzkyzjczmtk4zme3nduyymjizdrlmjg1qgeccae=","10":"gkevymxvynn0b3jll3byb2qvz21hawwtdxbsb2fkl2q1nza0mja5lta4mmetngu5nc04njjlltuxntyxmmzhyjjmzsjuvwgyldq0yty5ztg4xzvlzdq5nmnixze3ytvimde0xzzhmtniztlkx2u1zwqxnde4ola9pqwmsntqc1gdyhbinjrtywdpyzposyxmldc2aacaaubjnjmzyzayytlknjezmtyyyti1yjizngnjowyxyzfjmwzhymy4njlkyzkyzjczmtk4zme3nduyymjizdrlmjg1qgeccae="}],"10":"gkevymxvynn0b3jll3byb2qvz21hawwtdxbsb2fklzhmotnmymuxlwq3otetndezzs1iyjc1ltlhnjlimjywyjy5ziiowwkyldhjntgymda4x2m0nznkn2izxzfjyju0mdi2xzdkmdjjzdzkxzy2ntu5ognkoiew17inskkedvgdyhbinjrtywdpyzposyxmldc2aacaaubinmywntk3zme0mzg1y2uzyjhlyjzlzmy1zmq2mjqzmmrhy2y2mtdkmzawnja4mzy2zdaymtvhm2u4mzbiotq4qgeccae=","10":"gkevymxvynn0b3jll3byb2qvz21hawwtdxbsb2fklzqwntzhmgi5lwy2ztktnda4zc04mtbhltzmmjzmm2zkyzgyocissbodmiwymta4</t>
  </si>
  <si>
    <t>01/27/2020 10:48:13</t>
  </si>
  <si>
    <t>01/27/2020 10:50:38</t>
  </si>
  <si>
    <t>01/27/2020 10:51:31</t>
  </si>
  <si>
    <t>01/27/2020 10:49:30</t>
  </si>
  <si>
    <t>01/27/2020 10:52:32</t>
  </si>
  <si>
    <t>914edd4e-6b2d-4925-8065-a309ec4a65c2.tmp</t>
  </si>
  <si>
    <t>\\acsfs\profiles$\marcellewdl\Downloads\914edd4e-6b2d-4925-8065-a309ec4a65c2.tmp</t>
  </si>
  <si>
    <t>01/27/2020 10:50:02</t>
  </si>
  <si>
    <t>01/27/2020 10:53:31</t>
  </si>
  <si>
    <t>01/27/2020 10:50:03</t>
  </si>
  <si>
    <t>lu239682j629s.tmp</t>
  </si>
  <si>
    <t>\\acsfs\profiles$\Flaviojmm\My Documents\lu239682j629s.tmp</t>
  </si>
  <si>
    <t>\\acsfs\profiles$\Flaviojmm\My Documents\lu239682j629s.tmp\</t>
  </si>
  <si>
    <t>\\acsfs\profiles$\Flaviojmm\My Documents\lu239682j629s.tmp\META-INF\</t>
  </si>
  <si>
    <t>\\acsfs\profiles$\Flaviojmm\My Documents\lu239682j629s.tmp\Thumbnails\</t>
  </si>
  <si>
    <t>01/27/2020 10:56:31</t>
  </si>
  <si>
    <t>a4ddf4cf-8fe5-4348-aaf1-a80347fd59f8.tmp</t>
  </si>
  <si>
    <t>\\acsfs\profiles$\lucasgpe\Downloads\a4ddf4cf-8fe5-4348-aaf1-a80347fd59f8.tmp</t>
  </si>
  <si>
    <t>01/27/2020 10:51:35</t>
  </si>
  <si>
    <t>3561f584-c9a0-42c2-9bbf-cde23e08cf09.tmp</t>
  </si>
  <si>
    <t>\\acsfs\profiles$\kellzylenneasr\Downloads\3561f584-c9a0-42c2-9bbf-cde23e08cf09.tmp</t>
  </si>
  <si>
    <t>01/27/2020 10:51:50</t>
  </si>
  <si>
    <t>6ae1dcaf-198b-4756-b5e5-ba500f7b7899.tmp</t>
  </si>
  <si>
    <t>\\acsfs\profiles$\kellzylenneasr\Downloads\6ae1dcaf-198b-4756-b5e5-ba500f7b7899.tmp</t>
  </si>
  <si>
    <t>01/27/2020 10:52:52</t>
  </si>
  <si>
    <t>01/27/2020 10:57:31</t>
  </si>
  <si>
    <t>RELATORIO DE LOGIN - BV CARTÕES 23-01 - Cópia.xlsm</t>
  </si>
  <si>
    <t>\\acsfs\DEPTOS\Operacao\PCP\5 - Comum\PLANEJAMENTO BV\14 - ACOMPANHAMENTO\1 - REPORT ACOMPANHAMENTO\2020\1 - JANEIRO\CARTÕES\Login Logout Cartões\RELATORIO DE LOGIN - BV CARTÕES 23-01 - Cópia.xlsm</t>
  </si>
  <si>
    <t>01/27/2020 10:52:26</t>
  </si>
  <si>
    <t>01/27/2020 10:53:57</t>
  </si>
  <si>
    <t>1235c111-cc47-48d3-a0ff-7fcab647ce17.tmp</t>
  </si>
  <si>
    <t>\\acsfs\profiles$\nathaliarmr\Downloads\1235c111-cc47-48d3-a0ff-7fcab647ce17.tmp</t>
  </si>
  <si>
    <t>01/27/2020 10:57:13</t>
  </si>
  <si>
    <t>01/27/2020 11:01:31</t>
  </si>
  <si>
    <t>cd2df602-776e-4149-93d4-0a882def94e2.tmp</t>
  </si>
  <si>
    <t>\\acsfs\profiles$\lucasgpe\Downloads\cd2df602-776e-4149-93d4-0a882def94e2.tmp</t>
  </si>
  <si>
    <t>01/27/2020 11:01:45</t>
  </si>
  <si>
    <t>01/27/2020 11:02:32</t>
  </si>
  <si>
    <t>1ed2a7d4-c0ec-4532-8ee2-e9f9934e00b9.tmp</t>
  </si>
  <si>
    <t>\\acsfs\profiles$\nataliacsl\Downloads\1ed2a7d4-c0ec-4532-8ee2-e9f9934e00b9.tmp</t>
  </si>
  <si>
    <t>01/27/2020 11:05:04</t>
  </si>
  <si>
    <t>01/27/2020 11:07:31</t>
  </si>
  <si>
    <t>RELATORIO DE LOGIN - BV CARTÕES 26-01.xlsm</t>
  </si>
  <si>
    <t>\\acsfs\DEPTOS\Operacao\PCP\5 - Comum\PLANEJAMENTO BV\14 - ACOMPANHAMENTO\1 - REPORT ACOMPANHAMENTO\2020\1 - JANEIRO\CARTÕES\Login Logout Cartões\RELATORIO DE LOGIN - BV CARTÕES 26-01.xlsm</t>
  </si>
  <si>
    <t>01/27/2020 11:08:31</t>
  </si>
  <si>
    <t>01/27/2020 11:08:20</t>
  </si>
  <si>
    <t>fda3387c-8540-4556-8987-63389c27ac19.tmp</t>
  </si>
  <si>
    <t>\\acsfs\profiles$\victoriaksr\Downloads\fda3387c-8540-4556-8987-63389c27ac19.tmp</t>
  </si>
  <si>
    <t>01/27/2020 11:07:25</t>
  </si>
  <si>
    <t>01/27/2020 11:10:31</t>
  </si>
  <si>
    <t>josiascdsj@algartech.com;lilianls@algartech.com;marianadjc@algartech.com.br;sofiamses@algartech.com;talmaiardo@algartech.com;</t>
  </si>
  <si>
    <t>josiascdsj@algartech.com,lilianls@algartech.com,marianadjc@algartech.com.br,sofiamses@algartech.com,talmaiardo@algartech.com</t>
  </si>
  <si>
    <t>01/27/2020 11:14:23</t>
  </si>
  <si>
    <t>01/27/2020 11:15:31</t>
  </si>
  <si>
    <t>01/27/2020 11:14:46</t>
  </si>
  <si>
    <t>11/03/1996;__/__/____;</t>
  </si>
  <si>
    <t>https://11/03/1996,__/__/____</t>
  </si>
  <si>
    <t>01/27/2020 11:14:55</t>
  </si>
  <si>
    <t>01/27/2020 11:12:05</t>
  </si>
  <si>
    <t>01/27/2020 11:17:31</t>
  </si>
  <si>
    <t>01/27/2020 11:12:52</t>
  </si>
  <si>
    <t>01/27/2020 11:13:20</t>
  </si>
  <si>
    <t>01/27/2020 11:13:46</t>
  </si>
  <si>
    <t>01/27/2020 11:13:47</t>
  </si>
  <si>
    <t>9fcf6cb6-20c3-40cd-8d2e-b1d2d878bba8.tmp</t>
  </si>
  <si>
    <t>\\acsfs\profiles$\luanarda\Downloads\9fcf6cb6-20c3-40cd-8d2e-b1d2d878bba8.tmp</t>
  </si>
  <si>
    <t>01/27/2020 11:16:11</t>
  </si>
  <si>
    <t>78f8e448-95be-47bd-b8e4-69bb6b769331.tmp</t>
  </si>
  <si>
    <t>\\acsfs\profiles$\luanarda\Downloads\78f8e448-95be-47bd-b8e4-69bb6b769331.tmp</t>
  </si>
  <si>
    <t>01/27/2020 11:15:17</t>
  </si>
  <si>
    <t>01/27/2020 11:20:31</t>
  </si>
  <si>
    <t>01/27/2020 11:15:20</t>
  </si>
  <si>
    <t>01/27/2020 11:15:21</t>
  </si>
  <si>
    <t>01/27/2020 11:17:26</t>
  </si>
  <si>
    <t>01/27/2020 11:22:31</t>
  </si>
  <si>
    <t>01/27/2020 11:21:21</t>
  </si>
  <si>
    <t>01/27/2020 11:23:31</t>
  </si>
  <si>
    <t>01/27/2020 11:19:25</t>
  </si>
  <si>
    <t>01/27/2020 11:19:26</t>
  </si>
  <si>
    <t>01/27/2020 11:21:58</t>
  </si>
  <si>
    <t>01/27/2020 11:21:59</t>
  </si>
  <si>
    <t>01/27/2020 11:19:38</t>
  </si>
  <si>
    <t>01/27/2020 11:24:31</t>
  </si>
  <si>
    <t>1e8a1639-2e70-4710-b518-aa0abf80fa49.tmp</t>
  </si>
  <si>
    <t>\\acsfs\profiles$\dhiulliananads\Downloads\1e8a1639-2e70-4710-b518-aa0abf80fa49.tmp</t>
  </si>
  <si>
    <t>01/27/2020 11:24:21</t>
  </si>
  <si>
    <t>01/27/2020 11:25:31</t>
  </si>
  <si>
    <t>https://drive.google.com/batch/drive/v2internal?%24ct=multipart%2Fmixed%3B%20boundary%3D%22%3D%3D%3D%3D%3Dx2qfh5gvsavi%3D%3D%3D%3D%3D%22&amp;key=AIzaSyAy9VVXHSpS2IJpptzYtGbLP3-3_l0aBk4</t>
  </si>
  <si>
    <t>01/27/2020 11:24:27</t>
  </si>
  <si>
    <t>https://drive.google.com/batch/drive/v2internal?%24ct=multipart%2Fmixed%3B%20boundary%3D%22%3D%3D%3D%3D%3D3qffz0wnygnt%3D%3D%3D%3D%3D%22&amp;key=AIzaSyAy9VVXHSpS2IJpptzYtGbLP3-3_l0aBk4</t>
  </si>
  <si>
    <t>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m;permission;permissionid;picture;shared;sharedwithmedate;thumbnailversion;title;userpermission(role);workspaceids;</t>
  </si>
  <si>
    <t>https://ancestorhasaugmentedpermissions,containsunsubscribedchildren,displayname,domain,emailaddress,file(kind,fileid,filesize,hasthumbnail,hasvisitorpermissions,id,id),items(deleted,items(kind,ken,kind,lastmodifyinguser(kind,lastviewedbymedate,modifiedbymedate,modifieddate,ontainsunsubscribedchildren,owners(kind,perm,permission,permissionid,picture,shared,sharedwithmedate,thumbnailversion,title,userpermission(role),workspaceids</t>
  </si>
  <si>
    <t>https://drive.google.com/batch/drive/v2internal?%24ct=multipart%2Fmixed%3B%20boundary%3D%22%3D%3D%3D%3D%3D3t8w6by2dmxy%3D%3D%3D%3D%3D%22&amp;key=AIzaSyAy9VVXHSpS2IJpptzYtGbLP3-3_l0aBk4</t>
  </si>
  <si>
    <t>ancestorhasaugmentedpermissions;containsunsubscribedchildren;dis;displayname;domain;emailaddress;file(kind;fileid;filesize;hasthumbnail;hasvisitorpermissions;id;id);items(deleted;items(kind;ken;kind;lastmodifyi;lastmodifyinguser(kind;lastviewedbymedate;modifiedbymedate;modifieddate;ontainsunsubscribedchildren;owners(kind;perm;permission;permissionid;picture;rpermissions;shared;sharedwithmedate;thumbnailversion;title;userpermission(role);workspaceids;</t>
  </si>
  <si>
    <t>https://ancestorhasaugmentedpermissions,containsunsubscribedchildren,dis,displayname,domain,emailaddress,file(kind,fileid,filesize,hasthumbnail,hasvisitorpermissions,id,id),items(deleted,items(kind,ken,kind,lastmodifyi,lastmodifyinguser(kind,lastviewedbymedate,modifiedbymedate,modifieddate,ontainsunsubscribedchildren,owners(kind,perm,permission,permissionid,picture,rpermissions,shared,sharedwithmedate,thumbnailversion,title,userpermission(role),workspaceids</t>
  </si>
  <si>
    <t>https://drive.google.com/batch/drive/v2internal?%24ct=multipart%2Fmixed%3B%20boundary%3D%22%3D%3D%3D%3D%3D38ai14x62cl3%3D%3D%3D%3D%3D%22&amp;key=AIzaSyAy9VVXHSpS2IJpptzYtGbLP3-3_l0aBk4</t>
  </si>
  <si>
    <t>01/27/2020 11:24:28</t>
  </si>
  <si>
    <t>01/27/2020 11:24:35</t>
  </si>
  <si>
    <t>https://drive.google.com/batch/drive/v2internal?%24ct=multipart%2Fmixed%3B%20boundary%3D%22%3D%3D%3D%3D%3Ddzcvw4zctxwt%3D%3D%3D%3D%3D%22&amp;key=AIzaSyAy9VVXHSpS2IJpptzYtGbLP3-3_l0aBk4</t>
  </si>
  <si>
    <t>01/27/2020 11:24:36</t>
  </si>
  <si>
    <t>https://drive.google.com/batch/drive/v2internal?%24ct=multipart%2Fmixed%3B%20boundary%3D%22%3D%3D%3D%3D%3Dm360qc680u9f%3D%3D%3D%3D%3D%22&amp;key=AIzaSyAy9VVXHSpS2IJpptzYtGbLP3-3_l0aBk4</t>
  </si>
  <si>
    <t>01/27/2020 11:22:13</t>
  </si>
  <si>
    <t>01/27/2020 11:27:31</t>
  </si>
  <si>
    <t>01/27/2020 11:23:25</t>
  </si>
  <si>
    <t>lu374522f0326.tmp</t>
  </si>
  <si>
    <t>\\acsfs\profiles$\VIVIANALDS\My Documents\lu374522f0326.tmp</t>
  </si>
  <si>
    <t>\\acsfs\profiles$\VIVIANALDS\My Documents\lu374522f0326.tmp\</t>
  </si>
  <si>
    <t>\\acsfs\profiles$\VIVIANALDS\My Documents\lu374522f0326.tmp\META-INF\</t>
  </si>
  <si>
    <t>01/27/2020 11:23:26</t>
  </si>
  <si>
    <t>\\acsfs\profiles$\VIVIANALDS\My Documents\lu374522f0326.tmp\Thumbnails\</t>
  </si>
  <si>
    <t>01/27/2020 11:24:01</t>
  </si>
  <si>
    <t>01/27/2020 11:24:02</t>
  </si>
  <si>
    <t>lu374522f032a.tmp</t>
  </si>
  <si>
    <t>\\acsfs\profiles$\VIVIANALDS\My Documents\lu374522f032a.tmp</t>
  </si>
  <si>
    <t>\\acsfs\profiles$\VIVIANALDS\My Documents\lu374522f032a.tmp\</t>
  </si>
  <si>
    <t>\\acsfs\profiles$\VIVIANALDS\My Documents\lu374522f032a.tmp\META-INF\</t>
  </si>
  <si>
    <t>\\acsfs\profiles$\VIVIANALDS\My Documents\lu374522f032a.tmp\Thumbnails\</t>
  </si>
  <si>
    <t>01/27/2020 11:24:04</t>
  </si>
  <si>
    <t>01/27/2020 11:24:05</t>
  </si>
  <si>
    <t>lu374522f032e.tmp</t>
  </si>
  <si>
    <t>\\acsfs\profiles$\VIVIANALDS\My Documents\lu374522f032e.tmp</t>
  </si>
  <si>
    <t>\\acsfs\profiles$\VIVIANALDS\My Documents\lu374522f032e.tmp\</t>
  </si>
  <si>
    <t>\\acsfs\profiles$\VIVIANALDS\My Documents\lu374522f032e.tmp\META-INF\</t>
  </si>
  <si>
    <t>\\acsfs\profiles$\VIVIANALDS\My Documents\lu374522f032e.tmp\Thumbnails\</t>
  </si>
  <si>
    <t>01/27/2020 11:25:17</t>
  </si>
  <si>
    <t>01/27/2020 11:30:31</t>
  </si>
  <si>
    <t>0;0.241;0.241];0.668;0];101.2300000002142;12.854];1218.3099999965634;1219.52000001329;1220.2650000108406;1220.805000019027;1253.725000016857;1306.5300000016578;135.485;143.70499999495223;154.35499997693114;160.2650000131689;174.02999999467283;180.1549999800045;203.29999999376014;21.464;21.464];225.414999993518;263.92999998643063;277.6550000126008;3;4;4.843;460.3249999927357;5;6.009];665.9349999972619;666.14000001573;677.1299999963958;679.6599999943282;680.4150000098161;681.8150000181049;681.8950000160839;700";85.84000001428649;872.162];:400;[null;css;css7i_x0006_��;p-�#� �a\�䁱� zۨ3�� ��;first-contentful-paint;first-paint;glr_bffy_k_rbaeeyf18qkg.cmid/s32-c/photo.jpg";https://apis.google.com/js/api.js;https://drive.google.com/_/drive_fe/_/ss/k=drive_fe.main.gimry4uanssu.l.w.o/am=mrqermsehowaga/d=0/ct=zgms/rs=afb8gsydklchwzm4khytmrawcmdsnhipgw;https://fonts.gstatic.com/s/googlesans/v14/4uagrenhsxjlgdugo1oill3owp4.woff2;https://fonts.gstatic.com/s/productsans/v10/pxidypqkot1tnfhsfmofgshvf9eo.woff2;https://lh3.googleuse</t>
  </si>
  <si>
    <t>https://0,0.241,0.241],0.668,0],101.2300000002142,12.854],1218.3099999965634,1219.52000001329,1220.2650000108406,1220.805000019027,1253.725000016857,1306.5300000016578,135.485,143.70499999495223,154.35499997693114,160.2650000131689,174.02999999467283,180.1549999800045,203.29999999376014,21.464,21.464],225.414999993518,263.92999998643063,277.6550000126008,3,4,4.843,460.3249999927357,5,6.009],665.9349999972619,666.14000001573,677.1299999963958,679.6599999943282,680.4150000098161,681.8150000181049,681.8950000160839,700",85.84000001428649,872.162],:400,[null,css,css7i_x0006_��;p-�#� �a\�䁱� zۨ3�� ��,first-contentful-paint,first-paint,glr_bffy_k_rbaeeyf18qkg.cmid/s32-c/photo.jpg",https://apis.google.com/js/api.js,https://drive.google.com/_/drive_fe/_/ss/k=drive_fe.main.gimry4uanssu.l.w.o/am=mrqermsehowaga/d=0/ct=zgms/rs=afb8gsydklchwzm4khytmrawcmdsnhipgw,https://fonts.gstatic.com/s/googlesans/v14/4uagrenhsxjlgdugo1oill3owp4.woff2,https://fonts.gstatic.com/s/productsans/v10/pxidypqkot1tnfhsfmofgshvf9eo.woff2,https://lh3.g</t>
  </si>
  <si>
    <t>01/27/2020 11:25:18</t>
  </si>
  <si>
    <t>0;0.241;0.241];0.668;0];101.2300000002142;12.854];1218.3099999965634;1219.52000001329;1220.2650000108406;1220.805000019027;1222.700000012992;123.92499999259599;1253.725000016857;13.575;1306.5300000016578;1306.9550000072923;135.485;1410.6050000118557;1411.3000000070315;143.70499999495223;1433.4899999957997;15.344;15.344];15.552;15.552];154.35499997693114;1580.773];160.2650000131689;169.79000001447275;174.02999999467283;180.1549999800045;2026.0100000014063;203.29999999376014;2049.2700000177138;21.464;21.464];21.7;21.7];2108.2300000125542;219.86499999184161;225.414999993518;237.23999998765066;237.64000000664964;2416.7750000196975;263.92999998643063;2719.935000000987;277.6550000126008;3;32.44999999878928;33.212;33.212];38.461];4;4.843;460.3249999927357;5;504.943;51.924999977927655;554.1149999771733;6.009];665.9349999972619;666.14000001573;677.1299999963958;679.6599999943282;680.4150000098161;681.8150000181049;681.8950000160839;684.8699999973178;700";76.07999999891035;85.84000001428649;872.162];:400;["https://driv</t>
  </si>
  <si>
    <t>https://0,0.241,0.241],0.668,0],101.2300000002142,12.854],1218.3099999965634,1219.52000001329,1220.2650000108406,1220.805000019027,1222.700000012992,123.92499999259599,1253.725000016857,13.575,1306.5300000016578,1306.9550000072923,135.485,1410.6050000118557,1411.3000000070315,143.70499999495223,1433.4899999957997,15.344,15.344],15.552,15.552],154.35499997693114,1580.773],160.2650000131689,169.79000001447275,174.02999999467283,180.1549999800045,2026.0100000014063,203.29999999376014,2049.2700000177138,21.464,21.464],21.7,21.7],2108.2300000125542,219.86499999184161,225.414999993518,237.23999998765066,237.64000000664964,2416.7750000196975,263.92999998643063,2719.935000000987,277.6550000126008,3,32.44999999878928,33.212,33.212],38.461],4,4.843,460.3249999927357,5,504.943,51.924999977927655,554.1149999771733,6.009],665.9349999972619,666.14000001573,677.1299999963958,679.6599999943282,680.4150000098161,681.8150000181049,681.8950000160839,684.8699999973178,700",76.07999999891035,85.84000001428649,872.162],:400,["http</t>
  </si>
  <si>
    <t>0;0.241;0.241];0.668;0];101.2300000002142;12.854];1218.3099999965634;1219.52000001329;1220.2650000108406;1220.805000019027;1222.700000012992;123.92499999259599;1253.725000016857;13.575;1306.5300000016578;1306.9550000072923;135.485;1410.6050000118557;1411.3000000070315;143.70499999495223;1433.4899999957997;15.344;15.344];15.552;15.552];154.35499997693114;1580.773];160.2650000131689;162.68500001751818;169.79000001447275;174.02999999467283;180.1549999800045;2026.0100000014063;203.29999999376014;2049.2700000177138;21.464;21.464];21.7;21.7];2108.2300000125542;219.86499999184161;225.414999993518;227.42499999003485;237.23999998765066;237.64000000664964;2416.7750000196975;2559.4850000052247;2559.9550000042655;263.92999998643063;2686.6049999953248;2719.935000000987;277.6550000126008;3;3041.735000006156;3054.969999997411;311.4650000061374;32.44999999878928;3222.1300000092015;33.212;33.212];38.461];4;4.843;437.1699999901466;460.3249999927357;473.4699999971781;5;504.943;51.924999977927655;538.6500000022352;554.1149999771</t>
  </si>
  <si>
    <t>https://0,0.241,0.241],0.668,0],101.2300000002142,12.854],1218.3099999965634,1219.52000001329,1220.2650000108406,1220.805000019027,1222.700000012992,123.92499999259599,1253.725000016857,13.575,1306.5300000016578,1306.9550000072923,135.485,1410.6050000118557,1411.3000000070315,143.70499999495223,1433.4899999957997,15.344,15.344],15.552,15.552],154.35499997693114,1580.773],160.2650000131689,162.68500001751818,169.79000001447275,174.02999999467283,180.1549999800045,2026.0100000014063,203.29999999376014,2049.2700000177138,21.464,21.464],21.7,21.7],2108.2300000125542,219.86499999184161,225.414999993518,227.42499999003485,237.23999998765066,237.64000000664964,2416.7750000196975,2559.4850000052247,2559.9550000042655,263.92999998643063,2686.6049999953248,2719.935000000987,277.6550000126008,3,3041.735000006156,3054.969999997411,311.4650000061374,32.44999999878928,3222.1300000092015,33.212,33.212],38.461],4,4.843,437.1699999901466,460.3249999927357,473.4699999971781,5,504.943,51.924999977927655,538.6500000022352,554.11</t>
  </si>
  <si>
    <t>0;0.241;0.241];0.668;0];101.2300000002142;1092.8300000086892;1097.8849999955855;12.854];1218.3099999965634;1219.52000001329;1220.2650000108406;1220.805000019027;1222.700000012992;123.92499999259599;1253.725000016857;126.161;13.575;1306.5300000016578;1306.9550000072923;135.485;1410.6050000118557;1411.3000000070315;143.70499999495223;1433.4899999957997;15.344;15.344];15.552;15.552];154.35499997693114;1580.773];160.2650000131689;162.68500001751818;169.79000001447275;174.02999999467283;180.1549999800045;195.7950000069104;2026.0100000014063;203.29999999376014;2049.2700000177138;21.464;21.464];21.7;21.7];2108.2300000125542;219.86499999184161;225.414999993518;227.42499999003485;237.23999998765066;237.64000000664964;2416.7750000196975;2427.995000005467;2432.4049999995623;2559.4850000052247;2559.9550000042655;263.92999998643063;2686.6049999953248;2719.935000000987;2733.585000009043;277.6550000126008;3;3041.735000006156;3054.969999997411;311.4650000061374;32.44999999878928;3222.1300000092015;33.212;33.212];3452.3500000</t>
  </si>
  <si>
    <t>https://0,0.241,0.241],0.668,0],101.2300000002142,1092.8300000086892,1097.8849999955855,12.854],1218.3099999965634,1219.52000001329,1220.2650000108406,1220.805000019027,1222.700000012992,123.92499999259599,1253.725000016857,126.161,13.575,1306.5300000016578,1306.9550000072923,135.485,1410.6050000118557,1411.3000000070315,143.70499999495223,1433.4899999957997,15.344,15.344],15.552,15.552],154.35499997693114,1580.773],160.2650000131689,162.68500001751818,169.79000001447275,174.02999999467283,180.1549999800045,195.7950000069104,2026.0100000014063,203.29999999376014,2049.2700000177138,21.464,21.464],21.7,21.7],2108.2300000125542,219.86499999184161,225.414999993518,227.42499999003485,237.23999998765066,237.64000000664964,2416.7750000196975,2427.995000005467,2432.4049999995623,2559.4850000052247,2559.9550000042655,263.92999998643063,2686.6049999953248,2719.935000000987,2733.585000009043,277.6550000126008,3,3041.735000006156,3054.969999997411,311.4650000061374,32.44999999878928,3222.1300000092015,33.212,33.212],3452</t>
  </si>
  <si>
    <t>01/27/2020 11:25:19</t>
  </si>
  <si>
    <t>01/27/2020 11:25:20</t>
  </si>
  <si>
    <t>01/27/2020 11:25:22</t>
  </si>
  <si>
    <t>01/27/2020 11:32:31</t>
  </si>
  <si>
    <t>01/27/2020 11:30:56</t>
  </si>
  <si>
    <t>01/27/2020 11:31:30</t>
  </si>
  <si>
    <t>lu374522f032i.tmp</t>
  </si>
  <si>
    <t>\\acsfs\profiles$\VIVIANALDS\My Documents\lu374522f032i.tmp</t>
  </si>
  <si>
    <t>\\acsfs\profiles$\VIVIANALDS\My Documents\lu374522f032i.tmp\</t>
  </si>
  <si>
    <t>\\acsfs\profiles$\VIVIANALDS\My Documents\lu374522f032i.tmp\META-INF\</t>
  </si>
  <si>
    <t>\\acsfs\profiles$\VIVIANALDS\My Documents\lu374522f032i.tmp\Thumbnails\</t>
  </si>
  <si>
    <t>01/27/2020 11:31:40</t>
  </si>
  <si>
    <t>01/27/2020 11:31:41</t>
  </si>
  <si>
    <t>lu374522f032m.tmp</t>
  </si>
  <si>
    <t>\\acsfs\profiles$\VIVIANALDS\My Documents\lu374522f032m.tmp</t>
  </si>
  <si>
    <t>\\acsfs\profiles$\VIVIANALDS\My Documents\lu374522f032m.tmp\</t>
  </si>
  <si>
    <t>\\acsfs\profiles$\VIVIANALDS\My Documents\lu374522f032m.tmp\META-INF\</t>
  </si>
  <si>
    <t>\\acsfs\profiles$\VIVIANALDS\My Documents\lu374522f032m.tmp\Thumbnails\</t>
  </si>
  <si>
    <t>01/27/2020 11:33:32</t>
  </si>
  <si>
    <t>01/27/2020 11:31:19</t>
  </si>
  <si>
    <t>01/27/2020 11:31:20</t>
  </si>
  <si>
    <t>01/27/2020 11:31:43</t>
  </si>
  <si>
    <t>01/27/2020 11:31:44</t>
  </si>
  <si>
    <t>01/27/2020 11:29:40</t>
  </si>
  <si>
    <t>01/27/2020 11:34:31</t>
  </si>
  <si>
    <t>lu18020112c86.tmp</t>
  </si>
  <si>
    <t>\\acsfs\profiles$\dhiulliananads\My Documents\lu18020112c86.tmp</t>
  </si>
  <si>
    <t>\\acsfs\profiles$\dhiulliananads\My Documents\lu18020112c86.tmp\</t>
  </si>
  <si>
    <t>\\acsfs\profiles$\dhiulliananads\My Documents\lu18020112c86.tmp\META-INF\</t>
  </si>
  <si>
    <t>\\acsfs\profiles$\dhiulliananads\My Documents\lu18020112c86.tmp\Thumbnails\</t>
  </si>
  <si>
    <t>01/27/2020 11:36:31</t>
  </si>
  <si>
    <t>01/27/2020 11:35:09</t>
  </si>
  <si>
    <t>2f111a8c-160a-400a-a265-ac766710aaeb.tmp</t>
  </si>
  <si>
    <t>\\acsfs\profiles$\kellzylenneasr\Downloads\2f111a8c-160a-400a-a265-ac766710aaeb.tmp</t>
  </si>
  <si>
    <t>01/27/2020 11:32:22</t>
  </si>
  <si>
    <t>01/27/2020 11:37:32</t>
  </si>
  <si>
    <t>01/27/2020 11:37:10</t>
  </si>
  <si>
    <t>d3dc7d7d-2152-445f-9ec7-d4b529d6641f.tmp</t>
  </si>
  <si>
    <t>\\acsfs\profiles$\joselrb\Downloads\d3dc7d7d-2152-445f-9ec7-d4b529d6641f.tmp</t>
  </si>
  <si>
    <t>01/27/2020 11:38:31</t>
  </si>
  <si>
    <t>01/27/2020 11:36:54</t>
  </si>
  <si>
    <t>272f86ba-0ef6-42a7-8057-5f332fcd7ecc.tmp</t>
  </si>
  <si>
    <t>\\acsfs\profiles$\ALYNYA\Downloads\272f86ba-0ef6-42a7-8057-5f332fcd7ecc.tmp</t>
  </si>
  <si>
    <t>01/27/2020 11:38:42</t>
  </si>
  <si>
    <t>01/27/2020 11:39:32</t>
  </si>
  <si>
    <t>lu18020112c8b.tmp</t>
  </si>
  <si>
    <t>\\acsfs\profiles$\dhiulliananads\My Documents\lu18020112c8b.tmp</t>
  </si>
  <si>
    <t>\\acsfs\profiles$\dhiulliananads\My Documents\lu18020112c8b.tmp\</t>
  </si>
  <si>
    <t>\\acsfs\profiles$\dhiulliananads\My Documents\lu18020112c8b.tmp\META-INF\</t>
  </si>
  <si>
    <t>\\acsfs\profiles$\dhiulliananads\My Documents\lu18020112c8b.tmp\Thumbnails\</t>
  </si>
  <si>
    <t>01/27/2020 11:40:38</t>
  </si>
  <si>
    <t>01/27/2020 11:43:31</t>
  </si>
  <si>
    <t>01/27/2020 11:40:39</t>
  </si>
  <si>
    <t>lu239682j62ad.tmp</t>
  </si>
  <si>
    <t>\\acsfs\profiles$\Flaviojmm\My Documents\lu239682j62ad.tmp</t>
  </si>
  <si>
    <t>\\acsfs\profiles$\Flaviojmm\My Documents\lu239682j62ad.tmp\</t>
  </si>
  <si>
    <t>\\acsfs\profiles$\Flaviojmm\My Documents\lu239682j62ad.tmp\META-INF\</t>
  </si>
  <si>
    <t>\\acsfs\profiles$\Flaviojmm\My Documents\lu239682j62ad.tmp\Thumbnails\</t>
  </si>
  <si>
    <t>01/27/2020 11:46:31</t>
  </si>
  <si>
    <t>01/27/2020 11:41:54</t>
  </si>
  <si>
    <t>01/27/2020 11:42:18</t>
  </si>
  <si>
    <t>lu93084h0dq.tmp</t>
  </si>
  <si>
    <t>\\acsfs\profiles$\ALEXANDREMM\lu93084h0dq.tmp</t>
  </si>
  <si>
    <t>\\acsfs\profiles$\ALEXANDREMM\lu93084h0dq.tmp\</t>
  </si>
  <si>
    <t>\\acsfs\profiles$\ALEXANDREMM\lu93084h0dq.tmp\META-INF\</t>
  </si>
  <si>
    <t>\\acsfs\profiles$\ALEXANDREMM\lu93084h0dq.tmp\Thumbnails\</t>
  </si>
  <si>
    <t>01/27/2020 11:41:41</t>
  </si>
  <si>
    <t>01/27/2020 11:47:31</t>
  </si>
  <si>
    <t>01/27/2020 11:41:42</t>
  </si>
  <si>
    <t>lu2530431ygpn.tmp</t>
  </si>
  <si>
    <t>\\acsfs\profiles$\BRUNAAR\Numero\lu2530431ygpn.tmp</t>
  </si>
  <si>
    <t>01/27/2020 11:48:31</t>
  </si>
  <si>
    <t>01/27/2020 11:47:25</t>
  </si>
  <si>
    <t>2ef48399-b024-4146-a814-21103fcd48a3.tmp</t>
  </si>
  <si>
    <t>\\acsfs\profiles$\ALYNYA\Downloads\2ef48399-b024-4146-a814-21103fcd48a3.tmp</t>
  </si>
  <si>
    <t>01/27/2020 11:46:33</t>
  </si>
  <si>
    <t>8a0f65d4-2d23-4389-9b04-f2b80743d9d1.tmp</t>
  </si>
  <si>
    <t>\\acsfs\profiles$\victoriaksr\Downloads\8a0f65d4-2d23-4389-9b04-f2b80743d9d1.tmp</t>
  </si>
  <si>
    <t>01/27/2020 11:50:09</t>
  </si>
  <si>
    <t>01/27/2020 11:51:31</t>
  </si>
  <si>
    <t>4a17765b-299e-40b0-89b8-93fbdfa65b6c.tmp</t>
  </si>
  <si>
    <t>\\acsfs\profiles$\felipetds\Downloads\4a17765b-299e-40b0-89b8-93fbdfa65b6c.tmp</t>
  </si>
  <si>
    <t>01/27/2020 11:49:31</t>
  </si>
  <si>
    <t>31ac3266-cfaf-49c1-913d-fe3963903640.tmp</t>
  </si>
  <si>
    <t>\\acsfs\profiles$\kellzylenneasr\Downloads\31ac3266-cfaf-49c1-913d-fe3963903640.tmp</t>
  </si>
  <si>
    <t>01/27/2020 11:46:40</t>
  </si>
  <si>
    <t>f00e7826-c589-490c-947f-23812b2567d9.tmp</t>
  </si>
  <si>
    <t>\\acsfs\profiles$\gabrielafs\Downloads\f00e7826-c589-490c-947f-23812b2567d9.tmp</t>
  </si>
  <si>
    <t>01/27/2020 11:47:01</t>
  </si>
  <si>
    <t>01/27/2020 11:52:32</t>
  </si>
  <si>
    <t>01/27/2020 11:50:29</t>
  </si>
  <si>
    <t>marianadjc@algartech.com</t>
  </si>
  <si>
    <t>01/27/2020 11:56:31</t>
  </si>
  <si>
    <t>01/27/2020 11:54:45</t>
  </si>
  <si>
    <t>01/27/2020 11:51:41</t>
  </si>
  <si>
    <t>lu93084h0du.tmp</t>
  </si>
  <si>
    <t>\\acsfs\profiles$\ALEXANDREMM\lu93084h0du.tmp</t>
  </si>
  <si>
    <t>\\acsfs\profiles$\ALEXANDREMM\lu93084h0du.tmp\</t>
  </si>
  <si>
    <t>\\acsfs\profiles$\ALEXANDREMM\lu93084h0du.tmp\META-INF\</t>
  </si>
  <si>
    <t>\\acsfs\profiles$\ALEXANDREMM\lu93084h0du.tmp\Thumbnails\</t>
  </si>
  <si>
    <t>01/27/2020 11:59:23</t>
  </si>
  <si>
    <t>01/27/2020 12:02:31</t>
  </si>
  <si>
    <t>lu374522f032q.tmp</t>
  </si>
  <si>
    <t>\\acsfs\profiles$\VIVIANALDS\My Documents\lu374522f032q.tmp</t>
  </si>
  <si>
    <t>\\acsfs\profiles$\VIVIANALDS\My Documents\lu374522f032q.tmp\</t>
  </si>
  <si>
    <t>\\acsfs\profiles$\VIVIANALDS\My Documents\lu374522f032q.tmp\META-INF\</t>
  </si>
  <si>
    <t>\\acsfs\profiles$\VIVIANALDS\My Documents\lu374522f032q.tmp\Thumbnails\</t>
  </si>
  <si>
    <t>01/27/2020 12:01:32</t>
  </si>
  <si>
    <t>01/27/2020 12:03:32</t>
  </si>
  <si>
    <t>01/27/2020 12:01:33</t>
  </si>
  <si>
    <t>lu239682j62aq.tmp</t>
  </si>
  <si>
    <t>\\acsfs\profiles$\Flaviojmm\My Documents\lu239682j62aq.tmp</t>
  </si>
  <si>
    <t>\\acsfs\profiles$\Flaviojmm\My Documents\lu239682j62aq.tmp\</t>
  </si>
  <si>
    <t>\\acsfs\profiles$\Flaviojmm\My Documents\lu239682j62aq.tmp\META-INF\</t>
  </si>
  <si>
    <t>\\acsfs\profiles$\Flaviojmm\My Documents\lu239682j62aq.tmp\Thumbnails\</t>
  </si>
  <si>
    <t>01/27/2020 12:00:05</t>
  </si>
  <si>
    <t>01/27/2020 12:05:32</t>
  </si>
  <si>
    <t>f7ca083f-8df7-45b9-8a1d-17247d526276.tmp</t>
  </si>
  <si>
    <t>\\acsfs\profiles$\sarahbal\Downloads\f7ca083f-8df7-45b9-8a1d-17247d526276.tmp</t>
  </si>
  <si>
    <t>01/27/2020 12:02:52</t>
  </si>
  <si>
    <t>397f00e7-9fa1-4512-b0bf-6d0a86473eb7.tmp</t>
  </si>
  <si>
    <t>\\acsfs\profiles$\lorenabmc\Downloads\397f00e7-9fa1-4512-b0bf-6d0a86473eb7.tmp</t>
  </si>
  <si>
    <t>01/27/2020 12:01:55</t>
  </si>
  <si>
    <t>01/27/2020 12:07:31</t>
  </si>
  <si>
    <t>01/27/2020 12:04:54</t>
  </si>
  <si>
    <t>01/27/2020 12:05:11</t>
  </si>
  <si>
    <t>01/27/2020 12:05:26</t>
  </si>
  <si>
    <t>01/27/2020 12:02:18</t>
  </si>
  <si>
    <t>01/27/2020 12:02:19</t>
  </si>
  <si>
    <t>lu374522f032u.tmp</t>
  </si>
  <si>
    <t>\\acsfs\profiles$\VIVIANALDS\My Documents\lu374522f032u.tmp</t>
  </si>
  <si>
    <t>\\acsfs\profiles$\VIVIANALDS\My Documents\lu374522f032u.tmp\</t>
  </si>
  <si>
    <t>\\acsfs\profiles$\VIVIANALDS\My Documents\lu374522f032u.tmp\META-INF\</t>
  </si>
  <si>
    <t>\\acsfs\profiles$\VIVIANALDS\My Documents\lu374522f032u.tmp\Thumbnails\</t>
  </si>
  <si>
    <t>01/27/2020 12:06:00</t>
  </si>
  <si>
    <t>01/27/2020 12:09:31</t>
  </si>
  <si>
    <t>mail.google.com/mail/u/0/?tab=rm1#inbox/FMfcgxwGCtPkhQvfKKbnFHVlhndrVbbV</t>
  </si>
  <si>
    <t>C:\Users\raicdf\Pictures\</t>
  </si>
  <si>
    <t>erro 1.jpg</t>
  </si>
  <si>
    <t>01/27/2020 12:06:28</t>
  </si>
  <si>
    <t>erro 2.jpg</t>
  </si>
  <si>
    <t>01/27/2020 12:06:52</t>
  </si>
  <si>
    <t>01/27/2020 12:06:53</t>
  </si>
  <si>
    <t>mail.google.com/_/upload?authuser=0&amp;dcp=asu-n&amp;upload_id=AEnB2Up5Hs7N4ne4PNdA_PtyTD9fLt1voZaGvEu8w5bB7oTp9HvkXLY51ju27gWwtaKcrvlklfahxl008YrGz6cm0B04nFNlb4s4noSymmypdnVioeeb1LI&amp;upload_protocol=resumable</t>
  </si>
  <si>
    <t>01/27/2020 12:06:55</t>
  </si>
  <si>
    <t>01/27/2020 12:06:56</t>
  </si>
  <si>
    <t>01/27/2020 12:10:20</t>
  </si>
  <si>
    <t>01/27/2020 12:12:31</t>
  </si>
  <si>
    <t>01/27/2020 12:13:32</t>
  </si>
  <si>
    <t>01/27/2020 12:10:16</t>
  </si>
  <si>
    <t>7a755436-a63d-4b77-a6d4-99bec6e2377e.tmp</t>
  </si>
  <si>
    <t>\\acsfs\profiles$\victoriaksr\Downloads\7a755436-a63d-4b77-a6d4-99bec6e2377e.tmp</t>
  </si>
  <si>
    <t>01/27/2020 12:13:49</t>
  </si>
  <si>
    <t>01/27/2020 12:15:31</t>
  </si>
  <si>
    <t>abb61541-96b4-4e91-b192-4558496ef55a.tmp</t>
  </si>
  <si>
    <t>\\acsfs\profiles$\danielac\Downloads\abb61541-96b4-4e91-b192-4558496ef55a.tmp</t>
  </si>
  <si>
    <t>01/27/2020 12:14:09</t>
  </si>
  <si>
    <t>01/27/2020 12:16:31</t>
  </si>
  <si>
    <t>eae7f0ce-aab1-4761-a0db-bf4f51cda90a.tmp</t>
  </si>
  <si>
    <t>\\acsfs\profiles$\felipetds\Downloads\eae7f0ce-aab1-4761-a0db-bf4f51cda90a.tmp</t>
  </si>
  <si>
    <t>01/27/2020 12:12:23</t>
  </si>
  <si>
    <t>e6a76c74-4e87-481f-afb4-f553e8832f59.tmp</t>
  </si>
  <si>
    <t>\\acsfs\profiles$\eduardobb\Downloads\e6a76c74-4e87-481f-afb4-f553e8832f59.tmp</t>
  </si>
  <si>
    <t>01/27/2020 12:15:10</t>
  </si>
  <si>
    <t>01/27/2020 12:17:31</t>
  </si>
  <si>
    <t>\\acsfs\profiles$\katiahmdj\Downloads\</t>
  </si>
  <si>
    <t>Relatorio.Recibo.Ferias_20200127121432210616.xls.r9h22ea.partial</t>
  </si>
  <si>
    <t>\\acsfs\profiles$\katiahmdj\Downloads\Relatorio.Recibo.Ferias_20200127121432210616.xls.r9h22ea.partial</t>
  </si>
  <si>
    <t>01/27/2020 12:15:57</t>
  </si>
  <si>
    <t>01/27/2020 12:21:31</t>
  </si>
  <si>
    <t>479f40cc-1029-49f9-904a-aab4881c0e1c.tmp</t>
  </si>
  <si>
    <t>\\acsfs\profiles$\eduardobb\Downloads\479f40cc-1029-49f9-904a-aab4881c0e1c.tmp</t>
  </si>
  <si>
    <t>01/27/2020 12:18:38</t>
  </si>
  <si>
    <t>01/27/2020 12:22:31</t>
  </si>
  <si>
    <t>Relatorio.Recibo.Ferias_20200127115825210616.pdf.l5yh1y8.partial</t>
  </si>
  <si>
    <t>\\acsfs\profiles$\katiahmdj\Downloads\Relatorio.Recibo.Ferias_20200127115825210616.pdf.l5yh1y8.partial</t>
  </si>
  <si>
    <t>01/27/2020 12:19:10</t>
  </si>
  <si>
    <t>Relatorio.Recibo.Ferias_20200127121432210616 (1).xls.kfugj95.partial</t>
  </si>
  <si>
    <t>\\acsfs\profiles$\katiahmdj\Downloads\Relatorio.Recibo.Ferias_20200127121432210616 (1).xls.kfugj95.partial</t>
  </si>
  <si>
    <t>01/27/2020 12:21:20</t>
  </si>
  <si>
    <t>01/27/2020 12:21:53</t>
  </si>
  <si>
    <t>01/27/2020 12:25:31</t>
  </si>
  <si>
    <t>914369d9-f94c-4f81-8bcc-1558709c252e.tmp</t>
  </si>
  <si>
    <t>\\acsfs\profiles$\jhonatadss\Downloads\914369d9-f94c-4f81-8bcc-1558709c252e.tmp</t>
  </si>
  <si>
    <t>01/27/2020 12:26:22</t>
  </si>
  <si>
    <t>01/27/2020 12:26:31</t>
  </si>
  <si>
    <t>0de9f4af-d06a-4237-bb1a-c0c92b594edc.tmp</t>
  </si>
  <si>
    <t>\\acsfs\profiles$\henriquehmdo\Downloads\0de9f4af-d06a-4237-bb1a-c0c92b594edc.tmp</t>
  </si>
  <si>
    <t>01/27/2020 12:26:23</t>
  </si>
  <si>
    <t>565c080f-ca51-467f-a018-13195c336c69.tmp</t>
  </si>
  <si>
    <t>\\acsfs\profiles$\henriquehmdo\Downloads\565c080f-ca51-467f-a018-13195c336c69.tmp</t>
  </si>
  <si>
    <t>01/27/2020 12:26:08</t>
  </si>
  <si>
    <t>01/27/2020 12:27:31</t>
  </si>
  <si>
    <t>01/27/2020 12:26:09</t>
  </si>
  <si>
    <t>lu2530431ygpr.tmp</t>
  </si>
  <si>
    <t>\\acsfs\profiles$\BRUNAAR\Numero\lu2530431ygpr.tmp</t>
  </si>
  <si>
    <t>01/27/2020 12:22:40</t>
  </si>
  <si>
    <t>01/27/2020 12:28:52</t>
  </si>
  <si>
    <t>01/27/2020 12:30:31</t>
  </si>
  <si>
    <t>191248d2-3c1a-4e4b-b7ab-5b3c8c76a519.tmp</t>
  </si>
  <si>
    <t>\\acsfs\profiles$\lorenabmc\Downloads\191248d2-3c1a-4e4b-b7ab-5b3c8c76a519.tmp</t>
  </si>
  <si>
    <t>01/27/2020 12:26:28</t>
  </si>
  <si>
    <t>01/27/2020 12:31:31</t>
  </si>
  <si>
    <t>fd64e2fb-b37d-4e7c-8b26-0e522d70497b.tmp</t>
  </si>
  <si>
    <t>\\acsfs\profiles$\henriquehmdo\Downloads\fd64e2fb-b37d-4e7c-8b26-0e522d70497b.tmp</t>
  </si>
  <si>
    <t>01/27/2020 12:27:18</t>
  </si>
  <si>
    <t>01/27/2020 12:32:31</t>
  </si>
  <si>
    <t>lu2530431ygpv.tmp</t>
  </si>
  <si>
    <t>\\acsfs\profiles$\BRUNAAR\Numero\lu2530431ygpv.tmp</t>
  </si>
  <si>
    <t>01/27/2020 12:33:31</t>
  </si>
  <si>
    <t>01/27/2020 12:30:26</t>
  </si>
  <si>
    <t>01/27/2020 12:30:27</t>
  </si>
  <si>
    <t>lu13836bcf1.tmp</t>
  </si>
  <si>
    <t>\\acsfs\profiles$\victoriaksr\My Documents\lu13836bcf1.tmp</t>
  </si>
  <si>
    <t>01/27/2020 12:34:17</t>
  </si>
  <si>
    <t>01/27/2020 12:37:32</t>
  </si>
  <si>
    <t>01/27/2020 12:34:19</t>
  </si>
  <si>
    <t>lu374522f032y.tmp</t>
  </si>
  <si>
    <t>\\acsfs\profiles$\VIVIANALDS\My Documents\lu374522f032y.tmp</t>
  </si>
  <si>
    <t>\\acsfs\profiles$\VIVIANALDS\My Documents\lu374522f032y.tmp\</t>
  </si>
  <si>
    <t>\\acsfs\profiles$\VIVIANALDS\My Documents\lu374522f032y.tmp\META-INF\</t>
  </si>
  <si>
    <t>\\acsfs\profiles$\VIVIANALDS\My Documents\lu374522f032y.tmp\Thumbnails\</t>
  </si>
  <si>
    <t>01/27/2020 12:35:02</t>
  </si>
  <si>
    <t>01/27/2020 12:35:03</t>
  </si>
  <si>
    <t>lu374522f0332.tmp</t>
  </si>
  <si>
    <t>\\acsfs\profiles$\VIVIANALDS\My Documents\lu374522f0332.tmp</t>
  </si>
  <si>
    <t>\\acsfs\profiles$\VIVIANALDS\My Documents\lu374522f0332.tmp\</t>
  </si>
  <si>
    <t>\\acsfs\profiles$\VIVIANALDS\My Documents\lu374522f0332.tmp\META-INF\</t>
  </si>
  <si>
    <t>\\acsfs\profiles$\VIVIANALDS\My Documents\lu374522f0332.tmp\Thumbnails\</t>
  </si>
  <si>
    <t>01/27/2020 12:37:31</t>
  </si>
  <si>
    <t>01/27/2020 12:39:31</t>
  </si>
  <si>
    <t>01/27/2020 12:37:33</t>
  </si>
  <si>
    <t>lu18020112c8g.tmp</t>
  </si>
  <si>
    <t>\\acsfs\profiles$\dhiulliananads\My Documents\lu18020112c8g.tmp</t>
  </si>
  <si>
    <t>\\acsfs\profiles$\dhiulliananads\My Documents\lu18020112c8g.tmp\</t>
  </si>
  <si>
    <t>\\acsfs\profiles$\dhiulliananads\My Documents\lu18020112c8g.tmp\META-INF\</t>
  </si>
  <si>
    <t>\\acsfs\profiles$\dhiulliananads\My Documents\lu18020112c8g.tmp\Thumbnails\</t>
  </si>
  <si>
    <t>01/27/2020 12:41:31</t>
  </si>
  <si>
    <t>01/27/2020 12:37:25</t>
  </si>
  <si>
    <t>lu93084h0e7.tmp</t>
  </si>
  <si>
    <t>\\acsfs\profiles$\ALEXANDREMM\lu93084h0e7.tmp</t>
  </si>
  <si>
    <t>\\acsfs\profiles$\ALEXANDREMM\lu93084h0e7.tmp\</t>
  </si>
  <si>
    <t>\\acsfs\profiles$\ALEXANDREMM\lu93084h0e7.tmp\META-INF\</t>
  </si>
  <si>
    <t>\\acsfs\profiles$\ALEXANDREMM\lu93084h0e7.tmp\Thumbnails\</t>
  </si>
  <si>
    <t>01/27/2020 12:40:45</t>
  </si>
  <si>
    <t>01/27/2020 12:42:31</t>
  </si>
  <si>
    <t>01/27/2020 12:40:05</t>
  </si>
  <si>
    <t>01/27/2020 12:47:32</t>
  </si>
  <si>
    <t>01/27/2020 12:40:06</t>
  </si>
  <si>
    <t>lu269603vyu22.tmp</t>
  </si>
  <si>
    <t>\\acsfs\profiles$\ALYNYA\My Documents\lu269603vyu22.tmp</t>
  </si>
  <si>
    <t>\\acsfs\profiles$\ALYNYA\My Documents\lu269603vyu22.tmp\</t>
  </si>
  <si>
    <t>\\acsfs\profiles$\ALYNYA\My Documents\lu269603vyu22.tmp\META-INF\</t>
  </si>
  <si>
    <t>\\acsfs\profiles$\ALYNYA\My Documents\lu269603vyu22.tmp\Thumbnails\</t>
  </si>
  <si>
    <t>01/27/2020 12:43:29</t>
  </si>
  <si>
    <t>01/27/2020 12:46:56</t>
  </si>
  <si>
    <t>70b59cf8-8f02-4efb-856b-0c14ad401976.tmp</t>
  </si>
  <si>
    <t>\\acsfs\profiles$\websondsa\Downloads\70b59cf8-8f02-4efb-856b-0c14ad401976.tmp</t>
  </si>
  <si>
    <t>01/27/2020 12:44:30</t>
  </si>
  <si>
    <t>01/27/2020 12:48:31</t>
  </si>
  <si>
    <t>01/27/2020 12:44:31</t>
  </si>
  <si>
    <t>lu239682j62az.tmp</t>
  </si>
  <si>
    <t>\\acsfs\profiles$\Flaviojmm\My Documents\lu239682j62az.tmp</t>
  </si>
  <si>
    <t>\\acsfs\profiles$\Flaviojmm\My Documents\lu239682j62az.tmp\</t>
  </si>
  <si>
    <t>\\acsfs\profiles$\Flaviojmm\My Documents\lu239682j62az.tmp\META-INF\</t>
  </si>
  <si>
    <t>\\acsfs\profiles$\Flaviojmm\My Documents\lu239682j62az.tmp\Thumbnails\</t>
  </si>
  <si>
    <t>01/27/2020 12:48:33</t>
  </si>
  <si>
    <t>01/27/2020 12:51:31</t>
  </si>
  <si>
    <t>01/27/2020 12:52:32</t>
  </si>
  <si>
    <t>lu93084h0ee.tmp</t>
  </si>
  <si>
    <t>\\acsfs\profiles$\ALEXANDREMM\lu93084h0ee.tmp</t>
  </si>
  <si>
    <t>\\acsfs\profiles$\ALEXANDREMM\lu93084h0ee.tmp\</t>
  </si>
  <si>
    <t>01/27/2020 12:50:39</t>
  </si>
  <si>
    <t>d9d12f97-434e-4800-b0bc-52c92a03ee81.tmp</t>
  </si>
  <si>
    <t>\\acsfs\profiles$\marcellewdl\Downloads\d9d12f97-434e-4800-b0bc-52c92a03ee81.tmp</t>
  </si>
  <si>
    <t>\\acsfs\profiles$\ALEXANDREMM\lu93084h0ee.tmp\META-INF\</t>
  </si>
  <si>
    <t>\\acsfs\profiles$\ALEXANDREMM\lu93084h0ee.tmp\Thumbnails\</t>
  </si>
  <si>
    <t>01/27/2020 12:48:21</t>
  </si>
  <si>
    <t>01/27/2020 12:48:22</t>
  </si>
  <si>
    <t>lu2530431ygpz.tmp</t>
  </si>
  <si>
    <t>\\acsfs\profiles$\BRUNAAR\Numero\lu2530431ygpz.tmp</t>
  </si>
  <si>
    <t>01/27/2020 12:47:54</t>
  </si>
  <si>
    <t>80ff531f-a718-4413-af43-f4345a364d99.tmp</t>
  </si>
  <si>
    <t>\\acsfs\profiles$\laylaams\Downloads\80ff531f-a718-4413-af43-f4345a364d99.tmp</t>
  </si>
  <si>
    <t>01/27/2020 12:49:27</t>
  </si>
  <si>
    <t>764fc985-c561-4496-b088-fb9a485dfa30.tmp</t>
  </si>
  <si>
    <t>\\acsfs\profiles$\laylaams\Downloads\764fc985-c561-4496-b088-fb9a485dfa30.tmp</t>
  </si>
  <si>
    <t>01/27/2020 12:49:33</t>
  </si>
  <si>
    <t>9d0fff77-2b00-45ee-9d08-29de6dc87fe4.tmp</t>
  </si>
  <si>
    <t>\\acsfs\profiles$\laylaams\Downloads\9d0fff77-2b00-45ee-9d08-29de6dc87fe4.tmp</t>
  </si>
  <si>
    <t>01/27/2020 12:48:06</t>
  </si>
  <si>
    <t>01/27/2020 12:48:07</t>
  </si>
  <si>
    <t>lu374522f0336.tmp</t>
  </si>
  <si>
    <t>\\acsfs\profiles$\VIVIANALDS\My Documents\lu374522f0336.tmp</t>
  </si>
  <si>
    <t>\\acsfs\profiles$\VIVIANALDS\My Documents\lu374522f0336.tmp\</t>
  </si>
  <si>
    <t>\\acsfs\profiles$\VIVIANALDS\My Documents\lu374522f0336.tmp\META-INF\</t>
  </si>
  <si>
    <t>\\acsfs\profiles$\VIVIANALDS\My Documents\lu374522f0336.tmp\Thumbnails\</t>
  </si>
  <si>
    <t>01/27/2020 12:54:31</t>
  </si>
  <si>
    <t>01/27/2020 12:51:33</t>
  </si>
  <si>
    <t>055c591d-e7a5-4b49-b22b-dd1dfcc8e88d.tmp</t>
  </si>
  <si>
    <t>\\acsfs\profiles$\brunalas\Downloads\055c591d-e7a5-4b49-b22b-dd1dfcc8e88d.tmp</t>
  </si>
  <si>
    <t>01/27/2020 12:51:52</t>
  </si>
  <si>
    <t>988992de-29f6-44f7-bcaf-9f4611410e77.tmp</t>
  </si>
  <si>
    <t>\\acsfs\profiles$\brunalas\Downloads\988992de-29f6-44f7-bcaf-9f4611410e77.tmp</t>
  </si>
  <si>
    <t>01/27/2020 12:52:11</t>
  </si>
  <si>
    <t>dedc58f1-d78e-4869-bf7e-b0f4b803c266.tmp</t>
  </si>
  <si>
    <t>\\acsfs\profiles$\brunalas\Downloads\dedc58f1-d78e-4869-bf7e-b0f4b803c266.tmp</t>
  </si>
  <si>
    <t>01/27/2020 12:53:30</t>
  </si>
  <si>
    <t>f3d218ae-8f47-417e-aac7-94b8dab44faa.tmp</t>
  </si>
  <si>
    <t>\\acsfs\profiles$\brunalas\Downloads\f3d218ae-8f47-417e-aac7-94b8dab44faa.tmp</t>
  </si>
  <si>
    <t>01/27/2020 12:54:03</t>
  </si>
  <si>
    <t>01/27/2020 12:57:32</t>
  </si>
  <si>
    <t>ca4fd903-d7cf-4656-b083-3e03ffc19eb8.tmp</t>
  </si>
  <si>
    <t>\\acsfs\profiles$\THYAGOSP\Downloads\ca4fd903-d7cf-4656-b083-3e03ffc19eb8.tmp</t>
  </si>
  <si>
    <t>01/27/2020 12:59:31</t>
  </si>
  <si>
    <t>01/27/2020 12:57:07</t>
  </si>
  <si>
    <t>ambulatorio@algartech.com;</t>
  </si>
  <si>
    <t>ambulatorio@algartech.com</t>
  </si>
  <si>
    <t>01/27/2020 13:03:32</t>
  </si>
  <si>
    <t>01/27/2020 13:01:54</t>
  </si>
  <si>
    <t>01/27/2020 13:01:39</t>
  </si>
  <si>
    <t>01/27/2020 13:05:32</t>
  </si>
  <si>
    <t>01/27/2020 13:01:40</t>
  </si>
  <si>
    <t>01/27/2020 13:01:58</t>
  </si>
  <si>
    <t>01/27/2020 13:06:31</t>
  </si>
  <si>
    <t>$IWK8W38</t>
  </si>
  <si>
    <t>\\acsfs\profiles$\nathalydds\Downloads\$RECYCLE.BIN\$IWK8W38</t>
  </si>
  <si>
    <t>$I9V7AOF</t>
  </si>
  <si>
    <t>\\acsfs\profiles$\nathalydds\Downloads\$RECYCLE.BIN\$I9V7AOF</t>
  </si>
  <si>
    <t>01/27/2020 13:02:01</t>
  </si>
  <si>
    <t>$I5Q75IM</t>
  </si>
  <si>
    <t>\\acsfs\profiles$\nathalydds\Downloads\$RECYCLE.BIN\$I5Q75IM</t>
  </si>
  <si>
    <t>01/27/2020 13:01:18</t>
  </si>
  <si>
    <t>01/27/2020 13:05:19</t>
  </si>
  <si>
    <t>2ed4d081-5fb3-4286-8a22-fd1af7f5cdc6.tmp</t>
  </si>
  <si>
    <t>\\acsfs\profiles$\lorrainerdl\Downloads\2ed4d081-5fb3-4286-8a22-fd1af7f5cdc6.tmp</t>
  </si>
  <si>
    <t>01/27/2020 13:08:08</t>
  </si>
  <si>
    <t>01/27/2020 13:08:31</t>
  </si>
  <si>
    <t>01/27/2020 13:06:13</t>
  </si>
  <si>
    <t>01/27/2020 13:10:31</t>
  </si>
  <si>
    <t>01/27/2020 13:06:18</t>
  </si>
  <si>
    <t>01/27/2020 13:06:20</t>
  </si>
  <si>
    <t>01/27/2020 13:09:53</t>
  </si>
  <si>
    <t>01/27/2020 13:09:18</t>
  </si>
  <si>
    <t>01/27/2020 13:11:31</t>
  </si>
  <si>
    <t>deada293-3a9e-4233-b6b3-8996f0d25f0b.tmp</t>
  </si>
  <si>
    <t>\\acsfs\profiles$\felipetds\Downloads\deada293-3a9e-4233-b6b3-8996f0d25f0b.tmp</t>
  </si>
  <si>
    <t>01/27/2020 13:09:31</t>
  </si>
  <si>
    <t>b7aa1824-c587-4db2-9e9b-3761fe49bd9e.tmp</t>
  </si>
  <si>
    <t>\\acsfs\profiles$\gabrielafs\Downloads\b7aa1824-c587-4db2-9e9b-3761fe49bd9e.tmp</t>
  </si>
  <si>
    <t>01/27/2020 13:10:08</t>
  </si>
  <si>
    <t>01/27/2020 13:13:31</t>
  </si>
  <si>
    <t>01/27/2020 13:10:01</t>
  </si>
  <si>
    <t>01/27/2020 13:14:32</t>
  </si>
  <si>
    <t>336739c2-7bd9-4186-908d-3a0746d4ef42.tmp</t>
  </si>
  <si>
    <t>\\acsfs\profiles$\brunalas\Downloads\336739c2-7bd9-4186-908d-3a0746d4ef42.tmp</t>
  </si>
  <si>
    <t>01/27/2020 13:11:12</t>
  </si>
  <si>
    <t>01/27/2020 13:15:31</t>
  </si>
  <si>
    <t>38476f53-4905-4124-ae1d-a6a94c4fa30d.tmp</t>
  </si>
  <si>
    <t>\\acsfs\profiles$\sarahbal\Downloads\38476f53-4905-4124-ae1d-a6a94c4fa30d.tmp</t>
  </si>
  <si>
    <t>01/27/2020 13:12:13</t>
  </si>
  <si>
    <t>01/27/2020 13:16:32</t>
  </si>
  <si>
    <t>81d54c75-3d08-46be-af8a-6f2bf6eff3db.tmp</t>
  </si>
  <si>
    <t>\\acsfs\profiles$\felipetds\Downloads\81d54c75-3d08-46be-af8a-6f2bf6eff3db.tmp</t>
  </si>
  <si>
    <t>01/27/2020 13:12:43</t>
  </si>
  <si>
    <t>d51c8b70-2462-4d3e-844b-409ac356f80b.tmp</t>
  </si>
  <si>
    <t>\\acsfs\profiles$\lucasgpe\Downloads\d51c8b70-2462-4d3e-844b-409ac356f80b.tmp</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1"/>
      <color theme="1"/>
      <name val="Calibri"/>
      <family val="2"/>
      <scheme val="minor"/>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57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 fillId="32" borderId="0" applyNumberFormat="0" applyBorder="0" applyAlignment="0" applyProtection="0"/>
  </cellStyleXfs>
  <cellXfs count="4">
    <xf numFmtId="0" fontId="0" fillId="0" borderId="0" xfId="0"/>
    <xf numFmtId="11" fontId="0" fillId="0" borderId="0" xfId="0" applyNumberFormat="1"/>
    <xf numFmtId="14" fontId="0" fillId="0" borderId="0" xfId="0" applyNumberFormat="1"/>
    <xf numFmtId="21" fontId="0" fillId="0" borderId="0" xfId="0" applyNumberFormat="1"/>
  </cellXfs>
  <cellStyles count="42">
    <cellStyle name="20% - Ênfase1" xfId="19" builtinId="30" customBuiltin="1"/>
    <cellStyle name="20% - Ênfase2" xfId="23" builtinId="34" customBuiltin="1"/>
    <cellStyle name="20% - Ênfase3" xfId="27" builtinId="38" customBuiltin="1"/>
    <cellStyle name="20% - Ênfase4" xfId="31" builtinId="42" customBuiltin="1"/>
    <cellStyle name="20% - Ênfase5" xfId="35" builtinId="46" customBuiltin="1"/>
    <cellStyle name="20% - Ênfase6" xfId="39" builtinId="50" customBuiltin="1"/>
    <cellStyle name="40% - Ênfase1" xfId="20" builtinId="31" customBuiltin="1"/>
    <cellStyle name="40% - Ênfase2" xfId="24" builtinId="35" customBuiltin="1"/>
    <cellStyle name="40% - Ênfase3" xfId="28" builtinId="39" customBuiltin="1"/>
    <cellStyle name="40% - Ênfase4" xfId="32" builtinId="43" customBuiltin="1"/>
    <cellStyle name="40% - Ênfase5" xfId="36" builtinId="47" customBuiltin="1"/>
    <cellStyle name="40% - Ênfase6" xfId="40" builtinId="51" customBuiltin="1"/>
    <cellStyle name="60% - Ênfase1" xfId="21" builtinId="32" customBuiltin="1"/>
    <cellStyle name="60% - Ênfase2" xfId="25" builtinId="36" customBuiltin="1"/>
    <cellStyle name="60% - Ênfase3" xfId="29" builtinId="40" customBuiltin="1"/>
    <cellStyle name="60% - Ênfase4" xfId="33" builtinId="44" customBuiltin="1"/>
    <cellStyle name="60% - Ênfase5" xfId="37" builtinId="48" customBuiltin="1"/>
    <cellStyle name="60% - Ênfase6" xfId="41" builtinId="52" customBuiltin="1"/>
    <cellStyle name="Bom" xfId="6" builtinId="26" customBuiltin="1"/>
    <cellStyle name="Cálculo" xfId="11" builtinId="22" customBuiltin="1"/>
    <cellStyle name="Célula de Verificação" xfId="13" builtinId="23" customBuiltin="1"/>
    <cellStyle name="Célula Vinculada" xfId="12" builtinId="24" customBuiltin="1"/>
    <cellStyle name="Ênfase1" xfId="18" builtinId="29" customBuiltin="1"/>
    <cellStyle name="Ênfase2" xfId="22" builtinId="33" customBuiltin="1"/>
    <cellStyle name="Ênfase3" xfId="26" builtinId="37" customBuiltin="1"/>
    <cellStyle name="Ênfase4" xfId="30" builtinId="41" customBuiltin="1"/>
    <cellStyle name="Ênfase5" xfId="34" builtinId="45" customBuiltin="1"/>
    <cellStyle name="Ênfase6" xfId="38" builtinId="49" customBuiltin="1"/>
    <cellStyle name="Entrada" xfId="9" builtinId="20" customBuiltin="1"/>
    <cellStyle name="Neutro" xfId="8" builtinId="28" customBuiltin="1"/>
    <cellStyle name="Normal" xfId="0" builtinId="0"/>
    <cellStyle name="Nota" xfId="15" builtinId="10" customBuiltin="1"/>
    <cellStyle name="Ruim" xfId="7" builtinId="27" customBuiltin="1"/>
    <cellStyle name="Saída" xfId="10" builtinId="21" customBuiltin="1"/>
    <cellStyle name="Texto de Aviso" xfId="14" builtinId="11" customBuiltin="1"/>
    <cellStyle name="Texto Explicativo" xfId="16" builtinId="53" customBuiltin="1"/>
    <cellStyle name="Título" xfId="1" builtinId="15" customBuiltin="1"/>
    <cellStyle name="Título 1" xfId="2" builtinId="16" customBuiltin="1"/>
    <cellStyle name="Título 2" xfId="3" builtinId="17" customBuiltin="1"/>
    <cellStyle name="Título 3" xfId="4" builtinId="18" customBuiltin="1"/>
    <cellStyle name="Título 4" xfId="5" builtinId="19" customBuiltin="1"/>
    <cellStyle name="Total" xfId="17" builtinId="25"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Planilhas</vt:lpstr>
      </vt:variant>
      <vt:variant>
        <vt:i4>1</vt:i4>
      </vt:variant>
    </vt:vector>
  </HeadingPairs>
  <TitlesOfParts>
    <vt:vector size="1" baseType="lpstr">
      <vt:lpstr>ALGAR_27012020</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esley Eloy</cp:lastModifiedBy>
  <dcterms:created xsi:type="dcterms:W3CDTF">2020-01-27T17:33:18Z</dcterms:created>
  <dcterms:modified xsi:type="dcterms:W3CDTF">2020-01-27T17:33:23Z</dcterms:modified>
</cp:coreProperties>
</file>